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介護保険事業状況報告\02_月報HP\R3年度\"/>
    </mc:Choice>
  </mc:AlternateContent>
  <bookViews>
    <workbookView xWindow="240" yWindow="72" windowWidth="14940" windowHeight="8556" tabRatio="854"/>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_FilterDatabase" localSheetId="1" hidden="1">'第２-1表'!$A$6:$KL$6</definedName>
    <definedName name="_xlnm.Print_Area" localSheetId="0">第１表!$A$1:$J$41</definedName>
    <definedName name="_xlnm.Print_Area" localSheetId="1">'第２-1表'!$A$1:$KL$41</definedName>
    <definedName name="_xlnm.Print_Area" localSheetId="2">'第２-2表'!$A$1:$KL$41</definedName>
    <definedName name="_xlnm.Print_Area" localSheetId="3">'第２-3表'!$A$1:$KL$41</definedName>
    <definedName name="_xlnm.Print_Area" localSheetId="8">'第3-3-1表'!$A$1:$CV$40</definedName>
    <definedName name="_xlnm.Print_Area" localSheetId="9">'第3-3-2表'!$A$1:$CV$40</definedName>
    <definedName name="_xlnm.Print_Area" localSheetId="10">'第3-3-3表 '!$A$1:$CV$40</definedName>
    <definedName name="_xlnm.Print_Titles" localSheetId="1">'第２-1表'!$A:$A,'第２-1表'!$1:$2</definedName>
    <definedName name="_xlnm.Print_Titles" localSheetId="2">'第２-2表'!$A:$A,'第２-2表'!$1:$2</definedName>
    <definedName name="_xlnm.Print_Titles" localSheetId="3">'第２-3表'!$A:$A,'第２-3表'!$1:$2</definedName>
    <definedName name="_xlnm.Print_Titles" localSheetId="4">'第３-1表'!$A:$A</definedName>
    <definedName name="_xlnm.Print_Titles" localSheetId="5">'第３-2-1表'!$A:$A,'第３-2-1表'!$1:$2</definedName>
    <definedName name="_xlnm.Print_Titles" localSheetId="6">'第３-2-2表'!$A:$A,'第３-2-2表'!$1:$2</definedName>
    <definedName name="_xlnm.Print_Titles" localSheetId="7">'第３-2-3表 '!$A:$A,'第３-2-3表 '!$1:$2</definedName>
    <definedName name="_xlnm.Print_Titles" localSheetId="11">'第４-1表'!$A:$A</definedName>
    <definedName name="_xlnm.Print_Titles" localSheetId="18">'第5-1表'!$A:$A</definedName>
    <definedName name="_xlnm.Print_Titles" localSheetId="19">'第5-2表'!$A:$A</definedName>
    <definedName name="_xlnm.Print_Titles" localSheetId="20">'第5-3表'!$A:$A</definedName>
    <definedName name="_xlnm.Print_Titles" localSheetId="21">'第６-1表'!$A:$A</definedName>
    <definedName name="_xlnm.Print_Titles" localSheetId="22">'第６-2表'!$A:$A</definedName>
    <definedName name="_xlnm.Print_Titles" localSheetId="23">'第６-3表 '!$A:$A</definedName>
    <definedName name="_xlnm.Print_Titles" localSheetId="24">第7表!$A:$A</definedName>
  </definedNames>
  <calcPr calcId="152511"/>
</workbook>
</file>

<file path=xl/calcChain.xml><?xml version="1.0" encoding="utf-8"?>
<calcChain xmlns="http://schemas.openxmlformats.org/spreadsheetml/2006/main">
  <c r="E1" i="33" l="1"/>
  <c r="F1" i="33" s="1"/>
  <c r="D1" i="33"/>
  <c r="E1" i="25" l="1"/>
  <c r="F1" i="25" s="1"/>
  <c r="D1" i="25"/>
  <c r="E1" i="34" l="1"/>
  <c r="F1" i="34" s="1"/>
  <c r="D1" i="34"/>
  <c r="I1" i="32" l="1"/>
  <c r="J1" i="32" s="1"/>
  <c r="G1" i="32"/>
  <c r="J1" i="31"/>
  <c r="K1" i="31" s="1"/>
  <c r="H1" i="31"/>
  <c r="K1" i="30"/>
  <c r="L1" i="30" s="1"/>
  <c r="I1" i="30"/>
  <c r="J1" i="29"/>
  <c r="K1" i="29" s="1"/>
  <c r="H1" i="29"/>
  <c r="G1" i="28"/>
  <c r="H1" i="28" s="1"/>
  <c r="E1" i="28"/>
  <c r="D1" i="18" l="1"/>
  <c r="D1" i="26"/>
  <c r="F1" i="6"/>
  <c r="D1" i="5"/>
  <c r="G1" i="24"/>
  <c r="G1" i="14"/>
  <c r="H1" i="23"/>
  <c r="H1" i="13"/>
  <c r="G1" i="4"/>
  <c r="I1" i="22"/>
  <c r="I1" i="11"/>
  <c r="H1" i="21"/>
  <c r="H1" i="10"/>
  <c r="F1" i="9"/>
  <c r="E1" i="19"/>
  <c r="E1" i="8"/>
  <c r="E1" i="18" l="1"/>
  <c r="E1" i="26"/>
  <c r="G1" i="6"/>
  <c r="E1" i="5"/>
  <c r="I1" i="24"/>
  <c r="I1" i="14"/>
  <c r="J1" i="23"/>
  <c r="J1" i="13"/>
  <c r="I1" i="4"/>
  <c r="K1" i="22"/>
  <c r="K1" i="11"/>
  <c r="J1" i="21"/>
  <c r="J1" i="10"/>
  <c r="H1" i="9"/>
  <c r="G1" i="19"/>
  <c r="G1" i="8"/>
  <c r="I1" i="9" l="1"/>
  <c r="F1" i="26"/>
  <c r="J1" i="24"/>
  <c r="K1" i="23"/>
  <c r="L1" i="22"/>
  <c r="K1" i="21"/>
  <c r="H1" i="19"/>
  <c r="F1" i="18"/>
  <c r="J1" i="14"/>
  <c r="K1" i="13"/>
  <c r="L1" i="11"/>
  <c r="K1" i="10"/>
  <c r="H1" i="6"/>
  <c r="F1" i="5"/>
  <c r="J1" i="4"/>
  <c r="H1" i="8"/>
  <c r="H4" i="1"/>
</calcChain>
</file>

<file path=xl/sharedStrings.xml><?xml version="1.0" encoding="utf-8"?>
<sst xmlns="http://schemas.openxmlformats.org/spreadsheetml/2006/main" count="5575" uniqueCount="165">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i>
    <t>介護保険事業状況報告</t>
    <phoneticPr fontId="4"/>
  </si>
  <si>
    <t xml:space="preserve">要介護（要支援）認定者数（人） </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24">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52">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5" xfId="0" applyNumberFormat="1" applyFont="1" applyBorder="1"/>
    <xf numFmtId="179" fontId="2" fillId="0" borderId="51" xfId="0" applyNumberFormat="1" applyFont="1" applyBorder="1"/>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1" xfId="2" applyNumberFormat="1" applyFont="1" applyBorder="1">
      <alignment vertical="center"/>
    </xf>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35" xfId="2" applyNumberFormat="1" applyFont="1" applyBorder="1">
      <alignment vertical="center"/>
    </xf>
    <xf numFmtId="180" fontId="2" fillId="0" borderId="57" xfId="2" applyNumberFormat="1" applyFont="1" applyBorder="1">
      <alignment vertical="center"/>
    </xf>
    <xf numFmtId="180" fontId="2" fillId="0" borderId="52" xfId="2" applyNumberFormat="1" applyFont="1" applyBorder="1">
      <alignment vertical="center"/>
    </xf>
    <xf numFmtId="180" fontId="2" fillId="0" borderId="58" xfId="2" applyNumberFormat="1" applyFont="1" applyBorder="1">
      <alignment vertical="center"/>
    </xf>
    <xf numFmtId="180" fontId="2" fillId="0" borderId="43" xfId="2" applyNumberFormat="1" applyFont="1" applyBorder="1">
      <alignment vertical="center"/>
    </xf>
    <xf numFmtId="180" fontId="2" fillId="0" borderId="59" xfId="2" applyNumberFormat="1" applyFont="1" applyBorder="1">
      <alignment vertical="center"/>
    </xf>
    <xf numFmtId="180" fontId="2" fillId="0" borderId="60" xfId="1" applyNumberFormat="1" applyFont="1" applyFill="1" applyBorder="1" applyAlignment="1">
      <alignment vertical="center"/>
    </xf>
    <xf numFmtId="180" fontId="2" fillId="0" borderId="35" xfId="0" applyNumberFormat="1" applyFont="1" applyBorder="1"/>
    <xf numFmtId="180" fontId="2" fillId="0" borderId="36" xfId="0" applyNumberFormat="1" applyFont="1" applyBorder="1"/>
    <xf numFmtId="180" fontId="2" fillId="0" borderId="34" xfId="0" applyNumberFormat="1" applyFont="1" applyBorder="1"/>
    <xf numFmtId="180" fontId="2" fillId="0" borderId="51" xfId="0" applyNumberFormat="1" applyFont="1" applyBorder="1"/>
    <xf numFmtId="180" fontId="2" fillId="0" borderId="43" xfId="0" applyNumberFormat="1" applyFont="1" applyBorder="1"/>
    <xf numFmtId="180" fontId="2" fillId="0" borderId="58" xfId="0" applyNumberFormat="1" applyFont="1" applyBorder="1"/>
    <xf numFmtId="180" fontId="2" fillId="0" borderId="45" xfId="0" applyNumberFormat="1" applyFont="1" applyBorder="1"/>
    <xf numFmtId="180" fontId="2" fillId="0" borderId="62" xfId="0" applyNumberFormat="1" applyFont="1" applyBorder="1"/>
    <xf numFmtId="180" fontId="2" fillId="0" borderId="63" xfId="1" applyNumberFormat="1" applyFont="1" applyFill="1" applyBorder="1" applyAlignment="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81" xfId="0" applyNumberFormat="1" applyFont="1" applyBorder="1"/>
    <xf numFmtId="179" fontId="2" fillId="0" borderId="57" xfId="0" applyNumberFormat="1" applyFont="1" applyBorder="1"/>
    <xf numFmtId="179" fontId="2" fillId="0" borderId="37" xfId="0" applyNumberFormat="1" applyFont="1" applyBorder="1"/>
    <xf numFmtId="179" fontId="2" fillId="0" borderId="43" xfId="0" applyNumberFormat="1" applyFont="1" applyBorder="1"/>
    <xf numFmtId="179" fontId="2" fillId="0" borderId="35" xfId="0" applyNumberFormat="1" applyFont="1" applyBorder="1"/>
    <xf numFmtId="179" fontId="2" fillId="0" borderId="34" xfId="0" applyNumberFormat="1" applyFont="1" applyBorder="1"/>
    <xf numFmtId="179" fontId="2" fillId="0" borderId="61" xfId="0" applyNumberFormat="1" applyFont="1" applyBorder="1"/>
    <xf numFmtId="179" fontId="2" fillId="0" borderId="52" xfId="0" applyNumberFormat="1" applyFont="1" applyBorder="1"/>
    <xf numFmtId="179" fontId="2" fillId="0" borderId="44" xfId="0" applyNumberFormat="1" applyFont="1" applyBorder="1"/>
    <xf numFmtId="179" fontId="2" fillId="0" borderId="58" xfId="0" applyNumberFormat="1" applyFont="1" applyBorder="1"/>
    <xf numFmtId="179" fontId="2" fillId="0" borderId="2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2" xfId="0" applyNumberFormat="1" applyFont="1" applyBorder="1"/>
    <xf numFmtId="180" fontId="2" fillId="0" borderId="54" xfId="0" applyNumberFormat="1" applyFont="1" applyBorder="1"/>
    <xf numFmtId="180" fontId="2" fillId="0" borderId="33" xfId="0" applyNumberFormat="1" applyFont="1" applyBorder="1"/>
    <xf numFmtId="180" fontId="2" fillId="0" borderId="34" xfId="1" applyNumberFormat="1" applyFont="1" applyFill="1" applyBorder="1" applyAlignment="1">
      <alignment vertical="center"/>
    </xf>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34" xfId="1" applyNumberFormat="1" applyFont="1" applyFill="1" applyBorder="1" applyAlignment="1"/>
    <xf numFmtId="180" fontId="2" fillId="0" borderId="8" xfId="1" applyNumberFormat="1" applyFont="1" applyFill="1" applyBorder="1" applyAlignment="1"/>
    <xf numFmtId="180" fontId="2" fillId="0" borderId="9" xfId="1" applyNumberFormat="1" applyFont="1" applyFill="1" applyBorder="1" applyAlignment="1"/>
    <xf numFmtId="180" fontId="2" fillId="0" borderId="35" xfId="1" applyNumberFormat="1" applyFont="1" applyFill="1" applyBorder="1" applyAlignment="1">
      <alignment vertical="center"/>
    </xf>
    <xf numFmtId="180" fontId="2" fillId="0" borderId="43" xfId="1" applyNumberFormat="1" applyFont="1" applyFill="1" applyBorder="1" applyAlignment="1">
      <alignment vertical="center"/>
    </xf>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79" fontId="2" fillId="0" borderId="36" xfId="0" applyNumberFormat="1" applyFont="1" applyBorder="1"/>
    <xf numFmtId="179" fontId="2" fillId="0" borderId="82" xfId="0" applyNumberFormat="1" applyFont="1" applyBorder="1"/>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3" fontId="8"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59" xfId="0" applyNumberFormat="1" applyFont="1" applyBorder="1"/>
    <xf numFmtId="179" fontId="2" fillId="0" borderId="48" xfId="0" applyNumberFormat="1" applyFont="1" applyBorder="1"/>
    <xf numFmtId="179" fontId="2" fillId="0" borderId="30" xfId="0" applyNumberFormat="1" applyFont="1" applyBorder="1"/>
    <xf numFmtId="180" fontId="2" fillId="0" borderId="37"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0" xfId="0" applyNumberFormat="1" applyFont="1" applyBorder="1"/>
    <xf numFmtId="179" fontId="2" fillId="0" borderId="101" xfId="0" applyNumberFormat="1" applyFont="1" applyBorder="1"/>
    <xf numFmtId="179" fontId="2" fillId="0" borderId="102" xfId="0" applyNumberFormat="1" applyFont="1" applyBorder="1"/>
    <xf numFmtId="179" fontId="2" fillId="0" borderId="103" xfId="0" applyNumberFormat="1" applyFont="1" applyBorder="1"/>
    <xf numFmtId="179" fontId="2" fillId="0" borderId="104" xfId="0" applyNumberFormat="1" applyFont="1" applyBorder="1"/>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2" xfId="0" applyNumberFormat="1" applyFont="1" applyBorder="1"/>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31" xfId="0"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3" xfId="0" applyBorder="1" applyAlignment="1">
      <alignment vertical="center"/>
    </xf>
    <xf numFmtId="180" fontId="0" fillId="0" borderId="49" xfId="1" applyNumberFormat="1" applyFont="1" applyBorder="1" applyAlignment="1">
      <alignment vertical="center"/>
    </xf>
    <xf numFmtId="180" fontId="0" fillId="0" borderId="42" xfId="1" applyNumberFormat="1" applyFont="1" applyBorder="1" applyAlignment="1">
      <alignment vertical="center"/>
    </xf>
    <xf numFmtId="180" fontId="0" fillId="0" borderId="4" xfId="1" applyNumberFormat="1" applyFont="1" applyBorder="1" applyAlignment="1">
      <alignment vertical="center"/>
    </xf>
    <xf numFmtId="180" fontId="0" fillId="0" borderId="97" xfId="1" applyNumberFormat="1" applyFont="1" applyBorder="1" applyAlignment="1">
      <alignment vertical="center"/>
    </xf>
    <xf numFmtId="180" fontId="0" fillId="0" borderId="80" xfId="1" applyNumberFormat="1" applyFont="1" applyBorder="1" applyAlignment="1">
      <alignment vertical="center"/>
    </xf>
    <xf numFmtId="180" fontId="0" fillId="0" borderId="59" xfId="1" applyNumberFormat="1" applyFont="1" applyBorder="1" applyAlignment="1">
      <alignment vertical="center"/>
    </xf>
    <xf numFmtId="180" fontId="0" fillId="0" borderId="60" xfId="1" applyNumberFormat="1" applyFont="1" applyBorder="1" applyAlignment="1">
      <alignment vertical="center"/>
    </xf>
    <xf numFmtId="180" fontId="0" fillId="0" borderId="57" xfId="1" applyNumberFormat="1" applyFont="1" applyBorder="1" applyAlignment="1">
      <alignmen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0" xfId="0" applyFont="1" applyAlignment="1">
      <alignment vertical="center" shrinkToFit="1"/>
    </xf>
    <xf numFmtId="0" fontId="2" fillId="0" borderId="0" xfId="0" applyFont="1" applyAlignment="1">
      <alignment vertical="center" shrinkToFit="1"/>
    </xf>
    <xf numFmtId="0" fontId="3" fillId="0" borderId="12" xfId="0" applyFont="1" applyBorder="1" applyAlignment="1">
      <alignment horizontal="center" vertical="center" shrinkToFit="1"/>
    </xf>
    <xf numFmtId="179" fontId="2" fillId="0" borderId="35" xfId="0" applyNumberFormat="1" applyFont="1" applyBorder="1" applyAlignment="1">
      <alignment shrinkToFit="1"/>
    </xf>
    <xf numFmtId="179" fontId="2" fillId="0" borderId="5" xfId="0" applyNumberFormat="1" applyFont="1" applyBorder="1" applyAlignment="1">
      <alignment shrinkToFit="1"/>
    </xf>
    <xf numFmtId="179" fontId="2" fillId="0" borderId="12" xfId="0" applyNumberFormat="1" applyFont="1" applyBorder="1" applyAlignment="1">
      <alignment shrinkToFit="1"/>
    </xf>
    <xf numFmtId="0" fontId="3" fillId="0" borderId="0" xfId="0" applyFont="1" applyFill="1" applyAlignment="1">
      <alignment vertical="center" shrinkToFit="1"/>
    </xf>
    <xf numFmtId="0" fontId="2" fillId="0" borderId="0" xfId="0" applyFont="1" applyFill="1" applyAlignment="1">
      <alignment vertical="center" shrinkToFit="1"/>
    </xf>
    <xf numFmtId="179" fontId="2" fillId="0" borderId="52" xfId="0" applyNumberFormat="1" applyFont="1" applyBorder="1" applyAlignment="1">
      <alignment shrinkToFit="1"/>
    </xf>
    <xf numFmtId="0" fontId="3" fillId="0" borderId="13" xfId="0" applyFont="1" applyBorder="1" applyAlignment="1">
      <alignment horizontal="center" vertical="center" shrinkToFit="1"/>
    </xf>
    <xf numFmtId="179" fontId="2" fillId="0" borderId="43" xfId="0" applyNumberFormat="1" applyFont="1" applyBorder="1" applyAlignment="1">
      <alignment shrinkToFit="1"/>
    </xf>
    <xf numFmtId="179" fontId="2" fillId="0" borderId="37" xfId="0" applyNumberFormat="1" applyFont="1" applyBorder="1" applyAlignment="1">
      <alignment shrinkToFit="1"/>
    </xf>
    <xf numFmtId="179" fontId="2" fillId="0" borderId="46" xfId="0" applyNumberFormat="1" applyFont="1" applyBorder="1" applyAlignment="1">
      <alignment shrinkToFit="1"/>
    </xf>
    <xf numFmtId="179" fontId="2" fillId="0" borderId="39" xfId="0" applyNumberFormat="1" applyFont="1" applyBorder="1" applyAlignment="1">
      <alignment shrinkToFit="1"/>
    </xf>
    <xf numFmtId="179" fontId="2" fillId="0" borderId="13" xfId="0" applyNumberFormat="1" applyFont="1" applyBorder="1" applyAlignment="1">
      <alignment shrinkToFit="1"/>
    </xf>
    <xf numFmtId="179" fontId="2" fillId="0" borderId="40" xfId="0" applyNumberFormat="1" applyFont="1" applyBorder="1" applyAlignment="1">
      <alignment shrinkToFit="1"/>
    </xf>
    <xf numFmtId="179" fontId="2" fillId="0" borderId="58" xfId="0" applyNumberFormat="1" applyFont="1" applyBorder="1" applyAlignment="1">
      <alignment shrinkToFit="1"/>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51"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185" fontId="2" fillId="0" borderId="0" xfId="0" applyNumberFormat="1" applyFont="1" applyBorder="1" applyAlignment="1">
      <alignment horizontal="center"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186" fontId="5" fillId="0" borderId="0" xfId="0" applyNumberFormat="1" applyFont="1" applyBorder="1" applyAlignment="1">
      <alignment horizontal="right" vertical="center"/>
    </xf>
    <xf numFmtId="0" fontId="2" fillId="0" borderId="28"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6" fontId="8" fillId="0" borderId="0" xfId="0" applyNumberFormat="1" applyFont="1" applyBorder="1" applyAlignment="1">
      <alignment horizontal="right" vertical="center"/>
    </xf>
    <xf numFmtId="182" fontId="2" fillId="0" borderId="0" xfId="0" applyNumberFormat="1" applyFont="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51" xfId="3" applyFont="1" applyBorder="1" applyAlignment="1">
      <alignment horizontal="center" vertical="center"/>
    </xf>
    <xf numFmtId="0" fontId="9" fillId="0" borderId="43"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0" fillId="0" borderId="84" xfId="0" applyBorder="1" applyAlignment="1"/>
    <xf numFmtId="0" fontId="0" fillId="0" borderId="10" xfId="0" applyBorder="1" applyAlignment="1"/>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49"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7"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56"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55" xfId="0" applyFont="1" applyBorder="1" applyAlignment="1">
      <alignment horizontal="center" vertical="center"/>
    </xf>
    <xf numFmtId="0" fontId="3" fillId="0" borderId="30" xfId="0" applyFont="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39" xfId="0" applyFont="1" applyBorder="1" applyAlignment="1">
      <alignment horizontal="center" vertical="center"/>
    </xf>
    <xf numFmtId="0" fontId="3" fillId="0" borderId="40"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48"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0" fontId="3" fillId="0" borderId="71"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96" xfId="0" applyFont="1" applyBorder="1" applyAlignment="1">
      <alignment horizontal="center" vertical="center"/>
    </xf>
    <xf numFmtId="0" fontId="3" fillId="0" borderId="39" xfId="0" applyFont="1" applyBorder="1" applyAlignment="1">
      <alignment horizontal="center" vertical="center" shrinkToFit="1"/>
    </xf>
    <xf numFmtId="0" fontId="3" fillId="0" borderId="40" xfId="0" applyFont="1" applyBorder="1" applyAlignment="1">
      <alignment horizontal="center" vertical="center" shrinkToFit="1"/>
    </xf>
    <xf numFmtId="0" fontId="3" fillId="0" borderId="90" xfId="0"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2" fillId="0" borderId="30"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49" xfId="0" applyFont="1" applyBorder="1" applyAlignment="1">
      <alignment horizontal="center" vertical="center"/>
    </xf>
    <xf numFmtId="0" fontId="2" fillId="0" borderId="42" xfId="0" applyFont="1" applyBorder="1" applyAlignment="1">
      <alignment horizontal="center" vertical="center"/>
    </xf>
    <xf numFmtId="0" fontId="2" fillId="0" borderId="4" xfId="0" applyFont="1" applyBorder="1" applyAlignment="1">
      <alignment horizontal="center" vertical="center"/>
    </xf>
    <xf numFmtId="0" fontId="2" fillId="0" borderId="97" xfId="0" applyFont="1" applyBorder="1" applyAlignment="1">
      <alignment horizontal="center" vertical="center"/>
    </xf>
    <xf numFmtId="0" fontId="2" fillId="0" borderId="80" xfId="0" applyFont="1" applyBorder="1" applyAlignment="1">
      <alignment horizontal="center" vertical="center"/>
    </xf>
    <xf numFmtId="0" fontId="2" fillId="0" borderId="81" xfId="0" applyFont="1" applyBorder="1" applyAlignment="1">
      <alignment horizontal="center" vertical="center"/>
    </xf>
    <xf numFmtId="0" fontId="2" fillId="0" borderId="82"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56" xfId="0" applyFont="1" applyBorder="1" applyAlignment="1">
      <alignment horizontal="center" vertical="center"/>
    </xf>
    <xf numFmtId="0" fontId="2" fillId="0" borderId="7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99"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96" xfId="0" applyFont="1" applyBorder="1" applyAlignment="1">
      <alignment horizontal="center" vertical="center"/>
    </xf>
    <xf numFmtId="0" fontId="2" fillId="0" borderId="7" xfId="0" applyFont="1" applyBorder="1" applyAlignment="1">
      <alignment horizontal="center" vertical="center"/>
    </xf>
    <xf numFmtId="0" fontId="2" fillId="0" borderId="69" xfId="0" applyFont="1" applyBorder="1" applyAlignment="1">
      <alignment horizontal="center" vertical="center"/>
    </xf>
    <xf numFmtId="0" fontId="2" fillId="0" borderId="47"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59" xfId="0" applyFont="1" applyFill="1" applyBorder="1" applyAlignment="1">
      <alignment horizontal="center" vertical="center"/>
    </xf>
    <xf numFmtId="0" fontId="2" fillId="0" borderId="78" xfId="0" applyFont="1"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122"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48" xfId="0" applyBorder="1" applyAlignment="1">
      <alignment horizontal="center" vertical="center"/>
    </xf>
    <xf numFmtId="0" fontId="0" fillId="0" borderId="30"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182" fontId="3" fillId="0" borderId="0" xfId="0" applyNumberFormat="1" applyFont="1" applyBorder="1" applyAlignment="1">
      <alignment horizontal="left"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x14ac:dyDescent="0.2">
      <c r="B1" s="2"/>
      <c r="C1" s="2"/>
      <c r="D1" s="2"/>
      <c r="E1" s="495" t="s">
        <v>163</v>
      </c>
      <c r="F1" s="495"/>
      <c r="G1" s="495"/>
      <c r="H1" s="495"/>
      <c r="I1" s="2"/>
      <c r="J1" s="2"/>
      <c r="K1" s="2"/>
      <c r="L1" s="2"/>
    </row>
    <row r="2" spans="1:13" ht="13.5" customHeight="1" x14ac:dyDescent="0.2">
      <c r="A2" s="2"/>
      <c r="B2" s="2"/>
      <c r="C2" s="2"/>
      <c r="D2" s="2"/>
      <c r="E2" s="2"/>
      <c r="F2" s="410">
        <v>4</v>
      </c>
      <c r="G2" s="280">
        <v>3</v>
      </c>
      <c r="H2" s="2"/>
      <c r="I2" s="2"/>
      <c r="J2" s="2"/>
      <c r="K2" s="2"/>
      <c r="L2" s="2"/>
      <c r="M2" s="2"/>
    </row>
    <row r="3" spans="1:13" ht="26.25" customHeight="1" x14ac:dyDescent="0.2"/>
    <row r="4" spans="1:13" ht="20.25" customHeight="1" x14ac:dyDescent="0.2">
      <c r="D4" s="3"/>
      <c r="E4" s="4" t="s">
        <v>1</v>
      </c>
      <c r="F4" s="3"/>
      <c r="H4" s="288">
        <f>G2</f>
        <v>3</v>
      </c>
    </row>
    <row r="5" spans="1:13" ht="10.5" customHeight="1" thickBot="1" x14ac:dyDescent="0.25">
      <c r="E5" s="5"/>
    </row>
    <row r="6" spans="1:13" ht="17.25" customHeight="1" x14ac:dyDescent="0.2">
      <c r="E6" s="384"/>
      <c r="F6" s="496" t="s">
        <v>2</v>
      </c>
      <c r="G6" s="497"/>
      <c r="H6" s="497"/>
      <c r="I6" s="498"/>
    </row>
    <row r="7" spans="1:13" ht="17.25" customHeight="1" x14ac:dyDescent="0.2">
      <c r="E7" s="7"/>
      <c r="F7" s="8"/>
      <c r="G7" s="9" t="s">
        <v>3</v>
      </c>
      <c r="H7" s="387" t="s">
        <v>150</v>
      </c>
      <c r="I7" s="388" t="s">
        <v>149</v>
      </c>
    </row>
    <row r="8" spans="1:13" ht="16.5" customHeight="1" x14ac:dyDescent="0.2">
      <c r="E8" s="385" t="s">
        <v>4</v>
      </c>
      <c r="F8" s="417">
        <v>2337649</v>
      </c>
      <c r="G8" s="417">
        <v>1100236</v>
      </c>
      <c r="H8" s="417">
        <v>852938</v>
      </c>
      <c r="I8" s="418">
        <v>384475</v>
      </c>
    </row>
    <row r="9" spans="1:13" ht="16.5" customHeight="1" x14ac:dyDescent="0.2">
      <c r="E9" s="10" t="s">
        <v>5</v>
      </c>
      <c r="F9" s="419">
        <v>932230</v>
      </c>
      <c r="G9" s="419">
        <v>435929</v>
      </c>
      <c r="H9" s="419">
        <v>336515</v>
      </c>
      <c r="I9" s="420">
        <v>159786</v>
      </c>
    </row>
    <row r="10" spans="1:13" ht="16.5" customHeight="1" x14ac:dyDescent="0.2">
      <c r="E10" s="10" t="s">
        <v>6</v>
      </c>
      <c r="F10" s="419">
        <v>306308</v>
      </c>
      <c r="G10" s="419">
        <v>148855</v>
      </c>
      <c r="H10" s="419">
        <v>106899</v>
      </c>
      <c r="I10" s="420">
        <v>50554</v>
      </c>
    </row>
    <row r="11" spans="1:13" ht="16.5" customHeight="1" x14ac:dyDescent="0.2">
      <c r="E11" s="10" t="s">
        <v>14</v>
      </c>
      <c r="F11" s="419">
        <v>187792</v>
      </c>
      <c r="G11" s="419">
        <v>90083</v>
      </c>
      <c r="H11" s="419">
        <v>70797</v>
      </c>
      <c r="I11" s="420">
        <v>26912</v>
      </c>
    </row>
    <row r="12" spans="1:13" ht="16.5" customHeight="1" x14ac:dyDescent="0.2">
      <c r="E12" s="10" t="s">
        <v>7</v>
      </c>
      <c r="F12" s="419">
        <v>126148</v>
      </c>
      <c r="G12" s="419">
        <v>56847</v>
      </c>
      <c r="H12" s="419">
        <v>47583</v>
      </c>
      <c r="I12" s="420">
        <v>21718</v>
      </c>
    </row>
    <row r="13" spans="1:13" ht="16.5" customHeight="1" x14ac:dyDescent="0.2">
      <c r="E13" s="10" t="s">
        <v>8</v>
      </c>
      <c r="F13" s="419">
        <v>73000</v>
      </c>
      <c r="G13" s="419">
        <v>35132</v>
      </c>
      <c r="H13" s="419">
        <v>26528</v>
      </c>
      <c r="I13" s="420">
        <v>11340</v>
      </c>
    </row>
    <row r="14" spans="1:13" ht="16.5" customHeight="1" x14ac:dyDescent="0.2">
      <c r="E14" s="10" t="s">
        <v>9</v>
      </c>
      <c r="F14" s="419">
        <v>53903</v>
      </c>
      <c r="G14" s="419">
        <v>22106</v>
      </c>
      <c r="H14" s="419">
        <v>20197</v>
      </c>
      <c r="I14" s="420">
        <v>11600</v>
      </c>
    </row>
    <row r="15" spans="1:13" ht="16.5" customHeight="1" x14ac:dyDescent="0.2">
      <c r="E15" s="10" t="s">
        <v>10</v>
      </c>
      <c r="F15" s="419">
        <v>107996</v>
      </c>
      <c r="G15" s="419">
        <v>49716</v>
      </c>
      <c r="H15" s="419">
        <v>39804</v>
      </c>
      <c r="I15" s="420">
        <v>18476</v>
      </c>
    </row>
    <row r="16" spans="1:13" ht="16.5" customHeight="1" x14ac:dyDescent="0.2">
      <c r="E16" s="10" t="s">
        <v>11</v>
      </c>
      <c r="F16" s="419">
        <v>57321</v>
      </c>
      <c r="G16" s="419">
        <v>27072</v>
      </c>
      <c r="H16" s="419">
        <v>20471</v>
      </c>
      <c r="I16" s="420">
        <v>9778</v>
      </c>
    </row>
    <row r="17" spans="5:13" ht="16.5" customHeight="1" x14ac:dyDescent="0.2">
      <c r="E17" s="10" t="s">
        <v>12</v>
      </c>
      <c r="F17" s="419">
        <v>65296</v>
      </c>
      <c r="G17" s="419">
        <v>29987</v>
      </c>
      <c r="H17" s="419">
        <v>24274</v>
      </c>
      <c r="I17" s="420">
        <v>11035</v>
      </c>
    </row>
    <row r="18" spans="5:13" ht="16.5" customHeight="1" x14ac:dyDescent="0.2">
      <c r="E18" s="10" t="s">
        <v>13</v>
      </c>
      <c r="F18" s="419">
        <v>18697</v>
      </c>
      <c r="G18" s="419">
        <v>7626</v>
      </c>
      <c r="H18" s="419">
        <v>7084</v>
      </c>
      <c r="I18" s="420">
        <v>3987</v>
      </c>
      <c r="M18" s="1" t="s">
        <v>87</v>
      </c>
    </row>
    <row r="19" spans="5:13" ht="16.5" customHeight="1" x14ac:dyDescent="0.2">
      <c r="E19" s="10" t="s">
        <v>15</v>
      </c>
      <c r="F19" s="419">
        <v>16287</v>
      </c>
      <c r="G19" s="419">
        <v>7688</v>
      </c>
      <c r="H19" s="419">
        <v>5822</v>
      </c>
      <c r="I19" s="420">
        <v>2777</v>
      </c>
    </row>
    <row r="20" spans="5:13" ht="16.5" customHeight="1" x14ac:dyDescent="0.2">
      <c r="E20" s="10" t="s">
        <v>16</v>
      </c>
      <c r="F20" s="419">
        <v>49226</v>
      </c>
      <c r="G20" s="419">
        <v>24884</v>
      </c>
      <c r="H20" s="419">
        <v>17603</v>
      </c>
      <c r="I20" s="420">
        <v>6739</v>
      </c>
    </row>
    <row r="21" spans="5:13" ht="16.5" customHeight="1" x14ac:dyDescent="0.2">
      <c r="E21" s="10" t="s">
        <v>17</v>
      </c>
      <c r="F21" s="419">
        <v>58383</v>
      </c>
      <c r="G21" s="419">
        <v>29253</v>
      </c>
      <c r="H21" s="419">
        <v>21545</v>
      </c>
      <c r="I21" s="420">
        <v>7585</v>
      </c>
    </row>
    <row r="22" spans="5:13" ht="16.5" customHeight="1" x14ac:dyDescent="0.2">
      <c r="E22" s="10" t="s">
        <v>18</v>
      </c>
      <c r="F22" s="419">
        <v>57928</v>
      </c>
      <c r="G22" s="419">
        <v>27306</v>
      </c>
      <c r="H22" s="419">
        <v>22186</v>
      </c>
      <c r="I22" s="420">
        <v>8436</v>
      </c>
    </row>
    <row r="23" spans="5:13" ht="16.5" customHeight="1" x14ac:dyDescent="0.2">
      <c r="E23" s="10" t="s">
        <v>19</v>
      </c>
      <c r="F23" s="419">
        <v>26628</v>
      </c>
      <c r="G23" s="419">
        <v>12737</v>
      </c>
      <c r="H23" s="419">
        <v>9954</v>
      </c>
      <c r="I23" s="420">
        <v>3937</v>
      </c>
    </row>
    <row r="24" spans="5:13" ht="16.5" customHeight="1" x14ac:dyDescent="0.2">
      <c r="E24" s="10" t="s">
        <v>20</v>
      </c>
      <c r="F24" s="419">
        <v>33842</v>
      </c>
      <c r="G24" s="419">
        <v>16615</v>
      </c>
      <c r="H24" s="419">
        <v>12743</v>
      </c>
      <c r="I24" s="420">
        <v>4484</v>
      </c>
    </row>
    <row r="25" spans="5:13" ht="16.5" customHeight="1" x14ac:dyDescent="0.2">
      <c r="E25" s="10" t="s">
        <v>21</v>
      </c>
      <c r="F25" s="419">
        <v>34176</v>
      </c>
      <c r="G25" s="419">
        <v>16497</v>
      </c>
      <c r="H25" s="419">
        <v>12900</v>
      </c>
      <c r="I25" s="420">
        <v>4779</v>
      </c>
    </row>
    <row r="26" spans="5:13" ht="16.5" customHeight="1" x14ac:dyDescent="0.2">
      <c r="E26" s="10" t="s">
        <v>22</v>
      </c>
      <c r="F26" s="419">
        <v>13629</v>
      </c>
      <c r="G26" s="419">
        <v>6168</v>
      </c>
      <c r="H26" s="419">
        <v>5161</v>
      </c>
      <c r="I26" s="420">
        <v>2300</v>
      </c>
    </row>
    <row r="27" spans="5:13" ht="16.5" customHeight="1" x14ac:dyDescent="0.2">
      <c r="E27" s="10" t="s">
        <v>23</v>
      </c>
      <c r="F27" s="419">
        <v>23058</v>
      </c>
      <c r="G27" s="419">
        <v>10654</v>
      </c>
      <c r="H27" s="419">
        <v>9446</v>
      </c>
      <c r="I27" s="420">
        <v>2958</v>
      </c>
    </row>
    <row r="28" spans="5:13" ht="16.5" customHeight="1" x14ac:dyDescent="0.2">
      <c r="E28" s="10" t="s">
        <v>24</v>
      </c>
      <c r="F28" s="419">
        <v>10277</v>
      </c>
      <c r="G28" s="419">
        <v>4300</v>
      </c>
      <c r="H28" s="419">
        <v>3968</v>
      </c>
      <c r="I28" s="420">
        <v>2009</v>
      </c>
    </row>
    <row r="29" spans="5:13" ht="16.5" customHeight="1" x14ac:dyDescent="0.2">
      <c r="E29" s="10" t="s">
        <v>25</v>
      </c>
      <c r="F29" s="419">
        <v>13434</v>
      </c>
      <c r="G29" s="419">
        <v>6662</v>
      </c>
      <c r="H29" s="419">
        <v>5018</v>
      </c>
      <c r="I29" s="420">
        <v>1754</v>
      </c>
    </row>
    <row r="30" spans="5:13" ht="16.5" customHeight="1" x14ac:dyDescent="0.2">
      <c r="E30" s="10" t="s">
        <v>26</v>
      </c>
      <c r="F30" s="419">
        <v>11138</v>
      </c>
      <c r="G30" s="419">
        <v>5109</v>
      </c>
      <c r="H30" s="419">
        <v>4179</v>
      </c>
      <c r="I30" s="420">
        <v>1850</v>
      </c>
    </row>
    <row r="31" spans="5:13" ht="16.5" customHeight="1" x14ac:dyDescent="0.2">
      <c r="E31" s="10" t="s">
        <v>27</v>
      </c>
      <c r="F31" s="419">
        <v>9892</v>
      </c>
      <c r="G31" s="419">
        <v>4284</v>
      </c>
      <c r="H31" s="419">
        <v>3805</v>
      </c>
      <c r="I31" s="420">
        <v>1803</v>
      </c>
    </row>
    <row r="32" spans="5:13" ht="16.5" customHeight="1" x14ac:dyDescent="0.2">
      <c r="E32" s="10" t="s">
        <v>28</v>
      </c>
      <c r="F32" s="419">
        <v>3221</v>
      </c>
      <c r="G32" s="419">
        <v>1620</v>
      </c>
      <c r="H32" s="419">
        <v>1173</v>
      </c>
      <c r="I32" s="420">
        <v>428</v>
      </c>
    </row>
    <row r="33" spans="5:9" ht="16.5" customHeight="1" x14ac:dyDescent="0.2">
      <c r="E33" s="10" t="s">
        <v>29</v>
      </c>
      <c r="F33" s="419">
        <v>4966</v>
      </c>
      <c r="G33" s="419">
        <v>2412</v>
      </c>
      <c r="H33" s="419">
        <v>1853</v>
      </c>
      <c r="I33" s="420">
        <v>701</v>
      </c>
    </row>
    <row r="34" spans="5:9" ht="16.5" customHeight="1" x14ac:dyDescent="0.2">
      <c r="E34" s="10" t="s">
        <v>30</v>
      </c>
      <c r="F34" s="419">
        <v>3752</v>
      </c>
      <c r="G34" s="419">
        <v>1729</v>
      </c>
      <c r="H34" s="419">
        <v>1344</v>
      </c>
      <c r="I34" s="420">
        <v>679</v>
      </c>
    </row>
    <row r="35" spans="5:9" ht="16.5" customHeight="1" x14ac:dyDescent="0.2">
      <c r="E35" s="10" t="s">
        <v>31</v>
      </c>
      <c r="F35" s="419">
        <v>4041</v>
      </c>
      <c r="G35" s="419">
        <v>1999</v>
      </c>
      <c r="H35" s="419">
        <v>1275</v>
      </c>
      <c r="I35" s="420">
        <v>767</v>
      </c>
    </row>
    <row r="36" spans="5:9" ht="16.5" customHeight="1" x14ac:dyDescent="0.2">
      <c r="E36" s="10" t="s">
        <v>32</v>
      </c>
      <c r="F36" s="419">
        <v>4548</v>
      </c>
      <c r="G36" s="419">
        <v>2103</v>
      </c>
      <c r="H36" s="419">
        <v>1712</v>
      </c>
      <c r="I36" s="420">
        <v>733</v>
      </c>
    </row>
    <row r="37" spans="5:9" ht="16.5" customHeight="1" x14ac:dyDescent="0.2">
      <c r="E37" s="10" t="s">
        <v>33</v>
      </c>
      <c r="F37" s="419">
        <v>4176</v>
      </c>
      <c r="G37" s="419">
        <v>1969</v>
      </c>
      <c r="H37" s="419">
        <v>1508</v>
      </c>
      <c r="I37" s="420">
        <v>699</v>
      </c>
    </row>
    <row r="38" spans="5:9" ht="16.5" customHeight="1" x14ac:dyDescent="0.2">
      <c r="E38" s="10" t="s">
        <v>34</v>
      </c>
      <c r="F38" s="419">
        <v>3022</v>
      </c>
      <c r="G38" s="419">
        <v>1377</v>
      </c>
      <c r="H38" s="419">
        <v>1119</v>
      </c>
      <c r="I38" s="420">
        <v>526</v>
      </c>
    </row>
    <row r="39" spans="5:9" ht="16.5" customHeight="1" x14ac:dyDescent="0.2">
      <c r="E39" s="10" t="s">
        <v>35</v>
      </c>
      <c r="F39" s="419">
        <v>9935</v>
      </c>
      <c r="G39" s="419">
        <v>4441</v>
      </c>
      <c r="H39" s="419">
        <v>3751</v>
      </c>
      <c r="I39" s="420">
        <v>1743</v>
      </c>
    </row>
    <row r="40" spans="5:9" ht="16.5" customHeight="1" x14ac:dyDescent="0.2">
      <c r="E40" s="10" t="s">
        <v>36</v>
      </c>
      <c r="F40" s="419">
        <v>12331</v>
      </c>
      <c r="G40" s="419">
        <v>6495</v>
      </c>
      <c r="H40" s="419">
        <v>4384</v>
      </c>
      <c r="I40" s="420">
        <v>1452</v>
      </c>
    </row>
    <row r="41" spans="5:9" ht="16.5" customHeight="1" thickBot="1" x14ac:dyDescent="0.25">
      <c r="E41" s="11" t="s">
        <v>37</v>
      </c>
      <c r="F41" s="421">
        <v>1068</v>
      </c>
      <c r="G41" s="421">
        <v>581</v>
      </c>
      <c r="H41" s="421">
        <v>337</v>
      </c>
      <c r="I41" s="422">
        <v>150</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90"/>
    <col min="5" max="5" width="7.77734375" style="290" customWidth="1"/>
    <col min="6" max="6" width="9" style="290"/>
    <col min="7" max="7" width="10.6640625" style="290" customWidth="1"/>
    <col min="8" max="15" width="9" style="290"/>
    <col min="16" max="16" width="7.88671875" style="290" customWidth="1"/>
    <col min="17" max="26" width="9" style="290"/>
    <col min="27" max="27" width="7.77734375" style="290" customWidth="1"/>
    <col min="28" max="37" width="9" style="290"/>
    <col min="38" max="38" width="6.77734375" style="290" customWidth="1"/>
    <col min="39" max="48" width="9" style="290"/>
    <col min="49" max="49" width="7.77734375" style="290" customWidth="1"/>
    <col min="50" max="59" width="9" style="290"/>
    <col min="60" max="60" width="7.44140625" style="290" customWidth="1"/>
    <col min="61" max="70" width="9" style="290"/>
    <col min="71" max="71" width="7.33203125" style="290" customWidth="1"/>
    <col min="72" max="81" width="9" style="290"/>
    <col min="82" max="82" width="7.44140625" style="290" customWidth="1"/>
    <col min="83" max="92" width="9" style="290"/>
    <col min="93" max="93" width="7.6640625" style="290" customWidth="1"/>
    <col min="94" max="16384" width="9" style="290"/>
  </cols>
  <sheetData>
    <row r="1" spans="1:111" ht="20.25" customHeight="1" x14ac:dyDescent="0.2">
      <c r="A1" s="325" t="s">
        <v>123</v>
      </c>
      <c r="I1" s="522">
        <f>第１表!F2</f>
        <v>4</v>
      </c>
      <c r="J1" s="522"/>
      <c r="K1" s="282">
        <f>第１表!G2</f>
        <v>3</v>
      </c>
      <c r="L1" s="523">
        <f>IF(K1&lt;3,K1+12-2,K1-2)</f>
        <v>1</v>
      </c>
      <c r="M1" s="523"/>
    </row>
    <row r="2" spans="1:111" ht="18.75" customHeight="1" thickBot="1" x14ac:dyDescent="0.25">
      <c r="A2" s="325" t="s">
        <v>131</v>
      </c>
    </row>
    <row r="3" spans="1:111" ht="13.8" thickBot="1" x14ac:dyDescent="0.25">
      <c r="A3" s="543"/>
      <c r="B3" s="546" t="s">
        <v>112</v>
      </c>
      <c r="C3" s="546"/>
      <c r="D3" s="546"/>
      <c r="E3" s="546"/>
      <c r="F3" s="546"/>
      <c r="G3" s="546"/>
      <c r="H3" s="546"/>
      <c r="I3" s="546"/>
      <c r="J3" s="546"/>
      <c r="K3" s="546"/>
      <c r="L3" s="547"/>
      <c r="M3" s="541" t="s">
        <v>111</v>
      </c>
      <c r="N3" s="541"/>
      <c r="O3" s="541"/>
      <c r="P3" s="541"/>
      <c r="Q3" s="541"/>
      <c r="R3" s="541"/>
      <c r="S3" s="541"/>
      <c r="T3" s="541"/>
      <c r="U3" s="541"/>
      <c r="V3" s="541"/>
      <c r="W3" s="542"/>
      <c r="X3" s="540" t="s">
        <v>110</v>
      </c>
      <c r="Y3" s="541"/>
      <c r="Z3" s="541"/>
      <c r="AA3" s="541"/>
      <c r="AB3" s="541"/>
      <c r="AC3" s="541"/>
      <c r="AD3" s="541"/>
      <c r="AE3" s="541"/>
      <c r="AF3" s="541"/>
      <c r="AG3" s="541"/>
      <c r="AH3" s="542"/>
      <c r="AI3" s="540" t="s">
        <v>109</v>
      </c>
      <c r="AJ3" s="541"/>
      <c r="AK3" s="541"/>
      <c r="AL3" s="541"/>
      <c r="AM3" s="541"/>
      <c r="AN3" s="541"/>
      <c r="AO3" s="541"/>
      <c r="AP3" s="541"/>
      <c r="AQ3" s="541"/>
      <c r="AR3" s="541"/>
      <c r="AS3" s="542"/>
      <c r="AT3" s="540" t="s">
        <v>108</v>
      </c>
      <c r="AU3" s="541"/>
      <c r="AV3" s="541"/>
      <c r="AW3" s="541"/>
      <c r="AX3" s="541"/>
      <c r="AY3" s="541"/>
      <c r="AZ3" s="541"/>
      <c r="BA3" s="541"/>
      <c r="BB3" s="541"/>
      <c r="BC3" s="541"/>
      <c r="BD3" s="542"/>
      <c r="BE3" s="540" t="s">
        <v>107</v>
      </c>
      <c r="BF3" s="541"/>
      <c r="BG3" s="541"/>
      <c r="BH3" s="541"/>
      <c r="BI3" s="541"/>
      <c r="BJ3" s="541"/>
      <c r="BK3" s="541"/>
      <c r="BL3" s="541"/>
      <c r="BM3" s="541"/>
      <c r="BN3" s="541"/>
      <c r="BO3" s="542"/>
      <c r="BP3" s="540" t="s">
        <v>106</v>
      </c>
      <c r="BQ3" s="541"/>
      <c r="BR3" s="541"/>
      <c r="BS3" s="541"/>
      <c r="BT3" s="541"/>
      <c r="BU3" s="541"/>
      <c r="BV3" s="541"/>
      <c r="BW3" s="541"/>
      <c r="BX3" s="541"/>
      <c r="BY3" s="541"/>
      <c r="BZ3" s="542"/>
      <c r="CA3" s="540" t="s">
        <v>128</v>
      </c>
      <c r="CB3" s="541"/>
      <c r="CC3" s="541"/>
      <c r="CD3" s="541"/>
      <c r="CE3" s="541"/>
      <c r="CF3" s="541"/>
      <c r="CG3" s="541"/>
      <c r="CH3" s="541"/>
      <c r="CI3" s="541"/>
      <c r="CJ3" s="541"/>
      <c r="CK3" s="542"/>
      <c r="CL3" s="540" t="s">
        <v>161</v>
      </c>
      <c r="CM3" s="541"/>
      <c r="CN3" s="541"/>
      <c r="CO3" s="541"/>
      <c r="CP3" s="541"/>
      <c r="CQ3" s="541"/>
      <c r="CR3" s="541"/>
      <c r="CS3" s="541"/>
      <c r="CT3" s="541"/>
      <c r="CU3" s="541"/>
      <c r="CV3" s="542"/>
      <c r="CW3" s="540" t="s">
        <v>157</v>
      </c>
      <c r="CX3" s="541"/>
      <c r="CY3" s="541"/>
      <c r="CZ3" s="541"/>
      <c r="DA3" s="541"/>
      <c r="DB3" s="541"/>
      <c r="DC3" s="541"/>
      <c r="DD3" s="541"/>
      <c r="DE3" s="541"/>
      <c r="DF3" s="541"/>
      <c r="DG3" s="542"/>
    </row>
    <row r="4" spans="1:111" x14ac:dyDescent="0.2">
      <c r="A4" s="544"/>
      <c r="B4" s="548" t="s">
        <v>61</v>
      </c>
      <c r="C4" s="527"/>
      <c r="D4" s="528"/>
      <c r="E4" s="529" t="s">
        <v>62</v>
      </c>
      <c r="F4" s="527"/>
      <c r="G4" s="527"/>
      <c r="H4" s="527"/>
      <c r="I4" s="527"/>
      <c r="J4" s="527"/>
      <c r="K4" s="530"/>
      <c r="L4" s="524" t="s">
        <v>52</v>
      </c>
      <c r="M4" s="548" t="s">
        <v>61</v>
      </c>
      <c r="N4" s="527"/>
      <c r="O4" s="528"/>
      <c r="P4" s="529" t="s">
        <v>62</v>
      </c>
      <c r="Q4" s="527"/>
      <c r="R4" s="527"/>
      <c r="S4" s="527"/>
      <c r="T4" s="527"/>
      <c r="U4" s="527"/>
      <c r="V4" s="528"/>
      <c r="W4" s="524" t="s">
        <v>52</v>
      </c>
      <c r="X4" s="526" t="s">
        <v>61</v>
      </c>
      <c r="Y4" s="527"/>
      <c r="Z4" s="530"/>
      <c r="AA4" s="529" t="s">
        <v>62</v>
      </c>
      <c r="AB4" s="527"/>
      <c r="AC4" s="527"/>
      <c r="AD4" s="527"/>
      <c r="AE4" s="527"/>
      <c r="AF4" s="527"/>
      <c r="AG4" s="528"/>
      <c r="AH4" s="524" t="s">
        <v>52</v>
      </c>
      <c r="AI4" s="526" t="s">
        <v>61</v>
      </c>
      <c r="AJ4" s="527"/>
      <c r="AK4" s="528"/>
      <c r="AL4" s="529" t="s">
        <v>62</v>
      </c>
      <c r="AM4" s="527"/>
      <c r="AN4" s="527"/>
      <c r="AO4" s="527"/>
      <c r="AP4" s="527"/>
      <c r="AQ4" s="527"/>
      <c r="AR4" s="528"/>
      <c r="AS4" s="524" t="s">
        <v>52</v>
      </c>
      <c r="AT4" s="526" t="s">
        <v>61</v>
      </c>
      <c r="AU4" s="527"/>
      <c r="AV4" s="530"/>
      <c r="AW4" s="529" t="s">
        <v>62</v>
      </c>
      <c r="AX4" s="527"/>
      <c r="AY4" s="527"/>
      <c r="AZ4" s="527"/>
      <c r="BA4" s="527"/>
      <c r="BB4" s="527"/>
      <c r="BC4" s="530"/>
      <c r="BD4" s="524" t="s">
        <v>52</v>
      </c>
      <c r="BE4" s="526" t="s">
        <v>61</v>
      </c>
      <c r="BF4" s="527"/>
      <c r="BG4" s="528"/>
      <c r="BH4" s="529" t="s">
        <v>62</v>
      </c>
      <c r="BI4" s="527"/>
      <c r="BJ4" s="527"/>
      <c r="BK4" s="527"/>
      <c r="BL4" s="527"/>
      <c r="BM4" s="527"/>
      <c r="BN4" s="528"/>
      <c r="BO4" s="524" t="s">
        <v>52</v>
      </c>
      <c r="BP4" s="526" t="s">
        <v>61</v>
      </c>
      <c r="BQ4" s="527"/>
      <c r="BR4" s="528"/>
      <c r="BS4" s="529" t="s">
        <v>62</v>
      </c>
      <c r="BT4" s="527"/>
      <c r="BU4" s="527"/>
      <c r="BV4" s="527"/>
      <c r="BW4" s="527"/>
      <c r="BX4" s="527"/>
      <c r="BY4" s="528"/>
      <c r="BZ4" s="524" t="s">
        <v>52</v>
      </c>
      <c r="CA4" s="526" t="s">
        <v>61</v>
      </c>
      <c r="CB4" s="527"/>
      <c r="CC4" s="528"/>
      <c r="CD4" s="529" t="s">
        <v>62</v>
      </c>
      <c r="CE4" s="527"/>
      <c r="CF4" s="527"/>
      <c r="CG4" s="527"/>
      <c r="CH4" s="527"/>
      <c r="CI4" s="527"/>
      <c r="CJ4" s="528"/>
      <c r="CK4" s="524" t="s">
        <v>52</v>
      </c>
      <c r="CL4" s="526" t="s">
        <v>61</v>
      </c>
      <c r="CM4" s="527"/>
      <c r="CN4" s="528"/>
      <c r="CO4" s="529" t="s">
        <v>62</v>
      </c>
      <c r="CP4" s="527"/>
      <c r="CQ4" s="527"/>
      <c r="CR4" s="527"/>
      <c r="CS4" s="527"/>
      <c r="CT4" s="527"/>
      <c r="CU4" s="528"/>
      <c r="CV4" s="524" t="s">
        <v>52</v>
      </c>
      <c r="CW4" s="526" t="s">
        <v>61</v>
      </c>
      <c r="CX4" s="527"/>
      <c r="CY4" s="528"/>
      <c r="CZ4" s="529" t="s">
        <v>62</v>
      </c>
      <c r="DA4" s="527"/>
      <c r="DB4" s="527"/>
      <c r="DC4" s="527"/>
      <c r="DD4" s="527"/>
      <c r="DE4" s="527"/>
      <c r="DF4" s="528"/>
      <c r="DG4" s="524" t="s">
        <v>52</v>
      </c>
    </row>
    <row r="5" spans="1:111" ht="28.5" customHeight="1" thickBot="1" x14ac:dyDescent="0.25">
      <c r="A5" s="545"/>
      <c r="B5" s="299" t="s">
        <v>43</v>
      </c>
      <c r="C5" s="294" t="s">
        <v>44</v>
      </c>
      <c r="D5" s="435" t="s">
        <v>45</v>
      </c>
      <c r="E5" s="302" t="s">
        <v>83</v>
      </c>
      <c r="F5" s="294" t="s">
        <v>47</v>
      </c>
      <c r="G5" s="294" t="s">
        <v>48</v>
      </c>
      <c r="H5" s="294" t="s">
        <v>49</v>
      </c>
      <c r="I5" s="294" t="s">
        <v>50</v>
      </c>
      <c r="J5" s="294" t="s">
        <v>51</v>
      </c>
      <c r="K5" s="303" t="s">
        <v>45</v>
      </c>
      <c r="L5" s="525"/>
      <c r="M5" s="299" t="s">
        <v>43</v>
      </c>
      <c r="N5" s="294" t="s">
        <v>44</v>
      </c>
      <c r="O5" s="300" t="s">
        <v>45</v>
      </c>
      <c r="P5" s="302" t="s">
        <v>83</v>
      </c>
      <c r="Q5" s="294" t="s">
        <v>47</v>
      </c>
      <c r="R5" s="294" t="s">
        <v>48</v>
      </c>
      <c r="S5" s="294" t="s">
        <v>49</v>
      </c>
      <c r="T5" s="294" t="s">
        <v>50</v>
      </c>
      <c r="U5" s="294" t="s">
        <v>51</v>
      </c>
      <c r="V5" s="300" t="s">
        <v>45</v>
      </c>
      <c r="W5" s="525"/>
      <c r="X5" s="360" t="s">
        <v>43</v>
      </c>
      <c r="Y5" s="294" t="s">
        <v>44</v>
      </c>
      <c r="Z5" s="303" t="s">
        <v>45</v>
      </c>
      <c r="AA5" s="302" t="s">
        <v>83</v>
      </c>
      <c r="AB5" s="294" t="s">
        <v>47</v>
      </c>
      <c r="AC5" s="294" t="s">
        <v>48</v>
      </c>
      <c r="AD5" s="294" t="s">
        <v>49</v>
      </c>
      <c r="AE5" s="294" t="s">
        <v>50</v>
      </c>
      <c r="AF5" s="294" t="s">
        <v>51</v>
      </c>
      <c r="AG5" s="300" t="s">
        <v>45</v>
      </c>
      <c r="AH5" s="525"/>
      <c r="AI5" s="360" t="s">
        <v>43</v>
      </c>
      <c r="AJ5" s="294" t="s">
        <v>44</v>
      </c>
      <c r="AK5" s="300" t="s">
        <v>45</v>
      </c>
      <c r="AL5" s="302" t="s">
        <v>83</v>
      </c>
      <c r="AM5" s="294" t="s">
        <v>47</v>
      </c>
      <c r="AN5" s="294" t="s">
        <v>48</v>
      </c>
      <c r="AO5" s="294" t="s">
        <v>49</v>
      </c>
      <c r="AP5" s="294" t="s">
        <v>50</v>
      </c>
      <c r="AQ5" s="294" t="s">
        <v>51</v>
      </c>
      <c r="AR5" s="300" t="s">
        <v>45</v>
      </c>
      <c r="AS5" s="525"/>
      <c r="AT5" s="360" t="s">
        <v>43</v>
      </c>
      <c r="AU5" s="294" t="s">
        <v>44</v>
      </c>
      <c r="AV5" s="303" t="s">
        <v>45</v>
      </c>
      <c r="AW5" s="302" t="s">
        <v>83</v>
      </c>
      <c r="AX5" s="294" t="s">
        <v>47</v>
      </c>
      <c r="AY5" s="294" t="s">
        <v>48</v>
      </c>
      <c r="AZ5" s="294" t="s">
        <v>49</v>
      </c>
      <c r="BA5" s="294" t="s">
        <v>50</v>
      </c>
      <c r="BB5" s="294" t="s">
        <v>51</v>
      </c>
      <c r="BC5" s="303" t="s">
        <v>45</v>
      </c>
      <c r="BD5" s="525"/>
      <c r="BE5" s="360" t="s">
        <v>43</v>
      </c>
      <c r="BF5" s="294" t="s">
        <v>44</v>
      </c>
      <c r="BG5" s="300" t="s">
        <v>45</v>
      </c>
      <c r="BH5" s="302" t="s">
        <v>83</v>
      </c>
      <c r="BI5" s="294" t="s">
        <v>47</v>
      </c>
      <c r="BJ5" s="294" t="s">
        <v>48</v>
      </c>
      <c r="BK5" s="294" t="s">
        <v>49</v>
      </c>
      <c r="BL5" s="294" t="s">
        <v>50</v>
      </c>
      <c r="BM5" s="294" t="s">
        <v>51</v>
      </c>
      <c r="BN5" s="300" t="s">
        <v>45</v>
      </c>
      <c r="BO5" s="525"/>
      <c r="BP5" s="360" t="s">
        <v>43</v>
      </c>
      <c r="BQ5" s="294" t="s">
        <v>44</v>
      </c>
      <c r="BR5" s="300" t="s">
        <v>45</v>
      </c>
      <c r="BS5" s="302" t="s">
        <v>83</v>
      </c>
      <c r="BT5" s="294" t="s">
        <v>47</v>
      </c>
      <c r="BU5" s="294" t="s">
        <v>48</v>
      </c>
      <c r="BV5" s="294" t="s">
        <v>49</v>
      </c>
      <c r="BW5" s="294" t="s">
        <v>50</v>
      </c>
      <c r="BX5" s="294" t="s">
        <v>51</v>
      </c>
      <c r="BY5" s="300" t="s">
        <v>45</v>
      </c>
      <c r="BZ5" s="525"/>
      <c r="CA5" s="360" t="s">
        <v>43</v>
      </c>
      <c r="CB5" s="294" t="s">
        <v>44</v>
      </c>
      <c r="CC5" s="300" t="s">
        <v>45</v>
      </c>
      <c r="CD5" s="302" t="s">
        <v>83</v>
      </c>
      <c r="CE5" s="294" t="s">
        <v>47</v>
      </c>
      <c r="CF5" s="294" t="s">
        <v>48</v>
      </c>
      <c r="CG5" s="294" t="s">
        <v>49</v>
      </c>
      <c r="CH5" s="294" t="s">
        <v>50</v>
      </c>
      <c r="CI5" s="294" t="s">
        <v>51</v>
      </c>
      <c r="CJ5" s="300" t="s">
        <v>45</v>
      </c>
      <c r="CK5" s="525"/>
      <c r="CL5" s="360" t="s">
        <v>43</v>
      </c>
      <c r="CM5" s="294" t="s">
        <v>44</v>
      </c>
      <c r="CN5" s="300" t="s">
        <v>45</v>
      </c>
      <c r="CO5" s="302" t="s">
        <v>83</v>
      </c>
      <c r="CP5" s="294" t="s">
        <v>47</v>
      </c>
      <c r="CQ5" s="294" t="s">
        <v>48</v>
      </c>
      <c r="CR5" s="294" t="s">
        <v>49</v>
      </c>
      <c r="CS5" s="294" t="s">
        <v>50</v>
      </c>
      <c r="CT5" s="294" t="s">
        <v>51</v>
      </c>
      <c r="CU5" s="300" t="s">
        <v>45</v>
      </c>
      <c r="CV5" s="525"/>
      <c r="CW5" s="409" t="s">
        <v>43</v>
      </c>
      <c r="CX5" s="294" t="s">
        <v>44</v>
      </c>
      <c r="CY5" s="300" t="s">
        <v>45</v>
      </c>
      <c r="CZ5" s="302" t="s">
        <v>83</v>
      </c>
      <c r="DA5" s="294" t="s">
        <v>47</v>
      </c>
      <c r="DB5" s="294" t="s">
        <v>48</v>
      </c>
      <c r="DC5" s="294" t="s">
        <v>49</v>
      </c>
      <c r="DD5" s="294" t="s">
        <v>50</v>
      </c>
      <c r="DE5" s="294" t="s">
        <v>51</v>
      </c>
      <c r="DF5" s="300" t="s">
        <v>45</v>
      </c>
      <c r="DG5" s="525"/>
    </row>
    <row r="6" spans="1:111" ht="18.75" customHeight="1" x14ac:dyDescent="0.2">
      <c r="A6" s="295" t="s">
        <v>4</v>
      </c>
      <c r="B6" s="304">
        <v>0</v>
      </c>
      <c r="C6" s="308">
        <v>0</v>
      </c>
      <c r="D6" s="436">
        <v>0</v>
      </c>
      <c r="E6" s="307">
        <v>0</v>
      </c>
      <c r="F6" s="308">
        <v>13389</v>
      </c>
      <c r="G6" s="308">
        <v>20052</v>
      </c>
      <c r="H6" s="308">
        <v>21132</v>
      </c>
      <c r="I6" s="308">
        <v>22049</v>
      </c>
      <c r="J6" s="308">
        <v>20148</v>
      </c>
      <c r="K6" s="309">
        <v>96770</v>
      </c>
      <c r="L6" s="310">
        <v>96770</v>
      </c>
      <c r="M6" s="304">
        <v>0</v>
      </c>
      <c r="N6" s="308">
        <v>5</v>
      </c>
      <c r="O6" s="305">
        <v>5</v>
      </c>
      <c r="P6" s="307">
        <v>0</v>
      </c>
      <c r="Q6" s="308">
        <v>37</v>
      </c>
      <c r="R6" s="308">
        <v>115</v>
      </c>
      <c r="S6" s="308">
        <v>233</v>
      </c>
      <c r="T6" s="308">
        <v>637</v>
      </c>
      <c r="U6" s="308">
        <v>1024</v>
      </c>
      <c r="V6" s="305">
        <v>2046</v>
      </c>
      <c r="W6" s="310">
        <v>2051</v>
      </c>
      <c r="X6" s="304">
        <v>1049</v>
      </c>
      <c r="Y6" s="308">
        <v>2636</v>
      </c>
      <c r="Z6" s="305">
        <v>3685</v>
      </c>
      <c r="AA6" s="307">
        <v>0</v>
      </c>
      <c r="AB6" s="308">
        <v>7583</v>
      </c>
      <c r="AC6" s="308">
        <v>11241</v>
      </c>
      <c r="AD6" s="308">
        <v>6596</v>
      </c>
      <c r="AE6" s="308">
        <v>6169</v>
      </c>
      <c r="AF6" s="308">
        <v>4284</v>
      </c>
      <c r="AG6" s="305">
        <v>35873</v>
      </c>
      <c r="AH6" s="310">
        <v>39558</v>
      </c>
      <c r="AI6" s="304">
        <v>216</v>
      </c>
      <c r="AJ6" s="308">
        <v>587</v>
      </c>
      <c r="AK6" s="305">
        <v>803</v>
      </c>
      <c r="AL6" s="307">
        <v>0</v>
      </c>
      <c r="AM6" s="308">
        <v>569</v>
      </c>
      <c r="AN6" s="308">
        <v>1217</v>
      </c>
      <c r="AO6" s="308">
        <v>873</v>
      </c>
      <c r="AP6" s="308">
        <v>836</v>
      </c>
      <c r="AQ6" s="308">
        <v>703</v>
      </c>
      <c r="AR6" s="305">
        <v>4198</v>
      </c>
      <c r="AS6" s="310">
        <v>5001</v>
      </c>
      <c r="AT6" s="304">
        <v>0</v>
      </c>
      <c r="AU6" s="308">
        <v>0</v>
      </c>
      <c r="AV6" s="305">
        <v>0</v>
      </c>
      <c r="AW6" s="307">
        <v>0</v>
      </c>
      <c r="AX6" s="308">
        <v>11979</v>
      </c>
      <c r="AY6" s="308">
        <v>11229</v>
      </c>
      <c r="AZ6" s="308">
        <v>7082</v>
      </c>
      <c r="BA6" s="308">
        <v>3381</v>
      </c>
      <c r="BB6" s="308">
        <v>1391</v>
      </c>
      <c r="BC6" s="309">
        <v>35062</v>
      </c>
      <c r="BD6" s="310">
        <v>35062</v>
      </c>
      <c r="BE6" s="304">
        <v>0</v>
      </c>
      <c r="BF6" s="308">
        <v>0</v>
      </c>
      <c r="BG6" s="305">
        <v>0</v>
      </c>
      <c r="BH6" s="307">
        <v>0</v>
      </c>
      <c r="BI6" s="308">
        <v>2448</v>
      </c>
      <c r="BJ6" s="308">
        <v>3625</v>
      </c>
      <c r="BK6" s="308">
        <v>2256</v>
      </c>
      <c r="BL6" s="308">
        <v>1358</v>
      </c>
      <c r="BM6" s="308">
        <v>298</v>
      </c>
      <c r="BN6" s="305">
        <v>9985</v>
      </c>
      <c r="BO6" s="310">
        <v>9985</v>
      </c>
      <c r="BP6" s="304">
        <v>33</v>
      </c>
      <c r="BQ6" s="308">
        <v>138</v>
      </c>
      <c r="BR6" s="305">
        <v>171</v>
      </c>
      <c r="BS6" s="307">
        <v>0</v>
      </c>
      <c r="BT6" s="308">
        <v>1128</v>
      </c>
      <c r="BU6" s="308">
        <v>1930</v>
      </c>
      <c r="BV6" s="308">
        <v>3900</v>
      </c>
      <c r="BW6" s="308">
        <v>2659</v>
      </c>
      <c r="BX6" s="308">
        <v>973</v>
      </c>
      <c r="BY6" s="305">
        <v>10590</v>
      </c>
      <c r="BZ6" s="310">
        <v>10761</v>
      </c>
      <c r="CA6" s="304">
        <v>10</v>
      </c>
      <c r="CB6" s="308">
        <v>0</v>
      </c>
      <c r="CC6" s="305">
        <v>10</v>
      </c>
      <c r="CD6" s="307">
        <v>0</v>
      </c>
      <c r="CE6" s="308">
        <v>126</v>
      </c>
      <c r="CF6" s="308">
        <v>350</v>
      </c>
      <c r="CG6" s="308">
        <v>412</v>
      </c>
      <c r="CH6" s="308">
        <v>308</v>
      </c>
      <c r="CI6" s="308">
        <v>160</v>
      </c>
      <c r="CJ6" s="305">
        <v>1356</v>
      </c>
      <c r="CK6" s="310">
        <v>1366</v>
      </c>
      <c r="CL6" s="304">
        <v>0</v>
      </c>
      <c r="CM6" s="308">
        <v>0</v>
      </c>
      <c r="CN6" s="305">
        <v>0</v>
      </c>
      <c r="CO6" s="307">
        <v>0</v>
      </c>
      <c r="CP6" s="308">
        <v>0</v>
      </c>
      <c r="CQ6" s="308">
        <v>0</v>
      </c>
      <c r="CR6" s="308">
        <v>0</v>
      </c>
      <c r="CS6" s="308">
        <v>0</v>
      </c>
      <c r="CT6" s="308">
        <v>0</v>
      </c>
      <c r="CU6" s="305">
        <v>0</v>
      </c>
      <c r="CV6" s="310">
        <v>0</v>
      </c>
      <c r="CW6" s="304">
        <v>0</v>
      </c>
      <c r="CX6" s="308">
        <v>0</v>
      </c>
      <c r="CY6" s="305">
        <v>0</v>
      </c>
      <c r="CZ6" s="307">
        <v>0</v>
      </c>
      <c r="DA6" s="308">
        <v>0</v>
      </c>
      <c r="DB6" s="308">
        <v>0</v>
      </c>
      <c r="DC6" s="308">
        <v>0</v>
      </c>
      <c r="DD6" s="308">
        <v>0</v>
      </c>
      <c r="DE6" s="308">
        <v>0</v>
      </c>
      <c r="DF6" s="305">
        <v>0</v>
      </c>
      <c r="DG6" s="310">
        <v>0</v>
      </c>
    </row>
    <row r="7" spans="1:111" ht="18.75" customHeight="1" x14ac:dyDescent="0.2">
      <c r="A7" s="296" t="s">
        <v>5</v>
      </c>
      <c r="B7" s="311">
        <v>0</v>
      </c>
      <c r="C7" s="315">
        <v>0</v>
      </c>
      <c r="D7" s="437">
        <v>0</v>
      </c>
      <c r="E7" s="314">
        <v>0</v>
      </c>
      <c r="F7" s="315">
        <v>4928</v>
      </c>
      <c r="G7" s="315">
        <v>8981</v>
      </c>
      <c r="H7" s="315">
        <v>8414</v>
      </c>
      <c r="I7" s="315">
        <v>8187</v>
      </c>
      <c r="J7" s="315">
        <v>7593</v>
      </c>
      <c r="K7" s="316">
        <v>38103</v>
      </c>
      <c r="L7" s="317">
        <v>38103</v>
      </c>
      <c r="M7" s="311">
        <v>0</v>
      </c>
      <c r="N7" s="315">
        <v>4</v>
      </c>
      <c r="O7" s="312">
        <v>4</v>
      </c>
      <c r="P7" s="314">
        <v>0</v>
      </c>
      <c r="Q7" s="315">
        <v>11</v>
      </c>
      <c r="R7" s="315">
        <v>65</v>
      </c>
      <c r="S7" s="315">
        <v>97</v>
      </c>
      <c r="T7" s="315">
        <v>247</v>
      </c>
      <c r="U7" s="315">
        <v>467</v>
      </c>
      <c r="V7" s="312">
        <v>887</v>
      </c>
      <c r="W7" s="317">
        <v>891</v>
      </c>
      <c r="X7" s="311">
        <v>567</v>
      </c>
      <c r="Y7" s="315">
        <v>1475</v>
      </c>
      <c r="Z7" s="312">
        <v>2042</v>
      </c>
      <c r="AA7" s="314">
        <v>0</v>
      </c>
      <c r="AB7" s="315">
        <v>3064</v>
      </c>
      <c r="AC7" s="315">
        <v>6431</v>
      </c>
      <c r="AD7" s="315">
        <v>3617</v>
      </c>
      <c r="AE7" s="315">
        <v>3043</v>
      </c>
      <c r="AF7" s="315">
        <v>1968</v>
      </c>
      <c r="AG7" s="312">
        <v>18123</v>
      </c>
      <c r="AH7" s="317">
        <v>20165</v>
      </c>
      <c r="AI7" s="311">
        <v>95</v>
      </c>
      <c r="AJ7" s="315">
        <v>349</v>
      </c>
      <c r="AK7" s="312">
        <v>444</v>
      </c>
      <c r="AL7" s="314">
        <v>0</v>
      </c>
      <c r="AM7" s="315">
        <v>148</v>
      </c>
      <c r="AN7" s="315">
        <v>567</v>
      </c>
      <c r="AO7" s="315">
        <v>409</v>
      </c>
      <c r="AP7" s="315">
        <v>313</v>
      </c>
      <c r="AQ7" s="315">
        <v>201</v>
      </c>
      <c r="AR7" s="312">
        <v>1638</v>
      </c>
      <c r="AS7" s="317">
        <v>2082</v>
      </c>
      <c r="AT7" s="311">
        <v>0</v>
      </c>
      <c r="AU7" s="315">
        <v>0</v>
      </c>
      <c r="AV7" s="312">
        <v>0</v>
      </c>
      <c r="AW7" s="314">
        <v>0</v>
      </c>
      <c r="AX7" s="315">
        <v>4169</v>
      </c>
      <c r="AY7" s="315">
        <v>4951</v>
      </c>
      <c r="AZ7" s="315">
        <v>2946</v>
      </c>
      <c r="BA7" s="315">
        <v>1183</v>
      </c>
      <c r="BB7" s="315">
        <v>479</v>
      </c>
      <c r="BC7" s="316">
        <v>13728</v>
      </c>
      <c r="BD7" s="317">
        <v>13728</v>
      </c>
      <c r="BE7" s="311">
        <v>0</v>
      </c>
      <c r="BF7" s="315">
        <v>0</v>
      </c>
      <c r="BG7" s="312">
        <v>0</v>
      </c>
      <c r="BH7" s="314">
        <v>0</v>
      </c>
      <c r="BI7" s="315">
        <v>881</v>
      </c>
      <c r="BJ7" s="315">
        <v>1786</v>
      </c>
      <c r="BK7" s="315">
        <v>1040</v>
      </c>
      <c r="BL7" s="315">
        <v>610</v>
      </c>
      <c r="BM7" s="315">
        <v>124</v>
      </c>
      <c r="BN7" s="312">
        <v>4441</v>
      </c>
      <c r="BO7" s="317">
        <v>4441</v>
      </c>
      <c r="BP7" s="311">
        <v>14</v>
      </c>
      <c r="BQ7" s="315">
        <v>67</v>
      </c>
      <c r="BR7" s="312">
        <v>81</v>
      </c>
      <c r="BS7" s="314">
        <v>0</v>
      </c>
      <c r="BT7" s="315">
        <v>310</v>
      </c>
      <c r="BU7" s="315">
        <v>668</v>
      </c>
      <c r="BV7" s="315">
        <v>1626</v>
      </c>
      <c r="BW7" s="315">
        <v>1078</v>
      </c>
      <c r="BX7" s="315">
        <v>209</v>
      </c>
      <c r="BY7" s="312">
        <v>3891</v>
      </c>
      <c r="BZ7" s="317">
        <v>3972</v>
      </c>
      <c r="CA7" s="311">
        <v>10</v>
      </c>
      <c r="CB7" s="315">
        <v>0</v>
      </c>
      <c r="CC7" s="312">
        <v>10</v>
      </c>
      <c r="CD7" s="314">
        <v>0</v>
      </c>
      <c r="CE7" s="315">
        <v>81</v>
      </c>
      <c r="CF7" s="315">
        <v>208</v>
      </c>
      <c r="CG7" s="315">
        <v>297</v>
      </c>
      <c r="CH7" s="315">
        <v>150</v>
      </c>
      <c r="CI7" s="315">
        <v>128</v>
      </c>
      <c r="CJ7" s="312">
        <v>864</v>
      </c>
      <c r="CK7" s="317">
        <v>874</v>
      </c>
      <c r="CL7" s="311">
        <v>0</v>
      </c>
      <c r="CM7" s="315">
        <v>0</v>
      </c>
      <c r="CN7" s="312">
        <v>0</v>
      </c>
      <c r="CO7" s="314">
        <v>0</v>
      </c>
      <c r="CP7" s="315">
        <v>0</v>
      </c>
      <c r="CQ7" s="315">
        <v>0</v>
      </c>
      <c r="CR7" s="315">
        <v>0</v>
      </c>
      <c r="CS7" s="315">
        <v>0</v>
      </c>
      <c r="CT7" s="315">
        <v>0</v>
      </c>
      <c r="CU7" s="312">
        <v>0</v>
      </c>
      <c r="CV7" s="317">
        <v>0</v>
      </c>
      <c r="CW7" s="311">
        <v>0</v>
      </c>
      <c r="CX7" s="315">
        <v>0</v>
      </c>
      <c r="CY7" s="312">
        <v>0</v>
      </c>
      <c r="CZ7" s="314">
        <v>0</v>
      </c>
      <c r="DA7" s="315">
        <v>0</v>
      </c>
      <c r="DB7" s="315">
        <v>0</v>
      </c>
      <c r="DC7" s="315">
        <v>0</v>
      </c>
      <c r="DD7" s="315">
        <v>0</v>
      </c>
      <c r="DE7" s="315">
        <v>0</v>
      </c>
      <c r="DF7" s="312">
        <v>0</v>
      </c>
      <c r="DG7" s="317">
        <v>0</v>
      </c>
    </row>
    <row r="8" spans="1:111" ht="18.75" customHeight="1" x14ac:dyDescent="0.2">
      <c r="A8" s="296" t="s">
        <v>6</v>
      </c>
      <c r="B8" s="311">
        <v>0</v>
      </c>
      <c r="C8" s="315">
        <v>0</v>
      </c>
      <c r="D8" s="437">
        <v>0</v>
      </c>
      <c r="E8" s="314">
        <v>0</v>
      </c>
      <c r="F8" s="315">
        <v>1857</v>
      </c>
      <c r="G8" s="315">
        <v>2233</v>
      </c>
      <c r="H8" s="315">
        <v>2337</v>
      </c>
      <c r="I8" s="315">
        <v>3232</v>
      </c>
      <c r="J8" s="315">
        <v>3195</v>
      </c>
      <c r="K8" s="316">
        <v>12854</v>
      </c>
      <c r="L8" s="317">
        <v>12854</v>
      </c>
      <c r="M8" s="311">
        <v>0</v>
      </c>
      <c r="N8" s="315">
        <v>0</v>
      </c>
      <c r="O8" s="312">
        <v>0</v>
      </c>
      <c r="P8" s="314">
        <v>0</v>
      </c>
      <c r="Q8" s="315">
        <v>4</v>
      </c>
      <c r="R8" s="315">
        <v>17</v>
      </c>
      <c r="S8" s="315">
        <v>17</v>
      </c>
      <c r="T8" s="315">
        <v>63</v>
      </c>
      <c r="U8" s="315">
        <v>124</v>
      </c>
      <c r="V8" s="312">
        <v>225</v>
      </c>
      <c r="W8" s="317">
        <v>225</v>
      </c>
      <c r="X8" s="311">
        <v>191</v>
      </c>
      <c r="Y8" s="315">
        <v>400</v>
      </c>
      <c r="Z8" s="312">
        <v>591</v>
      </c>
      <c r="AA8" s="314">
        <v>0</v>
      </c>
      <c r="AB8" s="315">
        <v>1316</v>
      </c>
      <c r="AC8" s="315">
        <v>1250</v>
      </c>
      <c r="AD8" s="315">
        <v>691</v>
      </c>
      <c r="AE8" s="315">
        <v>951</v>
      </c>
      <c r="AF8" s="315">
        <v>629</v>
      </c>
      <c r="AG8" s="312">
        <v>4837</v>
      </c>
      <c r="AH8" s="317">
        <v>5428</v>
      </c>
      <c r="AI8" s="311">
        <v>16</v>
      </c>
      <c r="AJ8" s="315">
        <v>18</v>
      </c>
      <c r="AK8" s="312">
        <v>34</v>
      </c>
      <c r="AL8" s="314">
        <v>0</v>
      </c>
      <c r="AM8" s="315">
        <v>117</v>
      </c>
      <c r="AN8" s="315">
        <v>137</v>
      </c>
      <c r="AO8" s="315">
        <v>67</v>
      </c>
      <c r="AP8" s="315">
        <v>138</v>
      </c>
      <c r="AQ8" s="315">
        <v>84</v>
      </c>
      <c r="AR8" s="312">
        <v>543</v>
      </c>
      <c r="AS8" s="317">
        <v>577</v>
      </c>
      <c r="AT8" s="311">
        <v>0</v>
      </c>
      <c r="AU8" s="315">
        <v>0</v>
      </c>
      <c r="AV8" s="312">
        <v>0</v>
      </c>
      <c r="AW8" s="314">
        <v>0</v>
      </c>
      <c r="AX8" s="315">
        <v>1666</v>
      </c>
      <c r="AY8" s="315">
        <v>1261</v>
      </c>
      <c r="AZ8" s="315">
        <v>762</v>
      </c>
      <c r="BA8" s="315">
        <v>473</v>
      </c>
      <c r="BB8" s="315">
        <v>187</v>
      </c>
      <c r="BC8" s="316">
        <v>4349</v>
      </c>
      <c r="BD8" s="317">
        <v>4349</v>
      </c>
      <c r="BE8" s="311">
        <v>0</v>
      </c>
      <c r="BF8" s="315">
        <v>0</v>
      </c>
      <c r="BG8" s="312">
        <v>0</v>
      </c>
      <c r="BH8" s="314">
        <v>0</v>
      </c>
      <c r="BI8" s="315">
        <v>314</v>
      </c>
      <c r="BJ8" s="315">
        <v>389</v>
      </c>
      <c r="BK8" s="315">
        <v>249</v>
      </c>
      <c r="BL8" s="315">
        <v>130</v>
      </c>
      <c r="BM8" s="315">
        <v>51</v>
      </c>
      <c r="BN8" s="312">
        <v>1133</v>
      </c>
      <c r="BO8" s="317">
        <v>1133</v>
      </c>
      <c r="BP8" s="311">
        <v>3</v>
      </c>
      <c r="BQ8" s="315">
        <v>8</v>
      </c>
      <c r="BR8" s="312">
        <v>11</v>
      </c>
      <c r="BS8" s="314">
        <v>0</v>
      </c>
      <c r="BT8" s="315">
        <v>141</v>
      </c>
      <c r="BU8" s="315">
        <v>157</v>
      </c>
      <c r="BV8" s="315">
        <v>283</v>
      </c>
      <c r="BW8" s="315">
        <v>223</v>
      </c>
      <c r="BX8" s="315">
        <v>157</v>
      </c>
      <c r="BY8" s="312">
        <v>961</v>
      </c>
      <c r="BZ8" s="317">
        <v>972</v>
      </c>
      <c r="CA8" s="311">
        <v>0</v>
      </c>
      <c r="CB8" s="315">
        <v>0</v>
      </c>
      <c r="CC8" s="312">
        <v>0</v>
      </c>
      <c r="CD8" s="314">
        <v>0</v>
      </c>
      <c r="CE8" s="315">
        <v>9</v>
      </c>
      <c r="CF8" s="315">
        <v>31</v>
      </c>
      <c r="CG8" s="315">
        <v>29</v>
      </c>
      <c r="CH8" s="315">
        <v>59</v>
      </c>
      <c r="CI8" s="315">
        <v>16</v>
      </c>
      <c r="CJ8" s="312">
        <v>144</v>
      </c>
      <c r="CK8" s="317">
        <v>144</v>
      </c>
      <c r="CL8" s="311">
        <v>0</v>
      </c>
      <c r="CM8" s="315">
        <v>0</v>
      </c>
      <c r="CN8" s="312">
        <v>0</v>
      </c>
      <c r="CO8" s="314">
        <v>0</v>
      </c>
      <c r="CP8" s="315">
        <v>0</v>
      </c>
      <c r="CQ8" s="315">
        <v>0</v>
      </c>
      <c r="CR8" s="315">
        <v>0</v>
      </c>
      <c r="CS8" s="315">
        <v>0</v>
      </c>
      <c r="CT8" s="315">
        <v>0</v>
      </c>
      <c r="CU8" s="312">
        <v>0</v>
      </c>
      <c r="CV8" s="317">
        <v>0</v>
      </c>
      <c r="CW8" s="311">
        <v>0</v>
      </c>
      <c r="CX8" s="315">
        <v>0</v>
      </c>
      <c r="CY8" s="312">
        <v>0</v>
      </c>
      <c r="CZ8" s="314">
        <v>0</v>
      </c>
      <c r="DA8" s="315">
        <v>0</v>
      </c>
      <c r="DB8" s="315">
        <v>0</v>
      </c>
      <c r="DC8" s="315">
        <v>0</v>
      </c>
      <c r="DD8" s="315">
        <v>0</v>
      </c>
      <c r="DE8" s="315">
        <v>0</v>
      </c>
      <c r="DF8" s="312">
        <v>0</v>
      </c>
      <c r="DG8" s="317">
        <v>0</v>
      </c>
    </row>
    <row r="9" spans="1:111" ht="18.75" customHeight="1" x14ac:dyDescent="0.2">
      <c r="A9" s="296" t="s">
        <v>14</v>
      </c>
      <c r="B9" s="311">
        <v>0</v>
      </c>
      <c r="C9" s="315">
        <v>0</v>
      </c>
      <c r="D9" s="437">
        <v>0</v>
      </c>
      <c r="E9" s="314">
        <v>0</v>
      </c>
      <c r="F9" s="315">
        <v>965</v>
      </c>
      <c r="G9" s="315">
        <v>1312</v>
      </c>
      <c r="H9" s="315">
        <v>1174</v>
      </c>
      <c r="I9" s="315">
        <v>647</v>
      </c>
      <c r="J9" s="315">
        <v>1151</v>
      </c>
      <c r="K9" s="316">
        <v>5249</v>
      </c>
      <c r="L9" s="317">
        <v>5249</v>
      </c>
      <c r="M9" s="311">
        <v>0</v>
      </c>
      <c r="N9" s="315">
        <v>0</v>
      </c>
      <c r="O9" s="312">
        <v>0</v>
      </c>
      <c r="P9" s="314">
        <v>0</v>
      </c>
      <c r="Q9" s="315">
        <v>0</v>
      </c>
      <c r="R9" s="315">
        <v>4</v>
      </c>
      <c r="S9" s="315">
        <v>8</v>
      </c>
      <c r="T9" s="315">
        <v>38</v>
      </c>
      <c r="U9" s="315">
        <v>45</v>
      </c>
      <c r="V9" s="312">
        <v>95</v>
      </c>
      <c r="W9" s="317">
        <v>95</v>
      </c>
      <c r="X9" s="311">
        <v>16</v>
      </c>
      <c r="Y9" s="315">
        <v>166</v>
      </c>
      <c r="Z9" s="312">
        <v>182</v>
      </c>
      <c r="AA9" s="314">
        <v>0</v>
      </c>
      <c r="AB9" s="315">
        <v>433</v>
      </c>
      <c r="AC9" s="315">
        <v>763</v>
      </c>
      <c r="AD9" s="315">
        <v>548</v>
      </c>
      <c r="AE9" s="315">
        <v>513</v>
      </c>
      <c r="AF9" s="315">
        <v>210</v>
      </c>
      <c r="AG9" s="312">
        <v>2467</v>
      </c>
      <c r="AH9" s="317">
        <v>2649</v>
      </c>
      <c r="AI9" s="311">
        <v>8</v>
      </c>
      <c r="AJ9" s="315">
        <v>31</v>
      </c>
      <c r="AK9" s="312">
        <v>39</v>
      </c>
      <c r="AL9" s="314">
        <v>0</v>
      </c>
      <c r="AM9" s="315">
        <v>24</v>
      </c>
      <c r="AN9" s="315">
        <v>8</v>
      </c>
      <c r="AO9" s="315">
        <v>18</v>
      </c>
      <c r="AP9" s="315">
        <v>36</v>
      </c>
      <c r="AQ9" s="315">
        <v>26</v>
      </c>
      <c r="AR9" s="312">
        <v>112</v>
      </c>
      <c r="AS9" s="317">
        <v>151</v>
      </c>
      <c r="AT9" s="311">
        <v>0</v>
      </c>
      <c r="AU9" s="315">
        <v>0</v>
      </c>
      <c r="AV9" s="312">
        <v>0</v>
      </c>
      <c r="AW9" s="314">
        <v>0</v>
      </c>
      <c r="AX9" s="315">
        <v>933</v>
      </c>
      <c r="AY9" s="315">
        <v>805</v>
      </c>
      <c r="AZ9" s="315">
        <v>550</v>
      </c>
      <c r="BA9" s="315">
        <v>460</v>
      </c>
      <c r="BB9" s="315">
        <v>102</v>
      </c>
      <c r="BC9" s="316">
        <v>2850</v>
      </c>
      <c r="BD9" s="317">
        <v>2850</v>
      </c>
      <c r="BE9" s="311">
        <v>0</v>
      </c>
      <c r="BF9" s="315">
        <v>0</v>
      </c>
      <c r="BG9" s="312">
        <v>0</v>
      </c>
      <c r="BH9" s="314">
        <v>0</v>
      </c>
      <c r="BI9" s="315">
        <v>42</v>
      </c>
      <c r="BJ9" s="315">
        <v>197</v>
      </c>
      <c r="BK9" s="315">
        <v>146</v>
      </c>
      <c r="BL9" s="315">
        <v>65</v>
      </c>
      <c r="BM9" s="315">
        <v>19</v>
      </c>
      <c r="BN9" s="312">
        <v>469</v>
      </c>
      <c r="BO9" s="317">
        <v>469</v>
      </c>
      <c r="BP9" s="311">
        <v>0</v>
      </c>
      <c r="BQ9" s="315">
        <v>12</v>
      </c>
      <c r="BR9" s="312">
        <v>12</v>
      </c>
      <c r="BS9" s="314">
        <v>0</v>
      </c>
      <c r="BT9" s="315">
        <v>123</v>
      </c>
      <c r="BU9" s="315">
        <v>133</v>
      </c>
      <c r="BV9" s="315">
        <v>359</v>
      </c>
      <c r="BW9" s="315">
        <v>295</v>
      </c>
      <c r="BX9" s="315">
        <v>149</v>
      </c>
      <c r="BY9" s="312">
        <v>1059</v>
      </c>
      <c r="BZ9" s="317">
        <v>1071</v>
      </c>
      <c r="CA9" s="311">
        <v>0</v>
      </c>
      <c r="CB9" s="315">
        <v>0</v>
      </c>
      <c r="CC9" s="312">
        <v>0</v>
      </c>
      <c r="CD9" s="314">
        <v>0</v>
      </c>
      <c r="CE9" s="315">
        <v>18</v>
      </c>
      <c r="CF9" s="315">
        <v>9</v>
      </c>
      <c r="CG9" s="315">
        <v>16</v>
      </c>
      <c r="CH9" s="315">
        <v>15</v>
      </c>
      <c r="CI9" s="315">
        <v>2</v>
      </c>
      <c r="CJ9" s="312">
        <v>60</v>
      </c>
      <c r="CK9" s="317">
        <v>60</v>
      </c>
      <c r="CL9" s="311">
        <v>0</v>
      </c>
      <c r="CM9" s="315">
        <v>0</v>
      </c>
      <c r="CN9" s="312">
        <v>0</v>
      </c>
      <c r="CO9" s="314">
        <v>0</v>
      </c>
      <c r="CP9" s="315">
        <v>0</v>
      </c>
      <c r="CQ9" s="315">
        <v>0</v>
      </c>
      <c r="CR9" s="315">
        <v>0</v>
      </c>
      <c r="CS9" s="315">
        <v>0</v>
      </c>
      <c r="CT9" s="315">
        <v>0</v>
      </c>
      <c r="CU9" s="312">
        <v>0</v>
      </c>
      <c r="CV9" s="317">
        <v>0</v>
      </c>
      <c r="CW9" s="311">
        <v>0</v>
      </c>
      <c r="CX9" s="315">
        <v>0</v>
      </c>
      <c r="CY9" s="312">
        <v>0</v>
      </c>
      <c r="CZ9" s="314">
        <v>0</v>
      </c>
      <c r="DA9" s="315">
        <v>0</v>
      </c>
      <c r="DB9" s="315">
        <v>0</v>
      </c>
      <c r="DC9" s="315">
        <v>0</v>
      </c>
      <c r="DD9" s="315">
        <v>0</v>
      </c>
      <c r="DE9" s="315">
        <v>0</v>
      </c>
      <c r="DF9" s="312">
        <v>0</v>
      </c>
      <c r="DG9" s="317">
        <v>0</v>
      </c>
    </row>
    <row r="10" spans="1:111" ht="18.75" customHeight="1" x14ac:dyDescent="0.2">
      <c r="A10" s="296" t="s">
        <v>7</v>
      </c>
      <c r="B10" s="311">
        <v>0</v>
      </c>
      <c r="C10" s="315">
        <v>0</v>
      </c>
      <c r="D10" s="437">
        <v>0</v>
      </c>
      <c r="E10" s="314">
        <v>0</v>
      </c>
      <c r="F10" s="315">
        <v>1321</v>
      </c>
      <c r="G10" s="315">
        <v>1396</v>
      </c>
      <c r="H10" s="315">
        <v>1945</v>
      </c>
      <c r="I10" s="315">
        <v>1489</v>
      </c>
      <c r="J10" s="315">
        <v>958</v>
      </c>
      <c r="K10" s="316">
        <v>7109</v>
      </c>
      <c r="L10" s="317">
        <v>7109</v>
      </c>
      <c r="M10" s="311">
        <v>0</v>
      </c>
      <c r="N10" s="315">
        <v>0</v>
      </c>
      <c r="O10" s="312">
        <v>0</v>
      </c>
      <c r="P10" s="314">
        <v>0</v>
      </c>
      <c r="Q10" s="315">
        <v>11</v>
      </c>
      <c r="R10" s="315">
        <v>10</v>
      </c>
      <c r="S10" s="315">
        <v>39</v>
      </c>
      <c r="T10" s="315">
        <v>51</v>
      </c>
      <c r="U10" s="315">
        <v>55</v>
      </c>
      <c r="V10" s="312">
        <v>166</v>
      </c>
      <c r="W10" s="317">
        <v>166</v>
      </c>
      <c r="X10" s="311">
        <v>4</v>
      </c>
      <c r="Y10" s="315">
        <v>24</v>
      </c>
      <c r="Z10" s="312">
        <v>28</v>
      </c>
      <c r="AA10" s="314">
        <v>0</v>
      </c>
      <c r="AB10" s="315">
        <v>313</v>
      </c>
      <c r="AC10" s="315">
        <v>342</v>
      </c>
      <c r="AD10" s="315">
        <v>340</v>
      </c>
      <c r="AE10" s="315">
        <v>211</v>
      </c>
      <c r="AF10" s="315">
        <v>213</v>
      </c>
      <c r="AG10" s="312">
        <v>1419</v>
      </c>
      <c r="AH10" s="317">
        <v>1447</v>
      </c>
      <c r="AI10" s="311">
        <v>0</v>
      </c>
      <c r="AJ10" s="315">
        <v>15</v>
      </c>
      <c r="AK10" s="312">
        <v>15</v>
      </c>
      <c r="AL10" s="314">
        <v>0</v>
      </c>
      <c r="AM10" s="315">
        <v>16</v>
      </c>
      <c r="AN10" s="315">
        <v>32</v>
      </c>
      <c r="AO10" s="315">
        <v>43</v>
      </c>
      <c r="AP10" s="315">
        <v>38</v>
      </c>
      <c r="AQ10" s="315">
        <v>18</v>
      </c>
      <c r="AR10" s="312">
        <v>147</v>
      </c>
      <c r="AS10" s="317">
        <v>162</v>
      </c>
      <c r="AT10" s="311">
        <v>0</v>
      </c>
      <c r="AU10" s="315">
        <v>0</v>
      </c>
      <c r="AV10" s="312">
        <v>0</v>
      </c>
      <c r="AW10" s="314">
        <v>0</v>
      </c>
      <c r="AX10" s="315">
        <v>922</v>
      </c>
      <c r="AY10" s="315">
        <v>753</v>
      </c>
      <c r="AZ10" s="315">
        <v>433</v>
      </c>
      <c r="BA10" s="315">
        <v>169</v>
      </c>
      <c r="BB10" s="315">
        <v>71</v>
      </c>
      <c r="BC10" s="316">
        <v>2348</v>
      </c>
      <c r="BD10" s="317">
        <v>2348</v>
      </c>
      <c r="BE10" s="311">
        <v>0</v>
      </c>
      <c r="BF10" s="315">
        <v>0</v>
      </c>
      <c r="BG10" s="312">
        <v>0</v>
      </c>
      <c r="BH10" s="314">
        <v>0</v>
      </c>
      <c r="BI10" s="315">
        <v>178</v>
      </c>
      <c r="BJ10" s="315">
        <v>88</v>
      </c>
      <c r="BK10" s="315">
        <v>128</v>
      </c>
      <c r="BL10" s="315">
        <v>48</v>
      </c>
      <c r="BM10" s="315">
        <v>15</v>
      </c>
      <c r="BN10" s="312">
        <v>457</v>
      </c>
      <c r="BO10" s="317">
        <v>457</v>
      </c>
      <c r="BP10" s="311">
        <v>0</v>
      </c>
      <c r="BQ10" s="315">
        <v>0</v>
      </c>
      <c r="BR10" s="312">
        <v>0</v>
      </c>
      <c r="BS10" s="314">
        <v>0</v>
      </c>
      <c r="BT10" s="315">
        <v>161</v>
      </c>
      <c r="BU10" s="315">
        <v>115</v>
      </c>
      <c r="BV10" s="315">
        <v>155</v>
      </c>
      <c r="BW10" s="315">
        <v>83</v>
      </c>
      <c r="BX10" s="315">
        <v>95</v>
      </c>
      <c r="BY10" s="312">
        <v>609</v>
      </c>
      <c r="BZ10" s="317">
        <v>609</v>
      </c>
      <c r="CA10" s="311">
        <v>0</v>
      </c>
      <c r="CB10" s="315">
        <v>0</v>
      </c>
      <c r="CC10" s="312">
        <v>0</v>
      </c>
      <c r="CD10" s="314">
        <v>0</v>
      </c>
      <c r="CE10" s="315">
        <v>0</v>
      </c>
      <c r="CF10" s="315">
        <v>0</v>
      </c>
      <c r="CG10" s="315">
        <v>0</v>
      </c>
      <c r="CH10" s="315">
        <v>11</v>
      </c>
      <c r="CI10" s="315">
        <v>0</v>
      </c>
      <c r="CJ10" s="312">
        <v>11</v>
      </c>
      <c r="CK10" s="317">
        <v>11</v>
      </c>
      <c r="CL10" s="311">
        <v>0</v>
      </c>
      <c r="CM10" s="315">
        <v>0</v>
      </c>
      <c r="CN10" s="312">
        <v>0</v>
      </c>
      <c r="CO10" s="314">
        <v>0</v>
      </c>
      <c r="CP10" s="315">
        <v>0</v>
      </c>
      <c r="CQ10" s="315">
        <v>0</v>
      </c>
      <c r="CR10" s="315">
        <v>0</v>
      </c>
      <c r="CS10" s="315">
        <v>0</v>
      </c>
      <c r="CT10" s="315">
        <v>0</v>
      </c>
      <c r="CU10" s="312">
        <v>0</v>
      </c>
      <c r="CV10" s="317">
        <v>0</v>
      </c>
      <c r="CW10" s="311">
        <v>0</v>
      </c>
      <c r="CX10" s="315">
        <v>0</v>
      </c>
      <c r="CY10" s="312">
        <v>0</v>
      </c>
      <c r="CZ10" s="314">
        <v>0</v>
      </c>
      <c r="DA10" s="315">
        <v>0</v>
      </c>
      <c r="DB10" s="315">
        <v>0</v>
      </c>
      <c r="DC10" s="315">
        <v>0</v>
      </c>
      <c r="DD10" s="315">
        <v>0</v>
      </c>
      <c r="DE10" s="315">
        <v>0</v>
      </c>
      <c r="DF10" s="312">
        <v>0</v>
      </c>
      <c r="DG10" s="317">
        <v>0</v>
      </c>
    </row>
    <row r="11" spans="1:111" ht="18.75" customHeight="1" x14ac:dyDescent="0.2">
      <c r="A11" s="296" t="s">
        <v>8</v>
      </c>
      <c r="B11" s="311">
        <v>0</v>
      </c>
      <c r="C11" s="315">
        <v>0</v>
      </c>
      <c r="D11" s="437">
        <v>0</v>
      </c>
      <c r="E11" s="314">
        <v>0</v>
      </c>
      <c r="F11" s="315">
        <v>366</v>
      </c>
      <c r="G11" s="315">
        <v>521</v>
      </c>
      <c r="H11" s="315">
        <v>840</v>
      </c>
      <c r="I11" s="315">
        <v>106</v>
      </c>
      <c r="J11" s="315">
        <v>507</v>
      </c>
      <c r="K11" s="316">
        <v>2340</v>
      </c>
      <c r="L11" s="317">
        <v>2340</v>
      </c>
      <c r="M11" s="311">
        <v>0</v>
      </c>
      <c r="N11" s="315">
        <v>0</v>
      </c>
      <c r="O11" s="312">
        <v>0</v>
      </c>
      <c r="P11" s="314">
        <v>0</v>
      </c>
      <c r="Q11" s="315">
        <v>0</v>
      </c>
      <c r="R11" s="315">
        <v>4</v>
      </c>
      <c r="S11" s="315">
        <v>4</v>
      </c>
      <c r="T11" s="315">
        <v>19</v>
      </c>
      <c r="U11" s="315">
        <v>8</v>
      </c>
      <c r="V11" s="312">
        <v>35</v>
      </c>
      <c r="W11" s="317">
        <v>35</v>
      </c>
      <c r="X11" s="311">
        <v>8</v>
      </c>
      <c r="Y11" s="315">
        <v>23</v>
      </c>
      <c r="Z11" s="312">
        <v>31</v>
      </c>
      <c r="AA11" s="314">
        <v>0</v>
      </c>
      <c r="AB11" s="315">
        <v>81</v>
      </c>
      <c r="AC11" s="315">
        <v>125</v>
      </c>
      <c r="AD11" s="315">
        <v>107</v>
      </c>
      <c r="AE11" s="315">
        <v>78</v>
      </c>
      <c r="AF11" s="315">
        <v>53</v>
      </c>
      <c r="AG11" s="312">
        <v>444</v>
      </c>
      <c r="AH11" s="317">
        <v>475</v>
      </c>
      <c r="AI11" s="311">
        <v>0</v>
      </c>
      <c r="AJ11" s="315">
        <v>8</v>
      </c>
      <c r="AK11" s="312">
        <v>8</v>
      </c>
      <c r="AL11" s="314">
        <v>0</v>
      </c>
      <c r="AM11" s="315">
        <v>18</v>
      </c>
      <c r="AN11" s="315">
        <v>38</v>
      </c>
      <c r="AO11" s="315">
        <v>89</v>
      </c>
      <c r="AP11" s="315">
        <v>39</v>
      </c>
      <c r="AQ11" s="315">
        <v>8</v>
      </c>
      <c r="AR11" s="312">
        <v>192</v>
      </c>
      <c r="AS11" s="317">
        <v>200</v>
      </c>
      <c r="AT11" s="311">
        <v>0</v>
      </c>
      <c r="AU11" s="315">
        <v>0</v>
      </c>
      <c r="AV11" s="312">
        <v>0</v>
      </c>
      <c r="AW11" s="314">
        <v>0</v>
      </c>
      <c r="AX11" s="315">
        <v>235</v>
      </c>
      <c r="AY11" s="315">
        <v>346</v>
      </c>
      <c r="AZ11" s="315">
        <v>179</v>
      </c>
      <c r="BA11" s="315">
        <v>87</v>
      </c>
      <c r="BB11" s="315">
        <v>74</v>
      </c>
      <c r="BC11" s="316">
        <v>921</v>
      </c>
      <c r="BD11" s="317">
        <v>921</v>
      </c>
      <c r="BE11" s="311">
        <v>0</v>
      </c>
      <c r="BF11" s="315">
        <v>0</v>
      </c>
      <c r="BG11" s="312">
        <v>0</v>
      </c>
      <c r="BH11" s="314">
        <v>0</v>
      </c>
      <c r="BI11" s="315">
        <v>31</v>
      </c>
      <c r="BJ11" s="315">
        <v>58</v>
      </c>
      <c r="BK11" s="315">
        <v>53</v>
      </c>
      <c r="BL11" s="315">
        <v>46</v>
      </c>
      <c r="BM11" s="315">
        <v>17</v>
      </c>
      <c r="BN11" s="312">
        <v>205</v>
      </c>
      <c r="BO11" s="317">
        <v>205</v>
      </c>
      <c r="BP11" s="311">
        <v>0</v>
      </c>
      <c r="BQ11" s="315">
        <v>13</v>
      </c>
      <c r="BR11" s="312">
        <v>13</v>
      </c>
      <c r="BS11" s="314">
        <v>0</v>
      </c>
      <c r="BT11" s="315">
        <v>10</v>
      </c>
      <c r="BU11" s="315">
        <v>176</v>
      </c>
      <c r="BV11" s="315">
        <v>68</v>
      </c>
      <c r="BW11" s="315">
        <v>48</v>
      </c>
      <c r="BX11" s="315">
        <v>48</v>
      </c>
      <c r="BY11" s="312">
        <v>350</v>
      </c>
      <c r="BZ11" s="317">
        <v>363</v>
      </c>
      <c r="CA11" s="311">
        <v>0</v>
      </c>
      <c r="CB11" s="315">
        <v>0</v>
      </c>
      <c r="CC11" s="312">
        <v>0</v>
      </c>
      <c r="CD11" s="314">
        <v>0</v>
      </c>
      <c r="CE11" s="315">
        <v>0</v>
      </c>
      <c r="CF11" s="315">
        <v>0</v>
      </c>
      <c r="CG11" s="315">
        <v>9</v>
      </c>
      <c r="CH11" s="315">
        <v>0</v>
      </c>
      <c r="CI11" s="315">
        <v>0</v>
      </c>
      <c r="CJ11" s="312">
        <v>9</v>
      </c>
      <c r="CK11" s="317">
        <v>9</v>
      </c>
      <c r="CL11" s="311">
        <v>0</v>
      </c>
      <c r="CM11" s="315">
        <v>0</v>
      </c>
      <c r="CN11" s="312">
        <v>0</v>
      </c>
      <c r="CO11" s="314">
        <v>0</v>
      </c>
      <c r="CP11" s="315">
        <v>0</v>
      </c>
      <c r="CQ11" s="315">
        <v>0</v>
      </c>
      <c r="CR11" s="315">
        <v>0</v>
      </c>
      <c r="CS11" s="315">
        <v>0</v>
      </c>
      <c r="CT11" s="315">
        <v>0</v>
      </c>
      <c r="CU11" s="312">
        <v>0</v>
      </c>
      <c r="CV11" s="317">
        <v>0</v>
      </c>
      <c r="CW11" s="311">
        <v>0</v>
      </c>
      <c r="CX11" s="315">
        <v>0</v>
      </c>
      <c r="CY11" s="312">
        <v>0</v>
      </c>
      <c r="CZ11" s="314">
        <v>0</v>
      </c>
      <c r="DA11" s="315">
        <v>0</v>
      </c>
      <c r="DB11" s="315">
        <v>0</v>
      </c>
      <c r="DC11" s="315">
        <v>0</v>
      </c>
      <c r="DD11" s="315">
        <v>0</v>
      </c>
      <c r="DE11" s="315">
        <v>0</v>
      </c>
      <c r="DF11" s="312">
        <v>0</v>
      </c>
      <c r="DG11" s="317">
        <v>0</v>
      </c>
    </row>
    <row r="12" spans="1:111" ht="18.75" customHeight="1" x14ac:dyDescent="0.2">
      <c r="A12" s="296" t="s">
        <v>9</v>
      </c>
      <c r="B12" s="311">
        <v>0</v>
      </c>
      <c r="C12" s="315">
        <v>0</v>
      </c>
      <c r="D12" s="437">
        <v>0</v>
      </c>
      <c r="E12" s="314">
        <v>0</v>
      </c>
      <c r="F12" s="315">
        <v>441</v>
      </c>
      <c r="G12" s="315">
        <v>760</v>
      </c>
      <c r="H12" s="315">
        <v>726</v>
      </c>
      <c r="I12" s="315">
        <v>1477</v>
      </c>
      <c r="J12" s="315">
        <v>1056</v>
      </c>
      <c r="K12" s="316">
        <v>4460</v>
      </c>
      <c r="L12" s="317">
        <v>4460</v>
      </c>
      <c r="M12" s="311">
        <v>0</v>
      </c>
      <c r="N12" s="315">
        <v>0</v>
      </c>
      <c r="O12" s="312">
        <v>0</v>
      </c>
      <c r="P12" s="314">
        <v>0</v>
      </c>
      <c r="Q12" s="315">
        <v>1</v>
      </c>
      <c r="R12" s="315">
        <v>0</v>
      </c>
      <c r="S12" s="315">
        <v>4</v>
      </c>
      <c r="T12" s="315">
        <v>26</v>
      </c>
      <c r="U12" s="315">
        <v>38</v>
      </c>
      <c r="V12" s="312">
        <v>69</v>
      </c>
      <c r="W12" s="317">
        <v>69</v>
      </c>
      <c r="X12" s="311">
        <v>2</v>
      </c>
      <c r="Y12" s="315">
        <v>55</v>
      </c>
      <c r="Z12" s="312">
        <v>57</v>
      </c>
      <c r="AA12" s="314">
        <v>0</v>
      </c>
      <c r="AB12" s="315">
        <v>343</v>
      </c>
      <c r="AC12" s="315">
        <v>276</v>
      </c>
      <c r="AD12" s="315">
        <v>180</v>
      </c>
      <c r="AE12" s="315">
        <v>237</v>
      </c>
      <c r="AF12" s="315">
        <v>170</v>
      </c>
      <c r="AG12" s="312">
        <v>1206</v>
      </c>
      <c r="AH12" s="317">
        <v>1263</v>
      </c>
      <c r="AI12" s="311">
        <v>8</v>
      </c>
      <c r="AJ12" s="315">
        <v>10</v>
      </c>
      <c r="AK12" s="312">
        <v>18</v>
      </c>
      <c r="AL12" s="314">
        <v>0</v>
      </c>
      <c r="AM12" s="315">
        <v>0</v>
      </c>
      <c r="AN12" s="315">
        <v>54</v>
      </c>
      <c r="AO12" s="315">
        <v>30</v>
      </c>
      <c r="AP12" s="315">
        <v>51</v>
      </c>
      <c r="AQ12" s="315">
        <v>22</v>
      </c>
      <c r="AR12" s="312">
        <v>157</v>
      </c>
      <c r="AS12" s="317">
        <v>175</v>
      </c>
      <c r="AT12" s="311">
        <v>0</v>
      </c>
      <c r="AU12" s="315">
        <v>0</v>
      </c>
      <c r="AV12" s="312">
        <v>0</v>
      </c>
      <c r="AW12" s="314">
        <v>0</v>
      </c>
      <c r="AX12" s="315">
        <v>338</v>
      </c>
      <c r="AY12" s="315">
        <v>295</v>
      </c>
      <c r="AZ12" s="315">
        <v>265</v>
      </c>
      <c r="BA12" s="315">
        <v>120</v>
      </c>
      <c r="BB12" s="315">
        <v>62</v>
      </c>
      <c r="BC12" s="316">
        <v>1080</v>
      </c>
      <c r="BD12" s="317">
        <v>1080</v>
      </c>
      <c r="BE12" s="311">
        <v>0</v>
      </c>
      <c r="BF12" s="315">
        <v>0</v>
      </c>
      <c r="BG12" s="312">
        <v>0</v>
      </c>
      <c r="BH12" s="314">
        <v>0</v>
      </c>
      <c r="BI12" s="315">
        <v>83</v>
      </c>
      <c r="BJ12" s="315">
        <v>96</v>
      </c>
      <c r="BK12" s="315">
        <v>62</v>
      </c>
      <c r="BL12" s="315">
        <v>71</v>
      </c>
      <c r="BM12" s="315">
        <v>0</v>
      </c>
      <c r="BN12" s="312">
        <v>312</v>
      </c>
      <c r="BO12" s="317">
        <v>312</v>
      </c>
      <c r="BP12" s="311">
        <v>2</v>
      </c>
      <c r="BQ12" s="315">
        <v>0</v>
      </c>
      <c r="BR12" s="312">
        <v>2</v>
      </c>
      <c r="BS12" s="314">
        <v>0</v>
      </c>
      <c r="BT12" s="315">
        <v>61</v>
      </c>
      <c r="BU12" s="315">
        <v>85</v>
      </c>
      <c r="BV12" s="315">
        <v>186</v>
      </c>
      <c r="BW12" s="315">
        <v>72</v>
      </c>
      <c r="BX12" s="315">
        <v>46</v>
      </c>
      <c r="BY12" s="312">
        <v>450</v>
      </c>
      <c r="BZ12" s="317">
        <v>452</v>
      </c>
      <c r="CA12" s="311">
        <v>0</v>
      </c>
      <c r="CB12" s="315">
        <v>0</v>
      </c>
      <c r="CC12" s="312">
        <v>0</v>
      </c>
      <c r="CD12" s="314">
        <v>0</v>
      </c>
      <c r="CE12" s="315">
        <v>0</v>
      </c>
      <c r="CF12" s="315">
        <v>23</v>
      </c>
      <c r="CG12" s="315">
        <v>0</v>
      </c>
      <c r="CH12" s="315">
        <v>4</v>
      </c>
      <c r="CI12" s="315">
        <v>0</v>
      </c>
      <c r="CJ12" s="312">
        <v>27</v>
      </c>
      <c r="CK12" s="317">
        <v>27</v>
      </c>
      <c r="CL12" s="311">
        <v>0</v>
      </c>
      <c r="CM12" s="315">
        <v>0</v>
      </c>
      <c r="CN12" s="312">
        <v>0</v>
      </c>
      <c r="CO12" s="314">
        <v>0</v>
      </c>
      <c r="CP12" s="315">
        <v>0</v>
      </c>
      <c r="CQ12" s="315">
        <v>0</v>
      </c>
      <c r="CR12" s="315">
        <v>0</v>
      </c>
      <c r="CS12" s="315">
        <v>0</v>
      </c>
      <c r="CT12" s="315">
        <v>0</v>
      </c>
      <c r="CU12" s="312">
        <v>0</v>
      </c>
      <c r="CV12" s="317">
        <v>0</v>
      </c>
      <c r="CW12" s="311">
        <v>0</v>
      </c>
      <c r="CX12" s="315">
        <v>0</v>
      </c>
      <c r="CY12" s="312">
        <v>0</v>
      </c>
      <c r="CZ12" s="314">
        <v>0</v>
      </c>
      <c r="DA12" s="315">
        <v>0</v>
      </c>
      <c r="DB12" s="315">
        <v>0</v>
      </c>
      <c r="DC12" s="315">
        <v>0</v>
      </c>
      <c r="DD12" s="315">
        <v>0</v>
      </c>
      <c r="DE12" s="315">
        <v>0</v>
      </c>
      <c r="DF12" s="312">
        <v>0</v>
      </c>
      <c r="DG12" s="317">
        <v>0</v>
      </c>
    </row>
    <row r="13" spans="1:111" ht="18.75" customHeight="1" x14ac:dyDescent="0.2">
      <c r="A13" s="296" t="s">
        <v>10</v>
      </c>
      <c r="B13" s="311">
        <v>0</v>
      </c>
      <c r="C13" s="315">
        <v>0</v>
      </c>
      <c r="D13" s="437">
        <v>0</v>
      </c>
      <c r="E13" s="314">
        <v>0</v>
      </c>
      <c r="F13" s="315">
        <v>1019</v>
      </c>
      <c r="G13" s="315">
        <v>818</v>
      </c>
      <c r="H13" s="315">
        <v>1683</v>
      </c>
      <c r="I13" s="315">
        <v>997</v>
      </c>
      <c r="J13" s="315">
        <v>1336</v>
      </c>
      <c r="K13" s="316">
        <v>5853</v>
      </c>
      <c r="L13" s="317">
        <v>5853</v>
      </c>
      <c r="M13" s="311">
        <v>0</v>
      </c>
      <c r="N13" s="315">
        <v>0</v>
      </c>
      <c r="O13" s="312">
        <v>0</v>
      </c>
      <c r="P13" s="314">
        <v>0</v>
      </c>
      <c r="Q13" s="315">
        <v>0</v>
      </c>
      <c r="R13" s="315">
        <v>0</v>
      </c>
      <c r="S13" s="315">
        <v>19</v>
      </c>
      <c r="T13" s="315">
        <v>39</v>
      </c>
      <c r="U13" s="315">
        <v>50</v>
      </c>
      <c r="V13" s="312">
        <v>108</v>
      </c>
      <c r="W13" s="317">
        <v>108</v>
      </c>
      <c r="X13" s="311">
        <v>85</v>
      </c>
      <c r="Y13" s="315">
        <v>153</v>
      </c>
      <c r="Z13" s="312">
        <v>238</v>
      </c>
      <c r="AA13" s="314">
        <v>0</v>
      </c>
      <c r="AB13" s="315">
        <v>569</v>
      </c>
      <c r="AC13" s="315">
        <v>412</v>
      </c>
      <c r="AD13" s="315">
        <v>213</v>
      </c>
      <c r="AE13" s="315">
        <v>260</v>
      </c>
      <c r="AF13" s="315">
        <v>271</v>
      </c>
      <c r="AG13" s="312">
        <v>1725</v>
      </c>
      <c r="AH13" s="317">
        <v>1963</v>
      </c>
      <c r="AI13" s="311">
        <v>8</v>
      </c>
      <c r="AJ13" s="315">
        <v>31</v>
      </c>
      <c r="AK13" s="312">
        <v>39</v>
      </c>
      <c r="AL13" s="314">
        <v>0</v>
      </c>
      <c r="AM13" s="315">
        <v>135</v>
      </c>
      <c r="AN13" s="315">
        <v>30</v>
      </c>
      <c r="AO13" s="315">
        <v>31</v>
      </c>
      <c r="AP13" s="315">
        <v>24</v>
      </c>
      <c r="AQ13" s="315">
        <v>243</v>
      </c>
      <c r="AR13" s="312">
        <v>463</v>
      </c>
      <c r="AS13" s="317">
        <v>502</v>
      </c>
      <c r="AT13" s="311">
        <v>0</v>
      </c>
      <c r="AU13" s="315">
        <v>0</v>
      </c>
      <c r="AV13" s="312">
        <v>0</v>
      </c>
      <c r="AW13" s="314">
        <v>0</v>
      </c>
      <c r="AX13" s="315">
        <v>1007</v>
      </c>
      <c r="AY13" s="315">
        <v>579</v>
      </c>
      <c r="AZ13" s="315">
        <v>359</v>
      </c>
      <c r="BA13" s="315">
        <v>125</v>
      </c>
      <c r="BB13" s="315">
        <v>92</v>
      </c>
      <c r="BC13" s="316">
        <v>2162</v>
      </c>
      <c r="BD13" s="317">
        <v>2162</v>
      </c>
      <c r="BE13" s="311">
        <v>0</v>
      </c>
      <c r="BF13" s="315">
        <v>0</v>
      </c>
      <c r="BG13" s="312">
        <v>0</v>
      </c>
      <c r="BH13" s="314">
        <v>0</v>
      </c>
      <c r="BI13" s="315">
        <v>107</v>
      </c>
      <c r="BJ13" s="315">
        <v>73</v>
      </c>
      <c r="BK13" s="315">
        <v>82</v>
      </c>
      <c r="BL13" s="315">
        <v>24</v>
      </c>
      <c r="BM13" s="315">
        <v>7</v>
      </c>
      <c r="BN13" s="312">
        <v>293</v>
      </c>
      <c r="BO13" s="317">
        <v>293</v>
      </c>
      <c r="BP13" s="311">
        <v>0</v>
      </c>
      <c r="BQ13" s="315">
        <v>9</v>
      </c>
      <c r="BR13" s="312">
        <v>9</v>
      </c>
      <c r="BS13" s="314">
        <v>0</v>
      </c>
      <c r="BT13" s="315">
        <v>70</v>
      </c>
      <c r="BU13" s="315">
        <v>128</v>
      </c>
      <c r="BV13" s="315">
        <v>320</v>
      </c>
      <c r="BW13" s="315">
        <v>155</v>
      </c>
      <c r="BX13" s="315">
        <v>80</v>
      </c>
      <c r="BY13" s="312">
        <v>753</v>
      </c>
      <c r="BZ13" s="317">
        <v>762</v>
      </c>
      <c r="CA13" s="311">
        <v>0</v>
      </c>
      <c r="CB13" s="315">
        <v>0</v>
      </c>
      <c r="CC13" s="312">
        <v>0</v>
      </c>
      <c r="CD13" s="314">
        <v>0</v>
      </c>
      <c r="CE13" s="315">
        <v>3</v>
      </c>
      <c r="CF13" s="315">
        <v>11</v>
      </c>
      <c r="CG13" s="315">
        <v>24</v>
      </c>
      <c r="CH13" s="315">
        <v>0</v>
      </c>
      <c r="CI13" s="315">
        <v>0</v>
      </c>
      <c r="CJ13" s="312">
        <v>38</v>
      </c>
      <c r="CK13" s="317">
        <v>38</v>
      </c>
      <c r="CL13" s="311">
        <v>0</v>
      </c>
      <c r="CM13" s="315">
        <v>0</v>
      </c>
      <c r="CN13" s="312">
        <v>0</v>
      </c>
      <c r="CO13" s="314">
        <v>0</v>
      </c>
      <c r="CP13" s="315">
        <v>0</v>
      </c>
      <c r="CQ13" s="315">
        <v>0</v>
      </c>
      <c r="CR13" s="315">
        <v>0</v>
      </c>
      <c r="CS13" s="315">
        <v>0</v>
      </c>
      <c r="CT13" s="315">
        <v>0</v>
      </c>
      <c r="CU13" s="312">
        <v>0</v>
      </c>
      <c r="CV13" s="317">
        <v>0</v>
      </c>
      <c r="CW13" s="311">
        <v>0</v>
      </c>
      <c r="CX13" s="315">
        <v>0</v>
      </c>
      <c r="CY13" s="312">
        <v>0</v>
      </c>
      <c r="CZ13" s="314">
        <v>0</v>
      </c>
      <c r="DA13" s="315">
        <v>0</v>
      </c>
      <c r="DB13" s="315">
        <v>0</v>
      </c>
      <c r="DC13" s="315">
        <v>0</v>
      </c>
      <c r="DD13" s="315">
        <v>0</v>
      </c>
      <c r="DE13" s="315">
        <v>0</v>
      </c>
      <c r="DF13" s="312">
        <v>0</v>
      </c>
      <c r="DG13" s="317">
        <v>0</v>
      </c>
    </row>
    <row r="14" spans="1:111" ht="18.75" customHeight="1" x14ac:dyDescent="0.2">
      <c r="A14" s="296" t="s">
        <v>11</v>
      </c>
      <c r="B14" s="311">
        <v>0</v>
      </c>
      <c r="C14" s="315">
        <v>0</v>
      </c>
      <c r="D14" s="437">
        <v>0</v>
      </c>
      <c r="E14" s="314">
        <v>0</v>
      </c>
      <c r="F14" s="315">
        <v>273</v>
      </c>
      <c r="G14" s="315">
        <v>71</v>
      </c>
      <c r="H14" s="315">
        <v>503</v>
      </c>
      <c r="I14" s="315">
        <v>385</v>
      </c>
      <c r="J14" s="315">
        <v>579</v>
      </c>
      <c r="K14" s="316">
        <v>1811</v>
      </c>
      <c r="L14" s="317">
        <v>1811</v>
      </c>
      <c r="M14" s="311">
        <v>0</v>
      </c>
      <c r="N14" s="315">
        <v>0</v>
      </c>
      <c r="O14" s="312">
        <v>0</v>
      </c>
      <c r="P14" s="314">
        <v>0</v>
      </c>
      <c r="Q14" s="315">
        <v>0</v>
      </c>
      <c r="R14" s="315">
        <v>0</v>
      </c>
      <c r="S14" s="315">
        <v>20</v>
      </c>
      <c r="T14" s="315">
        <v>32</v>
      </c>
      <c r="U14" s="315">
        <v>20</v>
      </c>
      <c r="V14" s="312">
        <v>72</v>
      </c>
      <c r="W14" s="317">
        <v>72</v>
      </c>
      <c r="X14" s="311">
        <v>16</v>
      </c>
      <c r="Y14" s="315">
        <v>16</v>
      </c>
      <c r="Z14" s="312">
        <v>32</v>
      </c>
      <c r="AA14" s="314">
        <v>0</v>
      </c>
      <c r="AB14" s="315">
        <v>192</v>
      </c>
      <c r="AC14" s="315">
        <v>135</v>
      </c>
      <c r="AD14" s="315">
        <v>150</v>
      </c>
      <c r="AE14" s="315">
        <v>81</v>
      </c>
      <c r="AF14" s="315">
        <v>108</v>
      </c>
      <c r="AG14" s="312">
        <v>666</v>
      </c>
      <c r="AH14" s="317">
        <v>698</v>
      </c>
      <c r="AI14" s="311">
        <v>0</v>
      </c>
      <c r="AJ14" s="315">
        <v>6</v>
      </c>
      <c r="AK14" s="312">
        <v>6</v>
      </c>
      <c r="AL14" s="314">
        <v>0</v>
      </c>
      <c r="AM14" s="315">
        <v>24</v>
      </c>
      <c r="AN14" s="315">
        <v>0</v>
      </c>
      <c r="AO14" s="315">
        <v>33</v>
      </c>
      <c r="AP14" s="315">
        <v>78</v>
      </c>
      <c r="AQ14" s="315">
        <v>0</v>
      </c>
      <c r="AR14" s="312">
        <v>135</v>
      </c>
      <c r="AS14" s="317">
        <v>141</v>
      </c>
      <c r="AT14" s="311">
        <v>0</v>
      </c>
      <c r="AU14" s="315">
        <v>0</v>
      </c>
      <c r="AV14" s="312">
        <v>0</v>
      </c>
      <c r="AW14" s="314">
        <v>0</v>
      </c>
      <c r="AX14" s="315">
        <v>307</v>
      </c>
      <c r="AY14" s="315">
        <v>177</v>
      </c>
      <c r="AZ14" s="315">
        <v>134</v>
      </c>
      <c r="BA14" s="315">
        <v>141</v>
      </c>
      <c r="BB14" s="315">
        <v>16</v>
      </c>
      <c r="BC14" s="316">
        <v>775</v>
      </c>
      <c r="BD14" s="317">
        <v>775</v>
      </c>
      <c r="BE14" s="311">
        <v>0</v>
      </c>
      <c r="BF14" s="315">
        <v>0</v>
      </c>
      <c r="BG14" s="312">
        <v>0</v>
      </c>
      <c r="BH14" s="314">
        <v>0</v>
      </c>
      <c r="BI14" s="315">
        <v>139</v>
      </c>
      <c r="BJ14" s="315">
        <v>57</v>
      </c>
      <c r="BK14" s="315">
        <v>50</v>
      </c>
      <c r="BL14" s="315">
        <v>61</v>
      </c>
      <c r="BM14" s="315">
        <v>7</v>
      </c>
      <c r="BN14" s="312">
        <v>314</v>
      </c>
      <c r="BO14" s="317">
        <v>314</v>
      </c>
      <c r="BP14" s="311">
        <v>2</v>
      </c>
      <c r="BQ14" s="315">
        <v>0</v>
      </c>
      <c r="BR14" s="312">
        <v>2</v>
      </c>
      <c r="BS14" s="314">
        <v>0</v>
      </c>
      <c r="BT14" s="315">
        <v>41</v>
      </c>
      <c r="BU14" s="315">
        <v>36</v>
      </c>
      <c r="BV14" s="315">
        <v>55</v>
      </c>
      <c r="BW14" s="315">
        <v>62</v>
      </c>
      <c r="BX14" s="315">
        <v>0</v>
      </c>
      <c r="BY14" s="312">
        <v>194</v>
      </c>
      <c r="BZ14" s="317">
        <v>196</v>
      </c>
      <c r="CA14" s="311">
        <v>0</v>
      </c>
      <c r="CB14" s="315">
        <v>0</v>
      </c>
      <c r="CC14" s="312">
        <v>0</v>
      </c>
      <c r="CD14" s="314">
        <v>0</v>
      </c>
      <c r="CE14" s="315">
        <v>0</v>
      </c>
      <c r="CF14" s="315">
        <v>8</v>
      </c>
      <c r="CG14" s="315">
        <v>0</v>
      </c>
      <c r="CH14" s="315">
        <v>20</v>
      </c>
      <c r="CI14" s="315">
        <v>0</v>
      </c>
      <c r="CJ14" s="312">
        <v>28</v>
      </c>
      <c r="CK14" s="317">
        <v>28</v>
      </c>
      <c r="CL14" s="311">
        <v>0</v>
      </c>
      <c r="CM14" s="315">
        <v>0</v>
      </c>
      <c r="CN14" s="312">
        <v>0</v>
      </c>
      <c r="CO14" s="314">
        <v>0</v>
      </c>
      <c r="CP14" s="315">
        <v>0</v>
      </c>
      <c r="CQ14" s="315">
        <v>0</v>
      </c>
      <c r="CR14" s="315">
        <v>0</v>
      </c>
      <c r="CS14" s="315">
        <v>0</v>
      </c>
      <c r="CT14" s="315">
        <v>0</v>
      </c>
      <c r="CU14" s="312">
        <v>0</v>
      </c>
      <c r="CV14" s="317">
        <v>0</v>
      </c>
      <c r="CW14" s="311">
        <v>0</v>
      </c>
      <c r="CX14" s="315">
        <v>0</v>
      </c>
      <c r="CY14" s="312">
        <v>0</v>
      </c>
      <c r="CZ14" s="314">
        <v>0</v>
      </c>
      <c r="DA14" s="315">
        <v>0</v>
      </c>
      <c r="DB14" s="315">
        <v>0</v>
      </c>
      <c r="DC14" s="315">
        <v>0</v>
      </c>
      <c r="DD14" s="315">
        <v>0</v>
      </c>
      <c r="DE14" s="315">
        <v>0</v>
      </c>
      <c r="DF14" s="312">
        <v>0</v>
      </c>
      <c r="DG14" s="317">
        <v>0</v>
      </c>
    </row>
    <row r="15" spans="1:111" ht="18.75" customHeight="1" x14ac:dyDescent="0.2">
      <c r="A15" s="296" t="s">
        <v>12</v>
      </c>
      <c r="B15" s="311">
        <v>0</v>
      </c>
      <c r="C15" s="315">
        <v>0</v>
      </c>
      <c r="D15" s="437">
        <v>0</v>
      </c>
      <c r="E15" s="314">
        <v>0</v>
      </c>
      <c r="F15" s="315">
        <v>451</v>
      </c>
      <c r="G15" s="315">
        <v>630</v>
      </c>
      <c r="H15" s="315">
        <v>699</v>
      </c>
      <c r="I15" s="315">
        <v>1017</v>
      </c>
      <c r="J15" s="315">
        <v>1020</v>
      </c>
      <c r="K15" s="316">
        <v>3817</v>
      </c>
      <c r="L15" s="317">
        <v>3817</v>
      </c>
      <c r="M15" s="311">
        <v>0</v>
      </c>
      <c r="N15" s="315">
        <v>1</v>
      </c>
      <c r="O15" s="312">
        <v>1</v>
      </c>
      <c r="P15" s="314">
        <v>0</v>
      </c>
      <c r="Q15" s="315">
        <v>0</v>
      </c>
      <c r="R15" s="315">
        <v>0</v>
      </c>
      <c r="S15" s="315">
        <v>4</v>
      </c>
      <c r="T15" s="315">
        <v>8</v>
      </c>
      <c r="U15" s="315">
        <v>38</v>
      </c>
      <c r="V15" s="312">
        <v>50</v>
      </c>
      <c r="W15" s="317">
        <v>51</v>
      </c>
      <c r="X15" s="311">
        <v>51</v>
      </c>
      <c r="Y15" s="315">
        <v>93</v>
      </c>
      <c r="Z15" s="312">
        <v>144</v>
      </c>
      <c r="AA15" s="314">
        <v>0</v>
      </c>
      <c r="AB15" s="315">
        <v>194</v>
      </c>
      <c r="AC15" s="315">
        <v>268</v>
      </c>
      <c r="AD15" s="315">
        <v>124</v>
      </c>
      <c r="AE15" s="315">
        <v>91</v>
      </c>
      <c r="AF15" s="315">
        <v>79</v>
      </c>
      <c r="AG15" s="312">
        <v>756</v>
      </c>
      <c r="AH15" s="317">
        <v>900</v>
      </c>
      <c r="AI15" s="311">
        <v>0</v>
      </c>
      <c r="AJ15" s="315">
        <v>0</v>
      </c>
      <c r="AK15" s="312">
        <v>0</v>
      </c>
      <c r="AL15" s="314">
        <v>0</v>
      </c>
      <c r="AM15" s="315">
        <v>16</v>
      </c>
      <c r="AN15" s="315">
        <v>54</v>
      </c>
      <c r="AO15" s="315">
        <v>36</v>
      </c>
      <c r="AP15" s="315">
        <v>40</v>
      </c>
      <c r="AQ15" s="315">
        <v>20</v>
      </c>
      <c r="AR15" s="312">
        <v>166</v>
      </c>
      <c r="AS15" s="317">
        <v>166</v>
      </c>
      <c r="AT15" s="311">
        <v>0</v>
      </c>
      <c r="AU15" s="315">
        <v>0</v>
      </c>
      <c r="AV15" s="312">
        <v>0</v>
      </c>
      <c r="AW15" s="314">
        <v>0</v>
      </c>
      <c r="AX15" s="315">
        <v>426</v>
      </c>
      <c r="AY15" s="315">
        <v>191</v>
      </c>
      <c r="AZ15" s="315">
        <v>287</v>
      </c>
      <c r="BA15" s="315">
        <v>92</v>
      </c>
      <c r="BB15" s="315">
        <v>35</v>
      </c>
      <c r="BC15" s="316">
        <v>1031</v>
      </c>
      <c r="BD15" s="317">
        <v>1031</v>
      </c>
      <c r="BE15" s="311">
        <v>0</v>
      </c>
      <c r="BF15" s="315">
        <v>0</v>
      </c>
      <c r="BG15" s="312">
        <v>0</v>
      </c>
      <c r="BH15" s="314">
        <v>0</v>
      </c>
      <c r="BI15" s="315">
        <v>102</v>
      </c>
      <c r="BJ15" s="315">
        <v>70</v>
      </c>
      <c r="BK15" s="315">
        <v>86</v>
      </c>
      <c r="BL15" s="315">
        <v>34</v>
      </c>
      <c r="BM15" s="315">
        <v>0</v>
      </c>
      <c r="BN15" s="312">
        <v>292</v>
      </c>
      <c r="BO15" s="317">
        <v>292</v>
      </c>
      <c r="BP15" s="311">
        <v>0</v>
      </c>
      <c r="BQ15" s="315">
        <v>0</v>
      </c>
      <c r="BR15" s="312">
        <v>0</v>
      </c>
      <c r="BS15" s="314">
        <v>0</v>
      </c>
      <c r="BT15" s="315">
        <v>37</v>
      </c>
      <c r="BU15" s="315">
        <v>35</v>
      </c>
      <c r="BV15" s="315">
        <v>142</v>
      </c>
      <c r="BW15" s="315">
        <v>110</v>
      </c>
      <c r="BX15" s="315">
        <v>42</v>
      </c>
      <c r="BY15" s="312">
        <v>366</v>
      </c>
      <c r="BZ15" s="317">
        <v>366</v>
      </c>
      <c r="CA15" s="311">
        <v>0</v>
      </c>
      <c r="CB15" s="315">
        <v>0</v>
      </c>
      <c r="CC15" s="312">
        <v>0</v>
      </c>
      <c r="CD15" s="314">
        <v>0</v>
      </c>
      <c r="CE15" s="315">
        <v>0</v>
      </c>
      <c r="CF15" s="315">
        <v>7</v>
      </c>
      <c r="CG15" s="315">
        <v>0</v>
      </c>
      <c r="CH15" s="315">
        <v>6</v>
      </c>
      <c r="CI15" s="315">
        <v>0</v>
      </c>
      <c r="CJ15" s="312">
        <v>13</v>
      </c>
      <c r="CK15" s="317">
        <v>13</v>
      </c>
      <c r="CL15" s="311">
        <v>0</v>
      </c>
      <c r="CM15" s="315">
        <v>0</v>
      </c>
      <c r="CN15" s="312">
        <v>0</v>
      </c>
      <c r="CO15" s="314">
        <v>0</v>
      </c>
      <c r="CP15" s="315">
        <v>0</v>
      </c>
      <c r="CQ15" s="315">
        <v>0</v>
      </c>
      <c r="CR15" s="315">
        <v>0</v>
      </c>
      <c r="CS15" s="315">
        <v>0</v>
      </c>
      <c r="CT15" s="315">
        <v>0</v>
      </c>
      <c r="CU15" s="312">
        <v>0</v>
      </c>
      <c r="CV15" s="317">
        <v>0</v>
      </c>
      <c r="CW15" s="311">
        <v>0</v>
      </c>
      <c r="CX15" s="315">
        <v>0</v>
      </c>
      <c r="CY15" s="312">
        <v>0</v>
      </c>
      <c r="CZ15" s="314">
        <v>0</v>
      </c>
      <c r="DA15" s="315">
        <v>0</v>
      </c>
      <c r="DB15" s="315">
        <v>0</v>
      </c>
      <c r="DC15" s="315">
        <v>0</v>
      </c>
      <c r="DD15" s="315">
        <v>0</v>
      </c>
      <c r="DE15" s="315">
        <v>0</v>
      </c>
      <c r="DF15" s="312">
        <v>0</v>
      </c>
      <c r="DG15" s="317">
        <v>0</v>
      </c>
    </row>
    <row r="16" spans="1:111" ht="18.75" customHeight="1" x14ac:dyDescent="0.2">
      <c r="A16" s="296" t="s">
        <v>13</v>
      </c>
      <c r="B16" s="311">
        <v>0</v>
      </c>
      <c r="C16" s="315">
        <v>0</v>
      </c>
      <c r="D16" s="437">
        <v>0</v>
      </c>
      <c r="E16" s="314">
        <v>0</v>
      </c>
      <c r="F16" s="315">
        <v>199</v>
      </c>
      <c r="G16" s="315">
        <v>486</v>
      </c>
      <c r="H16" s="315">
        <v>260</v>
      </c>
      <c r="I16" s="315">
        <v>475</v>
      </c>
      <c r="J16" s="315">
        <v>206</v>
      </c>
      <c r="K16" s="316">
        <v>1626</v>
      </c>
      <c r="L16" s="317">
        <v>1626</v>
      </c>
      <c r="M16" s="311">
        <v>0</v>
      </c>
      <c r="N16" s="315">
        <v>0</v>
      </c>
      <c r="O16" s="312">
        <v>0</v>
      </c>
      <c r="P16" s="314">
        <v>0</v>
      </c>
      <c r="Q16" s="315">
        <v>0</v>
      </c>
      <c r="R16" s="315">
        <v>0</v>
      </c>
      <c r="S16" s="315">
        <v>0</v>
      </c>
      <c r="T16" s="315">
        <v>4</v>
      </c>
      <c r="U16" s="315">
        <v>14</v>
      </c>
      <c r="V16" s="312">
        <v>18</v>
      </c>
      <c r="W16" s="317">
        <v>18</v>
      </c>
      <c r="X16" s="311">
        <v>4</v>
      </c>
      <c r="Y16" s="315">
        <v>13</v>
      </c>
      <c r="Z16" s="312">
        <v>17</v>
      </c>
      <c r="AA16" s="314">
        <v>0</v>
      </c>
      <c r="AB16" s="315">
        <v>58</v>
      </c>
      <c r="AC16" s="315">
        <v>92</v>
      </c>
      <c r="AD16" s="315">
        <v>58</v>
      </c>
      <c r="AE16" s="315">
        <v>61</v>
      </c>
      <c r="AF16" s="315">
        <v>68</v>
      </c>
      <c r="AG16" s="312">
        <v>337</v>
      </c>
      <c r="AH16" s="317">
        <v>354</v>
      </c>
      <c r="AI16" s="311">
        <v>0</v>
      </c>
      <c r="AJ16" s="315">
        <v>0</v>
      </c>
      <c r="AK16" s="312">
        <v>0</v>
      </c>
      <c r="AL16" s="314">
        <v>0</v>
      </c>
      <c r="AM16" s="315">
        <v>21</v>
      </c>
      <c r="AN16" s="315">
        <v>11</v>
      </c>
      <c r="AO16" s="315">
        <v>0</v>
      </c>
      <c r="AP16" s="315">
        <v>24</v>
      </c>
      <c r="AQ16" s="315">
        <v>6</v>
      </c>
      <c r="AR16" s="312">
        <v>62</v>
      </c>
      <c r="AS16" s="317">
        <v>62</v>
      </c>
      <c r="AT16" s="311">
        <v>0</v>
      </c>
      <c r="AU16" s="315">
        <v>0</v>
      </c>
      <c r="AV16" s="312">
        <v>0</v>
      </c>
      <c r="AW16" s="314">
        <v>0</v>
      </c>
      <c r="AX16" s="315">
        <v>122</v>
      </c>
      <c r="AY16" s="315">
        <v>188</v>
      </c>
      <c r="AZ16" s="315">
        <v>125</v>
      </c>
      <c r="BA16" s="315">
        <v>39</v>
      </c>
      <c r="BB16" s="315">
        <v>32</v>
      </c>
      <c r="BC16" s="316">
        <v>506</v>
      </c>
      <c r="BD16" s="317">
        <v>506</v>
      </c>
      <c r="BE16" s="311">
        <v>0</v>
      </c>
      <c r="BF16" s="315">
        <v>0</v>
      </c>
      <c r="BG16" s="312">
        <v>0</v>
      </c>
      <c r="BH16" s="314">
        <v>0</v>
      </c>
      <c r="BI16" s="315">
        <v>10</v>
      </c>
      <c r="BJ16" s="315">
        <v>26</v>
      </c>
      <c r="BK16" s="315">
        <v>14</v>
      </c>
      <c r="BL16" s="315">
        <v>38</v>
      </c>
      <c r="BM16" s="315">
        <v>0</v>
      </c>
      <c r="BN16" s="312">
        <v>88</v>
      </c>
      <c r="BO16" s="317">
        <v>88</v>
      </c>
      <c r="BP16" s="311">
        <v>0</v>
      </c>
      <c r="BQ16" s="315">
        <v>0</v>
      </c>
      <c r="BR16" s="312">
        <v>0</v>
      </c>
      <c r="BS16" s="314">
        <v>0</v>
      </c>
      <c r="BT16" s="315">
        <v>25</v>
      </c>
      <c r="BU16" s="315">
        <v>28</v>
      </c>
      <c r="BV16" s="315">
        <v>34</v>
      </c>
      <c r="BW16" s="315">
        <v>86</v>
      </c>
      <c r="BX16" s="315">
        <v>69</v>
      </c>
      <c r="BY16" s="312">
        <v>242</v>
      </c>
      <c r="BZ16" s="317">
        <v>242</v>
      </c>
      <c r="CA16" s="311">
        <v>0</v>
      </c>
      <c r="CB16" s="315">
        <v>0</v>
      </c>
      <c r="CC16" s="312">
        <v>0</v>
      </c>
      <c r="CD16" s="314">
        <v>0</v>
      </c>
      <c r="CE16" s="315">
        <v>0</v>
      </c>
      <c r="CF16" s="315">
        <v>14</v>
      </c>
      <c r="CG16" s="315">
        <v>7</v>
      </c>
      <c r="CH16" s="315">
        <v>0</v>
      </c>
      <c r="CI16" s="315">
        <v>0</v>
      </c>
      <c r="CJ16" s="312">
        <v>21</v>
      </c>
      <c r="CK16" s="317">
        <v>21</v>
      </c>
      <c r="CL16" s="311">
        <v>0</v>
      </c>
      <c r="CM16" s="315">
        <v>0</v>
      </c>
      <c r="CN16" s="312">
        <v>0</v>
      </c>
      <c r="CO16" s="314">
        <v>0</v>
      </c>
      <c r="CP16" s="315">
        <v>0</v>
      </c>
      <c r="CQ16" s="315">
        <v>0</v>
      </c>
      <c r="CR16" s="315">
        <v>0</v>
      </c>
      <c r="CS16" s="315">
        <v>0</v>
      </c>
      <c r="CT16" s="315">
        <v>0</v>
      </c>
      <c r="CU16" s="312">
        <v>0</v>
      </c>
      <c r="CV16" s="317">
        <v>0</v>
      </c>
      <c r="CW16" s="311">
        <v>0</v>
      </c>
      <c r="CX16" s="315">
        <v>0</v>
      </c>
      <c r="CY16" s="312">
        <v>0</v>
      </c>
      <c r="CZ16" s="314">
        <v>0</v>
      </c>
      <c r="DA16" s="315">
        <v>0</v>
      </c>
      <c r="DB16" s="315">
        <v>0</v>
      </c>
      <c r="DC16" s="315">
        <v>0</v>
      </c>
      <c r="DD16" s="315">
        <v>0</v>
      </c>
      <c r="DE16" s="315">
        <v>0</v>
      </c>
      <c r="DF16" s="312">
        <v>0</v>
      </c>
      <c r="DG16" s="317">
        <v>0</v>
      </c>
    </row>
    <row r="17" spans="1:111" ht="18.75" customHeight="1" x14ac:dyDescent="0.2">
      <c r="A17" s="296" t="s">
        <v>15</v>
      </c>
      <c r="B17" s="311">
        <v>0</v>
      </c>
      <c r="C17" s="315">
        <v>0</v>
      </c>
      <c r="D17" s="437">
        <v>0</v>
      </c>
      <c r="E17" s="314">
        <v>0</v>
      </c>
      <c r="F17" s="315">
        <v>41</v>
      </c>
      <c r="G17" s="315">
        <v>124</v>
      </c>
      <c r="H17" s="315">
        <v>239</v>
      </c>
      <c r="I17" s="315">
        <v>51</v>
      </c>
      <c r="J17" s="315">
        <v>208</v>
      </c>
      <c r="K17" s="316">
        <v>663</v>
      </c>
      <c r="L17" s="317">
        <v>663</v>
      </c>
      <c r="M17" s="311">
        <v>0</v>
      </c>
      <c r="N17" s="315">
        <v>0</v>
      </c>
      <c r="O17" s="312">
        <v>0</v>
      </c>
      <c r="P17" s="314">
        <v>0</v>
      </c>
      <c r="Q17" s="315">
        <v>0</v>
      </c>
      <c r="R17" s="315">
        <v>0</v>
      </c>
      <c r="S17" s="315">
        <v>0</v>
      </c>
      <c r="T17" s="315">
        <v>11</v>
      </c>
      <c r="U17" s="315">
        <v>13</v>
      </c>
      <c r="V17" s="312">
        <v>24</v>
      </c>
      <c r="W17" s="317">
        <v>24</v>
      </c>
      <c r="X17" s="311">
        <v>0</v>
      </c>
      <c r="Y17" s="315">
        <v>0</v>
      </c>
      <c r="Z17" s="312">
        <v>0</v>
      </c>
      <c r="AA17" s="314">
        <v>0</v>
      </c>
      <c r="AB17" s="315">
        <v>20</v>
      </c>
      <c r="AC17" s="315">
        <v>48</v>
      </c>
      <c r="AD17" s="315">
        <v>0</v>
      </c>
      <c r="AE17" s="315">
        <v>23</v>
      </c>
      <c r="AF17" s="315">
        <v>14</v>
      </c>
      <c r="AG17" s="312">
        <v>105</v>
      </c>
      <c r="AH17" s="317">
        <v>105</v>
      </c>
      <c r="AI17" s="311">
        <v>0</v>
      </c>
      <c r="AJ17" s="315">
        <v>0</v>
      </c>
      <c r="AK17" s="312">
        <v>0</v>
      </c>
      <c r="AL17" s="314">
        <v>0</v>
      </c>
      <c r="AM17" s="315">
        <v>8</v>
      </c>
      <c r="AN17" s="315">
        <v>12</v>
      </c>
      <c r="AO17" s="315">
        <v>0</v>
      </c>
      <c r="AP17" s="315">
        <v>0</v>
      </c>
      <c r="AQ17" s="315">
        <v>21</v>
      </c>
      <c r="AR17" s="312">
        <v>41</v>
      </c>
      <c r="AS17" s="317">
        <v>41</v>
      </c>
      <c r="AT17" s="311">
        <v>0</v>
      </c>
      <c r="AU17" s="315">
        <v>0</v>
      </c>
      <c r="AV17" s="312">
        <v>0</v>
      </c>
      <c r="AW17" s="314">
        <v>0</v>
      </c>
      <c r="AX17" s="315">
        <v>10</v>
      </c>
      <c r="AY17" s="315">
        <v>27</v>
      </c>
      <c r="AZ17" s="315">
        <v>28</v>
      </c>
      <c r="BA17" s="315">
        <v>0</v>
      </c>
      <c r="BB17" s="315">
        <v>0</v>
      </c>
      <c r="BC17" s="316">
        <v>65</v>
      </c>
      <c r="BD17" s="317">
        <v>65</v>
      </c>
      <c r="BE17" s="311">
        <v>0</v>
      </c>
      <c r="BF17" s="315">
        <v>0</v>
      </c>
      <c r="BG17" s="312">
        <v>0</v>
      </c>
      <c r="BH17" s="314">
        <v>0</v>
      </c>
      <c r="BI17" s="315">
        <v>20</v>
      </c>
      <c r="BJ17" s="315">
        <v>19</v>
      </c>
      <c r="BK17" s="315">
        <v>17</v>
      </c>
      <c r="BL17" s="315">
        <v>3</v>
      </c>
      <c r="BM17" s="315">
        <v>0</v>
      </c>
      <c r="BN17" s="312">
        <v>59</v>
      </c>
      <c r="BO17" s="317">
        <v>59</v>
      </c>
      <c r="BP17" s="311">
        <v>0</v>
      </c>
      <c r="BQ17" s="315">
        <v>0</v>
      </c>
      <c r="BR17" s="312">
        <v>0</v>
      </c>
      <c r="BS17" s="314">
        <v>0</v>
      </c>
      <c r="BT17" s="315">
        <v>0</v>
      </c>
      <c r="BU17" s="315">
        <v>0</v>
      </c>
      <c r="BV17" s="315">
        <v>0</v>
      </c>
      <c r="BW17" s="315">
        <v>6</v>
      </c>
      <c r="BX17" s="315">
        <v>0</v>
      </c>
      <c r="BY17" s="312">
        <v>6</v>
      </c>
      <c r="BZ17" s="317">
        <v>6</v>
      </c>
      <c r="CA17" s="311">
        <v>0</v>
      </c>
      <c r="CB17" s="315">
        <v>0</v>
      </c>
      <c r="CC17" s="312">
        <v>0</v>
      </c>
      <c r="CD17" s="314">
        <v>0</v>
      </c>
      <c r="CE17" s="315">
        <v>0</v>
      </c>
      <c r="CF17" s="315">
        <v>0</v>
      </c>
      <c r="CG17" s="315">
        <v>18</v>
      </c>
      <c r="CH17" s="315">
        <v>0</v>
      </c>
      <c r="CI17" s="315">
        <v>0</v>
      </c>
      <c r="CJ17" s="312">
        <v>18</v>
      </c>
      <c r="CK17" s="317">
        <v>18</v>
      </c>
      <c r="CL17" s="311">
        <v>0</v>
      </c>
      <c r="CM17" s="315">
        <v>0</v>
      </c>
      <c r="CN17" s="312">
        <v>0</v>
      </c>
      <c r="CO17" s="314">
        <v>0</v>
      </c>
      <c r="CP17" s="315">
        <v>0</v>
      </c>
      <c r="CQ17" s="315">
        <v>0</v>
      </c>
      <c r="CR17" s="315">
        <v>0</v>
      </c>
      <c r="CS17" s="315">
        <v>0</v>
      </c>
      <c r="CT17" s="315">
        <v>0</v>
      </c>
      <c r="CU17" s="312">
        <v>0</v>
      </c>
      <c r="CV17" s="317">
        <v>0</v>
      </c>
      <c r="CW17" s="311">
        <v>0</v>
      </c>
      <c r="CX17" s="315">
        <v>0</v>
      </c>
      <c r="CY17" s="312">
        <v>0</v>
      </c>
      <c r="CZ17" s="314">
        <v>0</v>
      </c>
      <c r="DA17" s="315">
        <v>0</v>
      </c>
      <c r="DB17" s="315">
        <v>0</v>
      </c>
      <c r="DC17" s="315">
        <v>0</v>
      </c>
      <c r="DD17" s="315">
        <v>0</v>
      </c>
      <c r="DE17" s="315">
        <v>0</v>
      </c>
      <c r="DF17" s="312">
        <v>0</v>
      </c>
      <c r="DG17" s="317">
        <v>0</v>
      </c>
    </row>
    <row r="18" spans="1:111" ht="18.75" customHeight="1" x14ac:dyDescent="0.2">
      <c r="A18" s="296" t="s">
        <v>16</v>
      </c>
      <c r="B18" s="311">
        <v>0</v>
      </c>
      <c r="C18" s="315">
        <v>0</v>
      </c>
      <c r="D18" s="437">
        <v>0</v>
      </c>
      <c r="E18" s="314">
        <v>0</v>
      </c>
      <c r="F18" s="315">
        <v>62</v>
      </c>
      <c r="G18" s="315">
        <v>88</v>
      </c>
      <c r="H18" s="315">
        <v>102</v>
      </c>
      <c r="I18" s="315">
        <v>99</v>
      </c>
      <c r="J18" s="315">
        <v>282</v>
      </c>
      <c r="K18" s="316">
        <v>633</v>
      </c>
      <c r="L18" s="317">
        <v>633</v>
      </c>
      <c r="M18" s="311">
        <v>0</v>
      </c>
      <c r="N18" s="315">
        <v>0</v>
      </c>
      <c r="O18" s="312">
        <v>0</v>
      </c>
      <c r="P18" s="314">
        <v>0</v>
      </c>
      <c r="Q18" s="315">
        <v>0</v>
      </c>
      <c r="R18" s="315">
        <v>0</v>
      </c>
      <c r="S18" s="315">
        <v>0</v>
      </c>
      <c r="T18" s="315">
        <v>8</v>
      </c>
      <c r="U18" s="315">
        <v>14</v>
      </c>
      <c r="V18" s="312">
        <v>22</v>
      </c>
      <c r="W18" s="317">
        <v>22</v>
      </c>
      <c r="X18" s="311">
        <v>8</v>
      </c>
      <c r="Y18" s="315">
        <v>20</v>
      </c>
      <c r="Z18" s="312">
        <v>28</v>
      </c>
      <c r="AA18" s="314">
        <v>0</v>
      </c>
      <c r="AB18" s="315">
        <v>80</v>
      </c>
      <c r="AC18" s="315">
        <v>130</v>
      </c>
      <c r="AD18" s="315">
        <v>79</v>
      </c>
      <c r="AE18" s="315">
        <v>64</v>
      </c>
      <c r="AF18" s="315">
        <v>63</v>
      </c>
      <c r="AG18" s="312">
        <v>416</v>
      </c>
      <c r="AH18" s="317">
        <v>444</v>
      </c>
      <c r="AI18" s="311">
        <v>0</v>
      </c>
      <c r="AJ18" s="315">
        <v>0</v>
      </c>
      <c r="AK18" s="312">
        <v>0</v>
      </c>
      <c r="AL18" s="314">
        <v>0</v>
      </c>
      <c r="AM18" s="315">
        <v>0</v>
      </c>
      <c r="AN18" s="315">
        <v>9</v>
      </c>
      <c r="AO18" s="315">
        <v>12</v>
      </c>
      <c r="AP18" s="315">
        <v>0</v>
      </c>
      <c r="AQ18" s="315">
        <v>3</v>
      </c>
      <c r="AR18" s="312">
        <v>24</v>
      </c>
      <c r="AS18" s="317">
        <v>24</v>
      </c>
      <c r="AT18" s="311">
        <v>0</v>
      </c>
      <c r="AU18" s="315">
        <v>0</v>
      </c>
      <c r="AV18" s="312">
        <v>0</v>
      </c>
      <c r="AW18" s="314">
        <v>0</v>
      </c>
      <c r="AX18" s="315">
        <v>121</v>
      </c>
      <c r="AY18" s="315">
        <v>220</v>
      </c>
      <c r="AZ18" s="315">
        <v>112</v>
      </c>
      <c r="BA18" s="315">
        <v>66</v>
      </c>
      <c r="BB18" s="315">
        <v>29</v>
      </c>
      <c r="BC18" s="316">
        <v>548</v>
      </c>
      <c r="BD18" s="317">
        <v>548</v>
      </c>
      <c r="BE18" s="311">
        <v>0</v>
      </c>
      <c r="BF18" s="315">
        <v>0</v>
      </c>
      <c r="BG18" s="312">
        <v>0</v>
      </c>
      <c r="BH18" s="314">
        <v>0</v>
      </c>
      <c r="BI18" s="315">
        <v>111</v>
      </c>
      <c r="BJ18" s="315">
        <v>202</v>
      </c>
      <c r="BK18" s="315">
        <v>55</v>
      </c>
      <c r="BL18" s="315">
        <v>27</v>
      </c>
      <c r="BM18" s="315">
        <v>0</v>
      </c>
      <c r="BN18" s="312">
        <v>395</v>
      </c>
      <c r="BO18" s="317">
        <v>395</v>
      </c>
      <c r="BP18" s="311">
        <v>0</v>
      </c>
      <c r="BQ18" s="315">
        <v>4</v>
      </c>
      <c r="BR18" s="312">
        <v>4</v>
      </c>
      <c r="BS18" s="314">
        <v>0</v>
      </c>
      <c r="BT18" s="315">
        <v>20</v>
      </c>
      <c r="BU18" s="315">
        <v>83</v>
      </c>
      <c r="BV18" s="315">
        <v>34</v>
      </c>
      <c r="BW18" s="315">
        <v>20</v>
      </c>
      <c r="BX18" s="315">
        <v>0</v>
      </c>
      <c r="BY18" s="312">
        <v>157</v>
      </c>
      <c r="BZ18" s="317">
        <v>161</v>
      </c>
      <c r="CA18" s="311">
        <v>0</v>
      </c>
      <c r="CB18" s="315">
        <v>0</v>
      </c>
      <c r="CC18" s="312">
        <v>0</v>
      </c>
      <c r="CD18" s="314">
        <v>0</v>
      </c>
      <c r="CE18" s="315">
        <v>0</v>
      </c>
      <c r="CF18" s="315">
        <v>3</v>
      </c>
      <c r="CG18" s="315">
        <v>0</v>
      </c>
      <c r="CH18" s="315">
        <v>3</v>
      </c>
      <c r="CI18" s="315">
        <v>0</v>
      </c>
      <c r="CJ18" s="312">
        <v>6</v>
      </c>
      <c r="CK18" s="317">
        <v>6</v>
      </c>
      <c r="CL18" s="311">
        <v>0</v>
      </c>
      <c r="CM18" s="315">
        <v>0</v>
      </c>
      <c r="CN18" s="312">
        <v>0</v>
      </c>
      <c r="CO18" s="314">
        <v>0</v>
      </c>
      <c r="CP18" s="315">
        <v>0</v>
      </c>
      <c r="CQ18" s="315">
        <v>0</v>
      </c>
      <c r="CR18" s="315">
        <v>0</v>
      </c>
      <c r="CS18" s="315">
        <v>0</v>
      </c>
      <c r="CT18" s="315">
        <v>0</v>
      </c>
      <c r="CU18" s="312">
        <v>0</v>
      </c>
      <c r="CV18" s="317">
        <v>0</v>
      </c>
      <c r="CW18" s="311">
        <v>0</v>
      </c>
      <c r="CX18" s="315">
        <v>0</v>
      </c>
      <c r="CY18" s="312">
        <v>0</v>
      </c>
      <c r="CZ18" s="314">
        <v>0</v>
      </c>
      <c r="DA18" s="315">
        <v>0</v>
      </c>
      <c r="DB18" s="315">
        <v>0</v>
      </c>
      <c r="DC18" s="315">
        <v>0</v>
      </c>
      <c r="DD18" s="315">
        <v>0</v>
      </c>
      <c r="DE18" s="315">
        <v>0</v>
      </c>
      <c r="DF18" s="312">
        <v>0</v>
      </c>
      <c r="DG18" s="317">
        <v>0</v>
      </c>
    </row>
    <row r="19" spans="1:111" ht="18.75" customHeight="1" x14ac:dyDescent="0.2">
      <c r="A19" s="296" t="s">
        <v>17</v>
      </c>
      <c r="B19" s="311">
        <v>0</v>
      </c>
      <c r="C19" s="315">
        <v>0</v>
      </c>
      <c r="D19" s="437">
        <v>0</v>
      </c>
      <c r="E19" s="314">
        <v>0</v>
      </c>
      <c r="F19" s="315">
        <v>111</v>
      </c>
      <c r="G19" s="315">
        <v>417</v>
      </c>
      <c r="H19" s="315">
        <v>340</v>
      </c>
      <c r="I19" s="315">
        <v>364</v>
      </c>
      <c r="J19" s="315">
        <v>766</v>
      </c>
      <c r="K19" s="316">
        <v>1998</v>
      </c>
      <c r="L19" s="317">
        <v>1998</v>
      </c>
      <c r="M19" s="311">
        <v>0</v>
      </c>
      <c r="N19" s="315">
        <v>0</v>
      </c>
      <c r="O19" s="312">
        <v>0</v>
      </c>
      <c r="P19" s="314">
        <v>0</v>
      </c>
      <c r="Q19" s="315">
        <v>0</v>
      </c>
      <c r="R19" s="315">
        <v>0</v>
      </c>
      <c r="S19" s="315">
        <v>0</v>
      </c>
      <c r="T19" s="315">
        <v>0</v>
      </c>
      <c r="U19" s="315">
        <v>30</v>
      </c>
      <c r="V19" s="312">
        <v>30</v>
      </c>
      <c r="W19" s="317">
        <v>30</v>
      </c>
      <c r="X19" s="311">
        <v>0</v>
      </c>
      <c r="Y19" s="315">
        <v>36</v>
      </c>
      <c r="Z19" s="312">
        <v>36</v>
      </c>
      <c r="AA19" s="314">
        <v>0</v>
      </c>
      <c r="AB19" s="315">
        <v>66</v>
      </c>
      <c r="AC19" s="315">
        <v>88</v>
      </c>
      <c r="AD19" s="315">
        <v>49</v>
      </c>
      <c r="AE19" s="315">
        <v>68</v>
      </c>
      <c r="AF19" s="315">
        <v>53</v>
      </c>
      <c r="AG19" s="312">
        <v>324</v>
      </c>
      <c r="AH19" s="317">
        <v>360</v>
      </c>
      <c r="AI19" s="311">
        <v>21</v>
      </c>
      <c r="AJ19" s="315">
        <v>0</v>
      </c>
      <c r="AK19" s="312">
        <v>21</v>
      </c>
      <c r="AL19" s="314">
        <v>0</v>
      </c>
      <c r="AM19" s="315">
        <v>0</v>
      </c>
      <c r="AN19" s="315">
        <v>26</v>
      </c>
      <c r="AO19" s="315">
        <v>0</v>
      </c>
      <c r="AP19" s="315">
        <v>9</v>
      </c>
      <c r="AQ19" s="315">
        <v>9</v>
      </c>
      <c r="AR19" s="312">
        <v>44</v>
      </c>
      <c r="AS19" s="317">
        <v>65</v>
      </c>
      <c r="AT19" s="311">
        <v>0</v>
      </c>
      <c r="AU19" s="315">
        <v>0</v>
      </c>
      <c r="AV19" s="312">
        <v>0</v>
      </c>
      <c r="AW19" s="314">
        <v>0</v>
      </c>
      <c r="AX19" s="315">
        <v>250</v>
      </c>
      <c r="AY19" s="315">
        <v>197</v>
      </c>
      <c r="AZ19" s="315">
        <v>155</v>
      </c>
      <c r="BA19" s="315">
        <v>81</v>
      </c>
      <c r="BB19" s="315">
        <v>38</v>
      </c>
      <c r="BC19" s="316">
        <v>721</v>
      </c>
      <c r="BD19" s="317">
        <v>721</v>
      </c>
      <c r="BE19" s="311">
        <v>0</v>
      </c>
      <c r="BF19" s="315">
        <v>0</v>
      </c>
      <c r="BG19" s="312">
        <v>0</v>
      </c>
      <c r="BH19" s="314">
        <v>0</v>
      </c>
      <c r="BI19" s="315">
        <v>32</v>
      </c>
      <c r="BJ19" s="315">
        <v>105</v>
      </c>
      <c r="BK19" s="315">
        <v>24</v>
      </c>
      <c r="BL19" s="315">
        <v>7</v>
      </c>
      <c r="BM19" s="315">
        <v>7</v>
      </c>
      <c r="BN19" s="312">
        <v>175</v>
      </c>
      <c r="BO19" s="317">
        <v>175</v>
      </c>
      <c r="BP19" s="311">
        <v>0</v>
      </c>
      <c r="BQ19" s="315">
        <v>8</v>
      </c>
      <c r="BR19" s="312">
        <v>8</v>
      </c>
      <c r="BS19" s="314">
        <v>0</v>
      </c>
      <c r="BT19" s="315">
        <v>13</v>
      </c>
      <c r="BU19" s="315">
        <v>43</v>
      </c>
      <c r="BV19" s="315">
        <v>142</v>
      </c>
      <c r="BW19" s="315">
        <v>79</v>
      </c>
      <c r="BX19" s="315">
        <v>21</v>
      </c>
      <c r="BY19" s="312">
        <v>298</v>
      </c>
      <c r="BZ19" s="317">
        <v>306</v>
      </c>
      <c r="CA19" s="311">
        <v>0</v>
      </c>
      <c r="CB19" s="315">
        <v>0</v>
      </c>
      <c r="CC19" s="312">
        <v>0</v>
      </c>
      <c r="CD19" s="314">
        <v>0</v>
      </c>
      <c r="CE19" s="315">
        <v>7</v>
      </c>
      <c r="CF19" s="315">
        <v>18</v>
      </c>
      <c r="CG19" s="315">
        <v>0</v>
      </c>
      <c r="CH19" s="315">
        <v>0</v>
      </c>
      <c r="CI19" s="315">
        <v>0</v>
      </c>
      <c r="CJ19" s="312">
        <v>25</v>
      </c>
      <c r="CK19" s="317">
        <v>25</v>
      </c>
      <c r="CL19" s="311">
        <v>0</v>
      </c>
      <c r="CM19" s="315">
        <v>0</v>
      </c>
      <c r="CN19" s="312">
        <v>0</v>
      </c>
      <c r="CO19" s="314">
        <v>0</v>
      </c>
      <c r="CP19" s="315">
        <v>0</v>
      </c>
      <c r="CQ19" s="315">
        <v>0</v>
      </c>
      <c r="CR19" s="315">
        <v>0</v>
      </c>
      <c r="CS19" s="315">
        <v>0</v>
      </c>
      <c r="CT19" s="315">
        <v>0</v>
      </c>
      <c r="CU19" s="312">
        <v>0</v>
      </c>
      <c r="CV19" s="317">
        <v>0</v>
      </c>
      <c r="CW19" s="311">
        <v>0</v>
      </c>
      <c r="CX19" s="315">
        <v>0</v>
      </c>
      <c r="CY19" s="312">
        <v>0</v>
      </c>
      <c r="CZ19" s="314">
        <v>0</v>
      </c>
      <c r="DA19" s="315">
        <v>0</v>
      </c>
      <c r="DB19" s="315">
        <v>0</v>
      </c>
      <c r="DC19" s="315">
        <v>0</v>
      </c>
      <c r="DD19" s="315">
        <v>0</v>
      </c>
      <c r="DE19" s="315">
        <v>0</v>
      </c>
      <c r="DF19" s="312">
        <v>0</v>
      </c>
      <c r="DG19" s="317">
        <v>0</v>
      </c>
    </row>
    <row r="20" spans="1:111" ht="18.75" customHeight="1" x14ac:dyDescent="0.2">
      <c r="A20" s="296" t="s">
        <v>18</v>
      </c>
      <c r="B20" s="311">
        <v>0</v>
      </c>
      <c r="C20" s="315">
        <v>0</v>
      </c>
      <c r="D20" s="437">
        <v>0</v>
      </c>
      <c r="E20" s="314">
        <v>0</v>
      </c>
      <c r="F20" s="315">
        <v>206</v>
      </c>
      <c r="G20" s="315">
        <v>769</v>
      </c>
      <c r="H20" s="315">
        <v>519</v>
      </c>
      <c r="I20" s="315">
        <v>827</v>
      </c>
      <c r="J20" s="315">
        <v>116</v>
      </c>
      <c r="K20" s="316">
        <v>2437</v>
      </c>
      <c r="L20" s="317">
        <v>2437</v>
      </c>
      <c r="M20" s="311">
        <v>0</v>
      </c>
      <c r="N20" s="315">
        <v>0</v>
      </c>
      <c r="O20" s="312">
        <v>0</v>
      </c>
      <c r="P20" s="314">
        <v>0</v>
      </c>
      <c r="Q20" s="315">
        <v>4</v>
      </c>
      <c r="R20" s="315">
        <v>4</v>
      </c>
      <c r="S20" s="315">
        <v>4</v>
      </c>
      <c r="T20" s="315">
        <v>23</v>
      </c>
      <c r="U20" s="315">
        <v>28</v>
      </c>
      <c r="V20" s="312">
        <v>63</v>
      </c>
      <c r="W20" s="317">
        <v>63</v>
      </c>
      <c r="X20" s="311">
        <v>7</v>
      </c>
      <c r="Y20" s="315">
        <v>35</v>
      </c>
      <c r="Z20" s="312">
        <v>42</v>
      </c>
      <c r="AA20" s="314">
        <v>0</v>
      </c>
      <c r="AB20" s="315">
        <v>142</v>
      </c>
      <c r="AC20" s="315">
        <v>140</v>
      </c>
      <c r="AD20" s="315">
        <v>86</v>
      </c>
      <c r="AE20" s="315">
        <v>98</v>
      </c>
      <c r="AF20" s="315">
        <v>60</v>
      </c>
      <c r="AG20" s="312">
        <v>526</v>
      </c>
      <c r="AH20" s="317">
        <v>568</v>
      </c>
      <c r="AI20" s="311">
        <v>0</v>
      </c>
      <c r="AJ20" s="315">
        <v>45</v>
      </c>
      <c r="AK20" s="312">
        <v>45</v>
      </c>
      <c r="AL20" s="314">
        <v>0</v>
      </c>
      <c r="AM20" s="315">
        <v>34</v>
      </c>
      <c r="AN20" s="315">
        <v>48</v>
      </c>
      <c r="AO20" s="315">
        <v>21</v>
      </c>
      <c r="AP20" s="315">
        <v>12</v>
      </c>
      <c r="AQ20" s="315">
        <v>0</v>
      </c>
      <c r="AR20" s="312">
        <v>115</v>
      </c>
      <c r="AS20" s="317">
        <v>160</v>
      </c>
      <c r="AT20" s="311">
        <v>0</v>
      </c>
      <c r="AU20" s="315">
        <v>0</v>
      </c>
      <c r="AV20" s="312">
        <v>0</v>
      </c>
      <c r="AW20" s="314">
        <v>0</v>
      </c>
      <c r="AX20" s="315">
        <v>290</v>
      </c>
      <c r="AY20" s="315">
        <v>305</v>
      </c>
      <c r="AZ20" s="315">
        <v>189</v>
      </c>
      <c r="BA20" s="315">
        <v>89</v>
      </c>
      <c r="BB20" s="315">
        <v>47</v>
      </c>
      <c r="BC20" s="316">
        <v>920</v>
      </c>
      <c r="BD20" s="317">
        <v>920</v>
      </c>
      <c r="BE20" s="311">
        <v>0</v>
      </c>
      <c r="BF20" s="315">
        <v>0</v>
      </c>
      <c r="BG20" s="312">
        <v>0</v>
      </c>
      <c r="BH20" s="314">
        <v>0</v>
      </c>
      <c r="BI20" s="315">
        <v>87</v>
      </c>
      <c r="BJ20" s="315">
        <v>89</v>
      </c>
      <c r="BK20" s="315">
        <v>67</v>
      </c>
      <c r="BL20" s="315">
        <v>30</v>
      </c>
      <c r="BM20" s="315">
        <v>12</v>
      </c>
      <c r="BN20" s="312">
        <v>285</v>
      </c>
      <c r="BO20" s="317">
        <v>285</v>
      </c>
      <c r="BP20" s="311">
        <v>0</v>
      </c>
      <c r="BQ20" s="315">
        <v>3</v>
      </c>
      <c r="BR20" s="312">
        <v>3</v>
      </c>
      <c r="BS20" s="314">
        <v>0</v>
      </c>
      <c r="BT20" s="315">
        <v>6</v>
      </c>
      <c r="BU20" s="315">
        <v>84</v>
      </c>
      <c r="BV20" s="315">
        <v>99</v>
      </c>
      <c r="BW20" s="315">
        <v>92</v>
      </c>
      <c r="BX20" s="315">
        <v>22</v>
      </c>
      <c r="BY20" s="312">
        <v>303</v>
      </c>
      <c r="BZ20" s="317">
        <v>306</v>
      </c>
      <c r="CA20" s="311">
        <v>0</v>
      </c>
      <c r="CB20" s="315">
        <v>0</v>
      </c>
      <c r="CC20" s="312">
        <v>0</v>
      </c>
      <c r="CD20" s="314">
        <v>0</v>
      </c>
      <c r="CE20" s="315">
        <v>6</v>
      </c>
      <c r="CF20" s="315">
        <v>0</v>
      </c>
      <c r="CG20" s="315">
        <v>0</v>
      </c>
      <c r="CH20" s="315">
        <v>0</v>
      </c>
      <c r="CI20" s="315">
        <v>0</v>
      </c>
      <c r="CJ20" s="312">
        <v>6</v>
      </c>
      <c r="CK20" s="317">
        <v>6</v>
      </c>
      <c r="CL20" s="311">
        <v>0</v>
      </c>
      <c r="CM20" s="315">
        <v>0</v>
      </c>
      <c r="CN20" s="312">
        <v>0</v>
      </c>
      <c r="CO20" s="314">
        <v>0</v>
      </c>
      <c r="CP20" s="315">
        <v>0</v>
      </c>
      <c r="CQ20" s="315">
        <v>0</v>
      </c>
      <c r="CR20" s="315">
        <v>0</v>
      </c>
      <c r="CS20" s="315">
        <v>0</v>
      </c>
      <c r="CT20" s="315">
        <v>0</v>
      </c>
      <c r="CU20" s="312">
        <v>0</v>
      </c>
      <c r="CV20" s="317">
        <v>0</v>
      </c>
      <c r="CW20" s="311">
        <v>0</v>
      </c>
      <c r="CX20" s="315">
        <v>0</v>
      </c>
      <c r="CY20" s="312">
        <v>0</v>
      </c>
      <c r="CZ20" s="314">
        <v>0</v>
      </c>
      <c r="DA20" s="315">
        <v>0</v>
      </c>
      <c r="DB20" s="315">
        <v>0</v>
      </c>
      <c r="DC20" s="315">
        <v>0</v>
      </c>
      <c r="DD20" s="315">
        <v>0</v>
      </c>
      <c r="DE20" s="315">
        <v>0</v>
      </c>
      <c r="DF20" s="312">
        <v>0</v>
      </c>
      <c r="DG20" s="317">
        <v>0</v>
      </c>
    </row>
    <row r="21" spans="1:111" ht="18.75" customHeight="1" x14ac:dyDescent="0.2">
      <c r="A21" s="296" t="s">
        <v>19</v>
      </c>
      <c r="B21" s="311">
        <v>0</v>
      </c>
      <c r="C21" s="315">
        <v>0</v>
      </c>
      <c r="D21" s="437">
        <v>0</v>
      </c>
      <c r="E21" s="314">
        <v>0</v>
      </c>
      <c r="F21" s="315">
        <v>300</v>
      </c>
      <c r="G21" s="315">
        <v>110</v>
      </c>
      <c r="H21" s="315">
        <v>98</v>
      </c>
      <c r="I21" s="315">
        <v>598</v>
      </c>
      <c r="J21" s="315">
        <v>33</v>
      </c>
      <c r="K21" s="316">
        <v>1139</v>
      </c>
      <c r="L21" s="317">
        <v>1139</v>
      </c>
      <c r="M21" s="311">
        <v>0</v>
      </c>
      <c r="N21" s="315">
        <v>0</v>
      </c>
      <c r="O21" s="312">
        <v>0</v>
      </c>
      <c r="P21" s="314">
        <v>0</v>
      </c>
      <c r="Q21" s="315">
        <v>1</v>
      </c>
      <c r="R21" s="315">
        <v>4</v>
      </c>
      <c r="S21" s="315">
        <v>0</v>
      </c>
      <c r="T21" s="315">
        <v>23</v>
      </c>
      <c r="U21" s="315">
        <v>17</v>
      </c>
      <c r="V21" s="312">
        <v>45</v>
      </c>
      <c r="W21" s="317">
        <v>45</v>
      </c>
      <c r="X21" s="311">
        <v>4</v>
      </c>
      <c r="Y21" s="315">
        <v>0</v>
      </c>
      <c r="Z21" s="312">
        <v>4</v>
      </c>
      <c r="AA21" s="314">
        <v>0</v>
      </c>
      <c r="AB21" s="315">
        <v>92</v>
      </c>
      <c r="AC21" s="315">
        <v>88</v>
      </c>
      <c r="AD21" s="315">
        <v>14</v>
      </c>
      <c r="AE21" s="315">
        <v>81</v>
      </c>
      <c r="AF21" s="315">
        <v>86</v>
      </c>
      <c r="AG21" s="312">
        <v>361</v>
      </c>
      <c r="AH21" s="317">
        <v>365</v>
      </c>
      <c r="AI21" s="311">
        <v>0</v>
      </c>
      <c r="AJ21" s="315">
        <v>0</v>
      </c>
      <c r="AK21" s="312">
        <v>0</v>
      </c>
      <c r="AL21" s="314">
        <v>0</v>
      </c>
      <c r="AM21" s="315">
        <v>6</v>
      </c>
      <c r="AN21" s="315">
        <v>11</v>
      </c>
      <c r="AO21" s="315">
        <v>12</v>
      </c>
      <c r="AP21" s="315">
        <v>6</v>
      </c>
      <c r="AQ21" s="315">
        <v>0</v>
      </c>
      <c r="AR21" s="312">
        <v>35</v>
      </c>
      <c r="AS21" s="317">
        <v>35</v>
      </c>
      <c r="AT21" s="311">
        <v>0</v>
      </c>
      <c r="AU21" s="315">
        <v>0</v>
      </c>
      <c r="AV21" s="312">
        <v>0</v>
      </c>
      <c r="AW21" s="314">
        <v>0</v>
      </c>
      <c r="AX21" s="315">
        <v>157</v>
      </c>
      <c r="AY21" s="315">
        <v>142</v>
      </c>
      <c r="AZ21" s="315">
        <v>88</v>
      </c>
      <c r="BA21" s="315">
        <v>12</v>
      </c>
      <c r="BB21" s="315">
        <v>1</v>
      </c>
      <c r="BC21" s="316">
        <v>400</v>
      </c>
      <c r="BD21" s="317">
        <v>400</v>
      </c>
      <c r="BE21" s="311">
        <v>0</v>
      </c>
      <c r="BF21" s="315">
        <v>0</v>
      </c>
      <c r="BG21" s="312">
        <v>0</v>
      </c>
      <c r="BH21" s="314">
        <v>0</v>
      </c>
      <c r="BI21" s="315">
        <v>52</v>
      </c>
      <c r="BJ21" s="315">
        <v>37</v>
      </c>
      <c r="BK21" s="315">
        <v>9</v>
      </c>
      <c r="BL21" s="315">
        <v>29</v>
      </c>
      <c r="BM21" s="315">
        <v>0</v>
      </c>
      <c r="BN21" s="312">
        <v>127</v>
      </c>
      <c r="BO21" s="317">
        <v>127</v>
      </c>
      <c r="BP21" s="311">
        <v>0</v>
      </c>
      <c r="BQ21" s="315">
        <v>0</v>
      </c>
      <c r="BR21" s="312">
        <v>0</v>
      </c>
      <c r="BS21" s="314">
        <v>0</v>
      </c>
      <c r="BT21" s="315">
        <v>3</v>
      </c>
      <c r="BU21" s="315">
        <v>16</v>
      </c>
      <c r="BV21" s="315">
        <v>3</v>
      </c>
      <c r="BW21" s="315">
        <v>0</v>
      </c>
      <c r="BX21" s="315">
        <v>0</v>
      </c>
      <c r="BY21" s="312">
        <v>22</v>
      </c>
      <c r="BZ21" s="317">
        <v>22</v>
      </c>
      <c r="CA21" s="311">
        <v>0</v>
      </c>
      <c r="CB21" s="315">
        <v>0</v>
      </c>
      <c r="CC21" s="312">
        <v>0</v>
      </c>
      <c r="CD21" s="314">
        <v>0</v>
      </c>
      <c r="CE21" s="315">
        <v>0</v>
      </c>
      <c r="CF21" s="315">
        <v>0</v>
      </c>
      <c r="CG21" s="315">
        <v>0</v>
      </c>
      <c r="CH21" s="315">
        <v>8</v>
      </c>
      <c r="CI21" s="315">
        <v>0</v>
      </c>
      <c r="CJ21" s="312">
        <v>8</v>
      </c>
      <c r="CK21" s="317">
        <v>8</v>
      </c>
      <c r="CL21" s="311">
        <v>0</v>
      </c>
      <c r="CM21" s="315">
        <v>0</v>
      </c>
      <c r="CN21" s="312">
        <v>0</v>
      </c>
      <c r="CO21" s="314">
        <v>0</v>
      </c>
      <c r="CP21" s="315">
        <v>0</v>
      </c>
      <c r="CQ21" s="315">
        <v>0</v>
      </c>
      <c r="CR21" s="315">
        <v>0</v>
      </c>
      <c r="CS21" s="315">
        <v>0</v>
      </c>
      <c r="CT21" s="315">
        <v>0</v>
      </c>
      <c r="CU21" s="312">
        <v>0</v>
      </c>
      <c r="CV21" s="317">
        <v>0</v>
      </c>
      <c r="CW21" s="311">
        <v>0</v>
      </c>
      <c r="CX21" s="315">
        <v>0</v>
      </c>
      <c r="CY21" s="312">
        <v>0</v>
      </c>
      <c r="CZ21" s="314">
        <v>0</v>
      </c>
      <c r="DA21" s="315">
        <v>0</v>
      </c>
      <c r="DB21" s="315">
        <v>0</v>
      </c>
      <c r="DC21" s="315">
        <v>0</v>
      </c>
      <c r="DD21" s="315">
        <v>0</v>
      </c>
      <c r="DE21" s="315">
        <v>0</v>
      </c>
      <c r="DF21" s="312">
        <v>0</v>
      </c>
      <c r="DG21" s="317">
        <v>0</v>
      </c>
    </row>
    <row r="22" spans="1:111" ht="18.75" customHeight="1" x14ac:dyDescent="0.2">
      <c r="A22" s="296" t="s">
        <v>20</v>
      </c>
      <c r="B22" s="311">
        <v>0</v>
      </c>
      <c r="C22" s="315">
        <v>0</v>
      </c>
      <c r="D22" s="437">
        <v>0</v>
      </c>
      <c r="E22" s="314">
        <v>0</v>
      </c>
      <c r="F22" s="315">
        <v>184</v>
      </c>
      <c r="G22" s="315">
        <v>252</v>
      </c>
      <c r="H22" s="315">
        <v>137</v>
      </c>
      <c r="I22" s="315">
        <v>116</v>
      </c>
      <c r="J22" s="315">
        <v>82</v>
      </c>
      <c r="K22" s="316">
        <v>771</v>
      </c>
      <c r="L22" s="317">
        <v>771</v>
      </c>
      <c r="M22" s="311">
        <v>0</v>
      </c>
      <c r="N22" s="315">
        <v>0</v>
      </c>
      <c r="O22" s="312">
        <v>0</v>
      </c>
      <c r="P22" s="314">
        <v>0</v>
      </c>
      <c r="Q22" s="315">
        <v>0</v>
      </c>
      <c r="R22" s="315">
        <v>0</v>
      </c>
      <c r="S22" s="315">
        <v>0</v>
      </c>
      <c r="T22" s="315">
        <v>5</v>
      </c>
      <c r="U22" s="315">
        <v>10</v>
      </c>
      <c r="V22" s="312">
        <v>15</v>
      </c>
      <c r="W22" s="317">
        <v>15</v>
      </c>
      <c r="X22" s="311">
        <v>20</v>
      </c>
      <c r="Y22" s="315">
        <v>33</v>
      </c>
      <c r="Z22" s="312">
        <v>53</v>
      </c>
      <c r="AA22" s="314">
        <v>0</v>
      </c>
      <c r="AB22" s="315">
        <v>217</v>
      </c>
      <c r="AC22" s="315">
        <v>97</v>
      </c>
      <c r="AD22" s="315">
        <v>81</v>
      </c>
      <c r="AE22" s="315">
        <v>37</v>
      </c>
      <c r="AF22" s="315">
        <v>45</v>
      </c>
      <c r="AG22" s="312">
        <v>477</v>
      </c>
      <c r="AH22" s="317">
        <v>530</v>
      </c>
      <c r="AI22" s="311">
        <v>6</v>
      </c>
      <c r="AJ22" s="315">
        <v>8</v>
      </c>
      <c r="AK22" s="312">
        <v>14</v>
      </c>
      <c r="AL22" s="314">
        <v>0</v>
      </c>
      <c r="AM22" s="315">
        <v>36</v>
      </c>
      <c r="AN22" s="315">
        <v>36</v>
      </c>
      <c r="AO22" s="315">
        <v>41</v>
      </c>
      <c r="AP22" s="315">
        <v>16</v>
      </c>
      <c r="AQ22" s="315">
        <v>10</v>
      </c>
      <c r="AR22" s="312">
        <v>139</v>
      </c>
      <c r="AS22" s="317">
        <v>153</v>
      </c>
      <c r="AT22" s="311">
        <v>0</v>
      </c>
      <c r="AU22" s="315">
        <v>0</v>
      </c>
      <c r="AV22" s="312">
        <v>0</v>
      </c>
      <c r="AW22" s="314">
        <v>0</v>
      </c>
      <c r="AX22" s="315">
        <v>194</v>
      </c>
      <c r="AY22" s="315">
        <v>53</v>
      </c>
      <c r="AZ22" s="315">
        <v>129</v>
      </c>
      <c r="BA22" s="315">
        <v>40</v>
      </c>
      <c r="BB22" s="315">
        <v>10</v>
      </c>
      <c r="BC22" s="316">
        <v>426</v>
      </c>
      <c r="BD22" s="317">
        <v>426</v>
      </c>
      <c r="BE22" s="311">
        <v>0</v>
      </c>
      <c r="BF22" s="315">
        <v>0</v>
      </c>
      <c r="BG22" s="312">
        <v>0</v>
      </c>
      <c r="BH22" s="314">
        <v>0</v>
      </c>
      <c r="BI22" s="315">
        <v>79</v>
      </c>
      <c r="BJ22" s="315">
        <v>58</v>
      </c>
      <c r="BK22" s="315">
        <v>37</v>
      </c>
      <c r="BL22" s="315">
        <v>72</v>
      </c>
      <c r="BM22" s="315">
        <v>4</v>
      </c>
      <c r="BN22" s="312">
        <v>250</v>
      </c>
      <c r="BO22" s="317">
        <v>250</v>
      </c>
      <c r="BP22" s="311">
        <v>4</v>
      </c>
      <c r="BQ22" s="315">
        <v>9</v>
      </c>
      <c r="BR22" s="312">
        <v>13</v>
      </c>
      <c r="BS22" s="314">
        <v>0</v>
      </c>
      <c r="BT22" s="315">
        <v>18</v>
      </c>
      <c r="BU22" s="315">
        <v>33</v>
      </c>
      <c r="BV22" s="315">
        <v>74</v>
      </c>
      <c r="BW22" s="315">
        <v>44</v>
      </c>
      <c r="BX22" s="315">
        <v>0</v>
      </c>
      <c r="BY22" s="312">
        <v>169</v>
      </c>
      <c r="BZ22" s="317">
        <v>182</v>
      </c>
      <c r="CA22" s="311">
        <v>0</v>
      </c>
      <c r="CB22" s="315">
        <v>0</v>
      </c>
      <c r="CC22" s="312">
        <v>0</v>
      </c>
      <c r="CD22" s="314">
        <v>0</v>
      </c>
      <c r="CE22" s="315">
        <v>0</v>
      </c>
      <c r="CF22" s="315">
        <v>2</v>
      </c>
      <c r="CG22" s="315">
        <v>0</v>
      </c>
      <c r="CH22" s="315">
        <v>14</v>
      </c>
      <c r="CI22" s="315">
        <v>0</v>
      </c>
      <c r="CJ22" s="312">
        <v>16</v>
      </c>
      <c r="CK22" s="317">
        <v>16</v>
      </c>
      <c r="CL22" s="311">
        <v>0</v>
      </c>
      <c r="CM22" s="315">
        <v>0</v>
      </c>
      <c r="CN22" s="312">
        <v>0</v>
      </c>
      <c r="CO22" s="314">
        <v>0</v>
      </c>
      <c r="CP22" s="315">
        <v>0</v>
      </c>
      <c r="CQ22" s="315">
        <v>0</v>
      </c>
      <c r="CR22" s="315">
        <v>0</v>
      </c>
      <c r="CS22" s="315">
        <v>0</v>
      </c>
      <c r="CT22" s="315">
        <v>0</v>
      </c>
      <c r="CU22" s="312">
        <v>0</v>
      </c>
      <c r="CV22" s="317">
        <v>0</v>
      </c>
      <c r="CW22" s="311">
        <v>0</v>
      </c>
      <c r="CX22" s="315">
        <v>0</v>
      </c>
      <c r="CY22" s="312">
        <v>0</v>
      </c>
      <c r="CZ22" s="314">
        <v>0</v>
      </c>
      <c r="DA22" s="315">
        <v>0</v>
      </c>
      <c r="DB22" s="315">
        <v>0</v>
      </c>
      <c r="DC22" s="315">
        <v>0</v>
      </c>
      <c r="DD22" s="315">
        <v>0</v>
      </c>
      <c r="DE22" s="315">
        <v>0</v>
      </c>
      <c r="DF22" s="312">
        <v>0</v>
      </c>
      <c r="DG22" s="317">
        <v>0</v>
      </c>
    </row>
    <row r="23" spans="1:111" ht="18.75" customHeight="1" x14ac:dyDescent="0.2">
      <c r="A23" s="296" t="s">
        <v>21</v>
      </c>
      <c r="B23" s="311">
        <v>0</v>
      </c>
      <c r="C23" s="315">
        <v>0</v>
      </c>
      <c r="D23" s="437">
        <v>0</v>
      </c>
      <c r="E23" s="314">
        <v>0</v>
      </c>
      <c r="F23" s="315">
        <v>195</v>
      </c>
      <c r="G23" s="315">
        <v>200</v>
      </c>
      <c r="H23" s="315">
        <v>328</v>
      </c>
      <c r="I23" s="315">
        <v>514</v>
      </c>
      <c r="J23" s="315">
        <v>492</v>
      </c>
      <c r="K23" s="316">
        <v>1729</v>
      </c>
      <c r="L23" s="317">
        <v>1729</v>
      </c>
      <c r="M23" s="311">
        <v>0</v>
      </c>
      <c r="N23" s="315">
        <v>0</v>
      </c>
      <c r="O23" s="312">
        <v>0</v>
      </c>
      <c r="P23" s="314">
        <v>0</v>
      </c>
      <c r="Q23" s="315">
        <v>0</v>
      </c>
      <c r="R23" s="315">
        <v>0</v>
      </c>
      <c r="S23" s="315">
        <v>0</v>
      </c>
      <c r="T23" s="315">
        <v>2</v>
      </c>
      <c r="U23" s="315">
        <v>4</v>
      </c>
      <c r="V23" s="312">
        <v>6</v>
      </c>
      <c r="W23" s="317">
        <v>6</v>
      </c>
      <c r="X23" s="311">
        <v>30</v>
      </c>
      <c r="Y23" s="315">
        <v>15</v>
      </c>
      <c r="Z23" s="312">
        <v>45</v>
      </c>
      <c r="AA23" s="314">
        <v>0</v>
      </c>
      <c r="AB23" s="315">
        <v>145</v>
      </c>
      <c r="AC23" s="315">
        <v>261</v>
      </c>
      <c r="AD23" s="315">
        <v>104</v>
      </c>
      <c r="AE23" s="315">
        <v>102</v>
      </c>
      <c r="AF23" s="315">
        <v>17</v>
      </c>
      <c r="AG23" s="312">
        <v>629</v>
      </c>
      <c r="AH23" s="317">
        <v>674</v>
      </c>
      <c r="AI23" s="311">
        <v>9</v>
      </c>
      <c r="AJ23" s="315">
        <v>6</v>
      </c>
      <c r="AK23" s="312">
        <v>15</v>
      </c>
      <c r="AL23" s="314">
        <v>0</v>
      </c>
      <c r="AM23" s="315">
        <v>32</v>
      </c>
      <c r="AN23" s="315">
        <v>48</v>
      </c>
      <c r="AO23" s="315">
        <v>0</v>
      </c>
      <c r="AP23" s="315">
        <v>0</v>
      </c>
      <c r="AQ23" s="315">
        <v>0</v>
      </c>
      <c r="AR23" s="312">
        <v>80</v>
      </c>
      <c r="AS23" s="317">
        <v>95</v>
      </c>
      <c r="AT23" s="311">
        <v>0</v>
      </c>
      <c r="AU23" s="315">
        <v>0</v>
      </c>
      <c r="AV23" s="312">
        <v>0</v>
      </c>
      <c r="AW23" s="314">
        <v>0</v>
      </c>
      <c r="AX23" s="315">
        <v>151</v>
      </c>
      <c r="AY23" s="315">
        <v>108</v>
      </c>
      <c r="AZ23" s="315">
        <v>88</v>
      </c>
      <c r="BA23" s="315">
        <v>21</v>
      </c>
      <c r="BB23" s="315">
        <v>17</v>
      </c>
      <c r="BC23" s="316">
        <v>385</v>
      </c>
      <c r="BD23" s="317">
        <v>385</v>
      </c>
      <c r="BE23" s="311">
        <v>0</v>
      </c>
      <c r="BF23" s="315">
        <v>0</v>
      </c>
      <c r="BG23" s="312">
        <v>0</v>
      </c>
      <c r="BH23" s="314">
        <v>0</v>
      </c>
      <c r="BI23" s="315">
        <v>41</v>
      </c>
      <c r="BJ23" s="315">
        <v>74</v>
      </c>
      <c r="BK23" s="315">
        <v>30</v>
      </c>
      <c r="BL23" s="315">
        <v>0</v>
      </c>
      <c r="BM23" s="315">
        <v>0</v>
      </c>
      <c r="BN23" s="312">
        <v>145</v>
      </c>
      <c r="BO23" s="317">
        <v>145</v>
      </c>
      <c r="BP23" s="311">
        <v>4</v>
      </c>
      <c r="BQ23" s="315">
        <v>5</v>
      </c>
      <c r="BR23" s="312">
        <v>9</v>
      </c>
      <c r="BS23" s="314">
        <v>0</v>
      </c>
      <c r="BT23" s="315">
        <v>9</v>
      </c>
      <c r="BU23" s="315">
        <v>36</v>
      </c>
      <c r="BV23" s="315">
        <v>139</v>
      </c>
      <c r="BW23" s="315">
        <v>79</v>
      </c>
      <c r="BX23" s="315">
        <v>1</v>
      </c>
      <c r="BY23" s="312">
        <v>264</v>
      </c>
      <c r="BZ23" s="317">
        <v>273</v>
      </c>
      <c r="CA23" s="311">
        <v>0</v>
      </c>
      <c r="CB23" s="315">
        <v>0</v>
      </c>
      <c r="CC23" s="312">
        <v>0</v>
      </c>
      <c r="CD23" s="314">
        <v>0</v>
      </c>
      <c r="CE23" s="315">
        <v>0</v>
      </c>
      <c r="CF23" s="315">
        <v>0</v>
      </c>
      <c r="CG23" s="315">
        <v>0</v>
      </c>
      <c r="CH23" s="315">
        <v>0</v>
      </c>
      <c r="CI23" s="315">
        <v>0</v>
      </c>
      <c r="CJ23" s="312">
        <v>0</v>
      </c>
      <c r="CK23" s="317">
        <v>0</v>
      </c>
      <c r="CL23" s="311">
        <v>0</v>
      </c>
      <c r="CM23" s="315">
        <v>0</v>
      </c>
      <c r="CN23" s="312">
        <v>0</v>
      </c>
      <c r="CO23" s="314">
        <v>0</v>
      </c>
      <c r="CP23" s="315">
        <v>0</v>
      </c>
      <c r="CQ23" s="315">
        <v>0</v>
      </c>
      <c r="CR23" s="315">
        <v>0</v>
      </c>
      <c r="CS23" s="315">
        <v>0</v>
      </c>
      <c r="CT23" s="315">
        <v>0</v>
      </c>
      <c r="CU23" s="312">
        <v>0</v>
      </c>
      <c r="CV23" s="317">
        <v>0</v>
      </c>
      <c r="CW23" s="311">
        <v>0</v>
      </c>
      <c r="CX23" s="315">
        <v>0</v>
      </c>
      <c r="CY23" s="312">
        <v>0</v>
      </c>
      <c r="CZ23" s="314">
        <v>0</v>
      </c>
      <c r="DA23" s="315">
        <v>0</v>
      </c>
      <c r="DB23" s="315">
        <v>0</v>
      </c>
      <c r="DC23" s="315">
        <v>0</v>
      </c>
      <c r="DD23" s="315">
        <v>0</v>
      </c>
      <c r="DE23" s="315">
        <v>0</v>
      </c>
      <c r="DF23" s="312">
        <v>0</v>
      </c>
      <c r="DG23" s="317">
        <v>0</v>
      </c>
    </row>
    <row r="24" spans="1:111" ht="18.75" customHeight="1" x14ac:dyDescent="0.2">
      <c r="A24" s="296" t="s">
        <v>22</v>
      </c>
      <c r="B24" s="311">
        <v>0</v>
      </c>
      <c r="C24" s="315">
        <v>0</v>
      </c>
      <c r="D24" s="437">
        <v>0</v>
      </c>
      <c r="E24" s="314">
        <v>0</v>
      </c>
      <c r="F24" s="315">
        <v>26</v>
      </c>
      <c r="G24" s="315">
        <v>57</v>
      </c>
      <c r="H24" s="315">
        <v>0</v>
      </c>
      <c r="I24" s="315">
        <v>52</v>
      </c>
      <c r="J24" s="315">
        <v>156</v>
      </c>
      <c r="K24" s="316">
        <v>291</v>
      </c>
      <c r="L24" s="317">
        <v>291</v>
      </c>
      <c r="M24" s="311">
        <v>0</v>
      </c>
      <c r="N24" s="315">
        <v>0</v>
      </c>
      <c r="O24" s="312">
        <v>0</v>
      </c>
      <c r="P24" s="314">
        <v>0</v>
      </c>
      <c r="Q24" s="315">
        <v>0</v>
      </c>
      <c r="R24" s="315">
        <v>0</v>
      </c>
      <c r="S24" s="315">
        <v>3</v>
      </c>
      <c r="T24" s="315">
        <v>0</v>
      </c>
      <c r="U24" s="315">
        <v>9</v>
      </c>
      <c r="V24" s="312">
        <v>12</v>
      </c>
      <c r="W24" s="317">
        <v>12</v>
      </c>
      <c r="X24" s="311">
        <v>4</v>
      </c>
      <c r="Y24" s="315">
        <v>0</v>
      </c>
      <c r="Z24" s="312">
        <v>4</v>
      </c>
      <c r="AA24" s="314">
        <v>0</v>
      </c>
      <c r="AB24" s="315">
        <v>6</v>
      </c>
      <c r="AC24" s="315">
        <v>19</v>
      </c>
      <c r="AD24" s="315">
        <v>6</v>
      </c>
      <c r="AE24" s="315">
        <v>27</v>
      </c>
      <c r="AF24" s="315">
        <v>18</v>
      </c>
      <c r="AG24" s="312">
        <v>76</v>
      </c>
      <c r="AH24" s="317">
        <v>80</v>
      </c>
      <c r="AI24" s="311">
        <v>12</v>
      </c>
      <c r="AJ24" s="315">
        <v>0</v>
      </c>
      <c r="AK24" s="312">
        <v>12</v>
      </c>
      <c r="AL24" s="314">
        <v>0</v>
      </c>
      <c r="AM24" s="315">
        <v>23</v>
      </c>
      <c r="AN24" s="315">
        <v>0</v>
      </c>
      <c r="AO24" s="315">
        <v>0</v>
      </c>
      <c r="AP24" s="315">
        <v>12</v>
      </c>
      <c r="AQ24" s="315">
        <v>18</v>
      </c>
      <c r="AR24" s="312">
        <v>53</v>
      </c>
      <c r="AS24" s="317">
        <v>65</v>
      </c>
      <c r="AT24" s="311">
        <v>0</v>
      </c>
      <c r="AU24" s="315">
        <v>0</v>
      </c>
      <c r="AV24" s="312">
        <v>0</v>
      </c>
      <c r="AW24" s="314">
        <v>0</v>
      </c>
      <c r="AX24" s="315">
        <v>94</v>
      </c>
      <c r="AY24" s="315">
        <v>127</v>
      </c>
      <c r="AZ24" s="315">
        <v>33</v>
      </c>
      <c r="BA24" s="315">
        <v>39</v>
      </c>
      <c r="BB24" s="315">
        <v>17</v>
      </c>
      <c r="BC24" s="316">
        <v>310</v>
      </c>
      <c r="BD24" s="317">
        <v>310</v>
      </c>
      <c r="BE24" s="311">
        <v>0</v>
      </c>
      <c r="BF24" s="315">
        <v>0</v>
      </c>
      <c r="BG24" s="312">
        <v>0</v>
      </c>
      <c r="BH24" s="314">
        <v>0</v>
      </c>
      <c r="BI24" s="315">
        <v>27</v>
      </c>
      <c r="BJ24" s="315">
        <v>5</v>
      </c>
      <c r="BK24" s="315">
        <v>4</v>
      </c>
      <c r="BL24" s="315">
        <v>4</v>
      </c>
      <c r="BM24" s="315">
        <v>12</v>
      </c>
      <c r="BN24" s="312">
        <v>52</v>
      </c>
      <c r="BO24" s="317">
        <v>52</v>
      </c>
      <c r="BP24" s="311">
        <v>0</v>
      </c>
      <c r="BQ24" s="315">
        <v>0</v>
      </c>
      <c r="BR24" s="312">
        <v>0</v>
      </c>
      <c r="BS24" s="314">
        <v>0</v>
      </c>
      <c r="BT24" s="315">
        <v>6</v>
      </c>
      <c r="BU24" s="315">
        <v>0</v>
      </c>
      <c r="BV24" s="315">
        <v>65</v>
      </c>
      <c r="BW24" s="315">
        <v>29</v>
      </c>
      <c r="BX24" s="315">
        <v>5</v>
      </c>
      <c r="BY24" s="312">
        <v>105</v>
      </c>
      <c r="BZ24" s="317">
        <v>105</v>
      </c>
      <c r="CA24" s="311">
        <v>0</v>
      </c>
      <c r="CB24" s="315">
        <v>0</v>
      </c>
      <c r="CC24" s="312">
        <v>0</v>
      </c>
      <c r="CD24" s="314">
        <v>0</v>
      </c>
      <c r="CE24" s="315">
        <v>0</v>
      </c>
      <c r="CF24" s="315">
        <v>0</v>
      </c>
      <c r="CG24" s="315">
        <v>4</v>
      </c>
      <c r="CH24" s="315">
        <v>0</v>
      </c>
      <c r="CI24" s="315">
        <v>0</v>
      </c>
      <c r="CJ24" s="312">
        <v>4</v>
      </c>
      <c r="CK24" s="317">
        <v>4</v>
      </c>
      <c r="CL24" s="311">
        <v>0</v>
      </c>
      <c r="CM24" s="315">
        <v>0</v>
      </c>
      <c r="CN24" s="312">
        <v>0</v>
      </c>
      <c r="CO24" s="314">
        <v>0</v>
      </c>
      <c r="CP24" s="315">
        <v>0</v>
      </c>
      <c r="CQ24" s="315">
        <v>0</v>
      </c>
      <c r="CR24" s="315">
        <v>0</v>
      </c>
      <c r="CS24" s="315">
        <v>0</v>
      </c>
      <c r="CT24" s="315">
        <v>0</v>
      </c>
      <c r="CU24" s="312">
        <v>0</v>
      </c>
      <c r="CV24" s="317">
        <v>0</v>
      </c>
      <c r="CW24" s="311">
        <v>0</v>
      </c>
      <c r="CX24" s="315">
        <v>0</v>
      </c>
      <c r="CY24" s="312">
        <v>0</v>
      </c>
      <c r="CZ24" s="314">
        <v>0</v>
      </c>
      <c r="DA24" s="315">
        <v>0</v>
      </c>
      <c r="DB24" s="315">
        <v>0</v>
      </c>
      <c r="DC24" s="315">
        <v>0</v>
      </c>
      <c r="DD24" s="315">
        <v>0</v>
      </c>
      <c r="DE24" s="315">
        <v>0</v>
      </c>
      <c r="DF24" s="312">
        <v>0</v>
      </c>
      <c r="DG24" s="317">
        <v>0</v>
      </c>
    </row>
    <row r="25" spans="1:111" ht="18.75" customHeight="1" x14ac:dyDescent="0.2">
      <c r="A25" s="296" t="s">
        <v>23</v>
      </c>
      <c r="B25" s="311">
        <v>0</v>
      </c>
      <c r="C25" s="315">
        <v>0</v>
      </c>
      <c r="D25" s="437">
        <v>0</v>
      </c>
      <c r="E25" s="314">
        <v>0</v>
      </c>
      <c r="F25" s="315">
        <v>49</v>
      </c>
      <c r="G25" s="315">
        <v>148</v>
      </c>
      <c r="H25" s="315">
        <v>184</v>
      </c>
      <c r="I25" s="315">
        <v>204</v>
      </c>
      <c r="J25" s="315">
        <v>172</v>
      </c>
      <c r="K25" s="316">
        <v>757</v>
      </c>
      <c r="L25" s="317">
        <v>757</v>
      </c>
      <c r="M25" s="311">
        <v>0</v>
      </c>
      <c r="N25" s="315">
        <v>0</v>
      </c>
      <c r="O25" s="312">
        <v>0</v>
      </c>
      <c r="P25" s="314">
        <v>0</v>
      </c>
      <c r="Q25" s="315">
        <v>1</v>
      </c>
      <c r="R25" s="315">
        <v>0</v>
      </c>
      <c r="S25" s="315">
        <v>0</v>
      </c>
      <c r="T25" s="315">
        <v>0</v>
      </c>
      <c r="U25" s="315">
        <v>0</v>
      </c>
      <c r="V25" s="312">
        <v>1</v>
      </c>
      <c r="W25" s="317">
        <v>1</v>
      </c>
      <c r="X25" s="311">
        <v>1</v>
      </c>
      <c r="Y25" s="315">
        <v>15</v>
      </c>
      <c r="Z25" s="312">
        <v>16</v>
      </c>
      <c r="AA25" s="314">
        <v>0</v>
      </c>
      <c r="AB25" s="315">
        <v>28</v>
      </c>
      <c r="AC25" s="315">
        <v>59</v>
      </c>
      <c r="AD25" s="315">
        <v>0</v>
      </c>
      <c r="AE25" s="315">
        <v>14</v>
      </c>
      <c r="AF25" s="315">
        <v>0</v>
      </c>
      <c r="AG25" s="312">
        <v>101</v>
      </c>
      <c r="AH25" s="317">
        <v>117</v>
      </c>
      <c r="AI25" s="311">
        <v>0</v>
      </c>
      <c r="AJ25" s="315">
        <v>0</v>
      </c>
      <c r="AK25" s="312">
        <v>0</v>
      </c>
      <c r="AL25" s="314">
        <v>0</v>
      </c>
      <c r="AM25" s="315">
        <v>12</v>
      </c>
      <c r="AN25" s="315">
        <v>26</v>
      </c>
      <c r="AO25" s="315">
        <v>0</v>
      </c>
      <c r="AP25" s="315">
        <v>0</v>
      </c>
      <c r="AQ25" s="315">
        <v>0</v>
      </c>
      <c r="AR25" s="312">
        <v>38</v>
      </c>
      <c r="AS25" s="317">
        <v>38</v>
      </c>
      <c r="AT25" s="311">
        <v>0</v>
      </c>
      <c r="AU25" s="315">
        <v>0</v>
      </c>
      <c r="AV25" s="312">
        <v>0</v>
      </c>
      <c r="AW25" s="314">
        <v>0</v>
      </c>
      <c r="AX25" s="315">
        <v>154</v>
      </c>
      <c r="AY25" s="315">
        <v>69</v>
      </c>
      <c r="AZ25" s="315">
        <v>54</v>
      </c>
      <c r="BA25" s="315">
        <v>28</v>
      </c>
      <c r="BB25" s="315">
        <v>5</v>
      </c>
      <c r="BC25" s="316">
        <v>310</v>
      </c>
      <c r="BD25" s="317">
        <v>310</v>
      </c>
      <c r="BE25" s="311">
        <v>0</v>
      </c>
      <c r="BF25" s="315">
        <v>0</v>
      </c>
      <c r="BG25" s="312">
        <v>0</v>
      </c>
      <c r="BH25" s="314">
        <v>0</v>
      </c>
      <c r="BI25" s="315">
        <v>17</v>
      </c>
      <c r="BJ25" s="315">
        <v>21</v>
      </c>
      <c r="BK25" s="315">
        <v>17</v>
      </c>
      <c r="BL25" s="315">
        <v>38</v>
      </c>
      <c r="BM25" s="315">
        <v>0</v>
      </c>
      <c r="BN25" s="312">
        <v>93</v>
      </c>
      <c r="BO25" s="317">
        <v>93</v>
      </c>
      <c r="BP25" s="311">
        <v>0</v>
      </c>
      <c r="BQ25" s="315">
        <v>0</v>
      </c>
      <c r="BR25" s="312">
        <v>0</v>
      </c>
      <c r="BS25" s="314">
        <v>0</v>
      </c>
      <c r="BT25" s="315">
        <v>0</v>
      </c>
      <c r="BU25" s="315">
        <v>5</v>
      </c>
      <c r="BV25" s="315">
        <v>34</v>
      </c>
      <c r="BW25" s="315">
        <v>36</v>
      </c>
      <c r="BX25" s="315">
        <v>0</v>
      </c>
      <c r="BY25" s="312">
        <v>75</v>
      </c>
      <c r="BZ25" s="317">
        <v>75</v>
      </c>
      <c r="CA25" s="311">
        <v>0</v>
      </c>
      <c r="CB25" s="315">
        <v>0</v>
      </c>
      <c r="CC25" s="312">
        <v>0</v>
      </c>
      <c r="CD25" s="314">
        <v>0</v>
      </c>
      <c r="CE25" s="315">
        <v>2</v>
      </c>
      <c r="CF25" s="315">
        <v>0</v>
      </c>
      <c r="CG25" s="315">
        <v>0</v>
      </c>
      <c r="CH25" s="315">
        <v>0</v>
      </c>
      <c r="CI25" s="315">
        <v>0</v>
      </c>
      <c r="CJ25" s="312">
        <v>2</v>
      </c>
      <c r="CK25" s="317">
        <v>2</v>
      </c>
      <c r="CL25" s="311">
        <v>0</v>
      </c>
      <c r="CM25" s="315">
        <v>0</v>
      </c>
      <c r="CN25" s="312">
        <v>0</v>
      </c>
      <c r="CO25" s="314">
        <v>0</v>
      </c>
      <c r="CP25" s="315">
        <v>0</v>
      </c>
      <c r="CQ25" s="315">
        <v>0</v>
      </c>
      <c r="CR25" s="315">
        <v>0</v>
      </c>
      <c r="CS25" s="315">
        <v>0</v>
      </c>
      <c r="CT25" s="315">
        <v>0</v>
      </c>
      <c r="CU25" s="312">
        <v>0</v>
      </c>
      <c r="CV25" s="317">
        <v>0</v>
      </c>
      <c r="CW25" s="311">
        <v>0</v>
      </c>
      <c r="CX25" s="315">
        <v>0</v>
      </c>
      <c r="CY25" s="312">
        <v>0</v>
      </c>
      <c r="CZ25" s="314">
        <v>0</v>
      </c>
      <c r="DA25" s="315">
        <v>0</v>
      </c>
      <c r="DB25" s="315">
        <v>0</v>
      </c>
      <c r="DC25" s="315">
        <v>0</v>
      </c>
      <c r="DD25" s="315">
        <v>0</v>
      </c>
      <c r="DE25" s="315">
        <v>0</v>
      </c>
      <c r="DF25" s="312">
        <v>0</v>
      </c>
      <c r="DG25" s="317">
        <v>0</v>
      </c>
    </row>
    <row r="26" spans="1:111" ht="18.75" customHeight="1" x14ac:dyDescent="0.2">
      <c r="A26" s="296" t="s">
        <v>24</v>
      </c>
      <c r="B26" s="311">
        <v>0</v>
      </c>
      <c r="C26" s="315">
        <v>0</v>
      </c>
      <c r="D26" s="437">
        <v>0</v>
      </c>
      <c r="E26" s="314">
        <v>0</v>
      </c>
      <c r="F26" s="315">
        <v>126</v>
      </c>
      <c r="G26" s="315">
        <v>164</v>
      </c>
      <c r="H26" s="315">
        <v>93</v>
      </c>
      <c r="I26" s="315">
        <v>371</v>
      </c>
      <c r="J26" s="315">
        <v>52</v>
      </c>
      <c r="K26" s="316">
        <v>806</v>
      </c>
      <c r="L26" s="317">
        <v>806</v>
      </c>
      <c r="M26" s="311">
        <v>0</v>
      </c>
      <c r="N26" s="315">
        <v>0</v>
      </c>
      <c r="O26" s="312">
        <v>0</v>
      </c>
      <c r="P26" s="314">
        <v>0</v>
      </c>
      <c r="Q26" s="315">
        <v>0</v>
      </c>
      <c r="R26" s="315">
        <v>3</v>
      </c>
      <c r="S26" s="315">
        <v>0</v>
      </c>
      <c r="T26" s="315">
        <v>6</v>
      </c>
      <c r="U26" s="315">
        <v>6</v>
      </c>
      <c r="V26" s="312">
        <v>15</v>
      </c>
      <c r="W26" s="317">
        <v>15</v>
      </c>
      <c r="X26" s="311">
        <v>31</v>
      </c>
      <c r="Y26" s="315">
        <v>14</v>
      </c>
      <c r="Z26" s="312">
        <v>45</v>
      </c>
      <c r="AA26" s="314">
        <v>0</v>
      </c>
      <c r="AB26" s="315">
        <v>76</v>
      </c>
      <c r="AC26" s="315">
        <v>29</v>
      </c>
      <c r="AD26" s="315">
        <v>43</v>
      </c>
      <c r="AE26" s="315">
        <v>43</v>
      </c>
      <c r="AF26" s="315">
        <v>43</v>
      </c>
      <c r="AG26" s="312">
        <v>234</v>
      </c>
      <c r="AH26" s="317">
        <v>279</v>
      </c>
      <c r="AI26" s="311">
        <v>12</v>
      </c>
      <c r="AJ26" s="315">
        <v>16</v>
      </c>
      <c r="AK26" s="312">
        <v>28</v>
      </c>
      <c r="AL26" s="314">
        <v>0</v>
      </c>
      <c r="AM26" s="315">
        <v>18</v>
      </c>
      <c r="AN26" s="315">
        <v>0</v>
      </c>
      <c r="AO26" s="315">
        <v>0</v>
      </c>
      <c r="AP26" s="315">
        <v>0</v>
      </c>
      <c r="AQ26" s="315">
        <v>0</v>
      </c>
      <c r="AR26" s="312">
        <v>18</v>
      </c>
      <c r="AS26" s="317">
        <v>46</v>
      </c>
      <c r="AT26" s="311">
        <v>0</v>
      </c>
      <c r="AU26" s="315">
        <v>0</v>
      </c>
      <c r="AV26" s="312">
        <v>0</v>
      </c>
      <c r="AW26" s="314">
        <v>0</v>
      </c>
      <c r="AX26" s="315">
        <v>64</v>
      </c>
      <c r="AY26" s="315">
        <v>63</v>
      </c>
      <c r="AZ26" s="315">
        <v>31</v>
      </c>
      <c r="BA26" s="315">
        <v>14</v>
      </c>
      <c r="BB26" s="315">
        <v>0</v>
      </c>
      <c r="BC26" s="316">
        <v>172</v>
      </c>
      <c r="BD26" s="317">
        <v>172</v>
      </c>
      <c r="BE26" s="311">
        <v>0</v>
      </c>
      <c r="BF26" s="315">
        <v>0</v>
      </c>
      <c r="BG26" s="312">
        <v>0</v>
      </c>
      <c r="BH26" s="314">
        <v>0</v>
      </c>
      <c r="BI26" s="315">
        <v>22</v>
      </c>
      <c r="BJ26" s="315">
        <v>33</v>
      </c>
      <c r="BK26" s="315">
        <v>29</v>
      </c>
      <c r="BL26" s="315">
        <v>0</v>
      </c>
      <c r="BM26" s="315">
        <v>0</v>
      </c>
      <c r="BN26" s="312">
        <v>84</v>
      </c>
      <c r="BO26" s="317">
        <v>84</v>
      </c>
      <c r="BP26" s="311">
        <v>4</v>
      </c>
      <c r="BQ26" s="315">
        <v>0</v>
      </c>
      <c r="BR26" s="312">
        <v>4</v>
      </c>
      <c r="BS26" s="314">
        <v>0</v>
      </c>
      <c r="BT26" s="315">
        <v>6</v>
      </c>
      <c r="BU26" s="315">
        <v>0</v>
      </c>
      <c r="BV26" s="315">
        <v>33</v>
      </c>
      <c r="BW26" s="315">
        <v>30</v>
      </c>
      <c r="BX26" s="315">
        <v>11</v>
      </c>
      <c r="BY26" s="312">
        <v>80</v>
      </c>
      <c r="BZ26" s="317">
        <v>84</v>
      </c>
      <c r="CA26" s="311">
        <v>0</v>
      </c>
      <c r="CB26" s="315">
        <v>0</v>
      </c>
      <c r="CC26" s="312">
        <v>0</v>
      </c>
      <c r="CD26" s="314">
        <v>0</v>
      </c>
      <c r="CE26" s="315">
        <v>0</v>
      </c>
      <c r="CF26" s="315">
        <v>0</v>
      </c>
      <c r="CG26" s="315">
        <v>0</v>
      </c>
      <c r="CH26" s="315">
        <v>0</v>
      </c>
      <c r="CI26" s="315">
        <v>0</v>
      </c>
      <c r="CJ26" s="312">
        <v>0</v>
      </c>
      <c r="CK26" s="317">
        <v>0</v>
      </c>
      <c r="CL26" s="311">
        <v>0</v>
      </c>
      <c r="CM26" s="315">
        <v>0</v>
      </c>
      <c r="CN26" s="312">
        <v>0</v>
      </c>
      <c r="CO26" s="314">
        <v>0</v>
      </c>
      <c r="CP26" s="315">
        <v>0</v>
      </c>
      <c r="CQ26" s="315">
        <v>0</v>
      </c>
      <c r="CR26" s="315">
        <v>0</v>
      </c>
      <c r="CS26" s="315">
        <v>0</v>
      </c>
      <c r="CT26" s="315">
        <v>0</v>
      </c>
      <c r="CU26" s="312">
        <v>0</v>
      </c>
      <c r="CV26" s="317">
        <v>0</v>
      </c>
      <c r="CW26" s="311">
        <v>0</v>
      </c>
      <c r="CX26" s="315">
        <v>0</v>
      </c>
      <c r="CY26" s="312">
        <v>0</v>
      </c>
      <c r="CZ26" s="314">
        <v>0</v>
      </c>
      <c r="DA26" s="315">
        <v>0</v>
      </c>
      <c r="DB26" s="315">
        <v>0</v>
      </c>
      <c r="DC26" s="315">
        <v>0</v>
      </c>
      <c r="DD26" s="315">
        <v>0</v>
      </c>
      <c r="DE26" s="315">
        <v>0</v>
      </c>
      <c r="DF26" s="312">
        <v>0</v>
      </c>
      <c r="DG26" s="317">
        <v>0</v>
      </c>
    </row>
    <row r="27" spans="1:111" ht="18.75" customHeight="1" x14ac:dyDescent="0.2">
      <c r="A27" s="296" t="s">
        <v>25</v>
      </c>
      <c r="B27" s="311">
        <v>0</v>
      </c>
      <c r="C27" s="315">
        <v>0</v>
      </c>
      <c r="D27" s="437">
        <v>0</v>
      </c>
      <c r="E27" s="314">
        <v>0</v>
      </c>
      <c r="F27" s="315">
        <v>48</v>
      </c>
      <c r="G27" s="315">
        <v>97</v>
      </c>
      <c r="H27" s="315">
        <v>79</v>
      </c>
      <c r="I27" s="315">
        <v>161</v>
      </c>
      <c r="J27" s="315">
        <v>8</v>
      </c>
      <c r="K27" s="316">
        <v>393</v>
      </c>
      <c r="L27" s="317">
        <v>393</v>
      </c>
      <c r="M27" s="311">
        <v>0</v>
      </c>
      <c r="N27" s="315">
        <v>0</v>
      </c>
      <c r="O27" s="312">
        <v>0</v>
      </c>
      <c r="P27" s="314">
        <v>0</v>
      </c>
      <c r="Q27" s="315">
        <v>4</v>
      </c>
      <c r="R27" s="315">
        <v>0</v>
      </c>
      <c r="S27" s="315">
        <v>0</v>
      </c>
      <c r="T27" s="315">
        <v>4</v>
      </c>
      <c r="U27" s="315">
        <v>8</v>
      </c>
      <c r="V27" s="312">
        <v>16</v>
      </c>
      <c r="W27" s="317">
        <v>16</v>
      </c>
      <c r="X27" s="311">
        <v>0</v>
      </c>
      <c r="Y27" s="315">
        <v>17</v>
      </c>
      <c r="Z27" s="312">
        <v>17</v>
      </c>
      <c r="AA27" s="314">
        <v>0</v>
      </c>
      <c r="AB27" s="315">
        <v>45</v>
      </c>
      <c r="AC27" s="315">
        <v>21</v>
      </c>
      <c r="AD27" s="315">
        <v>4</v>
      </c>
      <c r="AE27" s="315">
        <v>2</v>
      </c>
      <c r="AF27" s="315">
        <v>37</v>
      </c>
      <c r="AG27" s="312">
        <v>109</v>
      </c>
      <c r="AH27" s="317">
        <v>126</v>
      </c>
      <c r="AI27" s="311">
        <v>0</v>
      </c>
      <c r="AJ27" s="315">
        <v>14</v>
      </c>
      <c r="AK27" s="312">
        <v>14</v>
      </c>
      <c r="AL27" s="314">
        <v>0</v>
      </c>
      <c r="AM27" s="315">
        <v>8</v>
      </c>
      <c r="AN27" s="315">
        <v>0</v>
      </c>
      <c r="AO27" s="315">
        <v>3</v>
      </c>
      <c r="AP27" s="315">
        <v>0</v>
      </c>
      <c r="AQ27" s="315">
        <v>14</v>
      </c>
      <c r="AR27" s="312">
        <v>25</v>
      </c>
      <c r="AS27" s="317">
        <v>39</v>
      </c>
      <c r="AT27" s="311">
        <v>0</v>
      </c>
      <c r="AU27" s="315">
        <v>0</v>
      </c>
      <c r="AV27" s="312">
        <v>0</v>
      </c>
      <c r="AW27" s="314">
        <v>0</v>
      </c>
      <c r="AX27" s="315">
        <v>51</v>
      </c>
      <c r="AY27" s="315">
        <v>29</v>
      </c>
      <c r="AZ27" s="315">
        <v>0</v>
      </c>
      <c r="BA27" s="315">
        <v>33</v>
      </c>
      <c r="BB27" s="315">
        <v>5</v>
      </c>
      <c r="BC27" s="316">
        <v>118</v>
      </c>
      <c r="BD27" s="317">
        <v>118</v>
      </c>
      <c r="BE27" s="311">
        <v>0</v>
      </c>
      <c r="BF27" s="315">
        <v>0</v>
      </c>
      <c r="BG27" s="312">
        <v>0</v>
      </c>
      <c r="BH27" s="314">
        <v>0</v>
      </c>
      <c r="BI27" s="315">
        <v>13</v>
      </c>
      <c r="BJ27" s="315">
        <v>22</v>
      </c>
      <c r="BK27" s="315">
        <v>7</v>
      </c>
      <c r="BL27" s="315">
        <v>7</v>
      </c>
      <c r="BM27" s="315">
        <v>4</v>
      </c>
      <c r="BN27" s="312">
        <v>53</v>
      </c>
      <c r="BO27" s="317">
        <v>53</v>
      </c>
      <c r="BP27" s="311">
        <v>0</v>
      </c>
      <c r="BQ27" s="315">
        <v>0</v>
      </c>
      <c r="BR27" s="312">
        <v>0</v>
      </c>
      <c r="BS27" s="314">
        <v>0</v>
      </c>
      <c r="BT27" s="315">
        <v>12</v>
      </c>
      <c r="BU27" s="315">
        <v>0</v>
      </c>
      <c r="BV27" s="315">
        <v>6</v>
      </c>
      <c r="BW27" s="315">
        <v>6</v>
      </c>
      <c r="BX27" s="315">
        <v>0</v>
      </c>
      <c r="BY27" s="312">
        <v>24</v>
      </c>
      <c r="BZ27" s="317">
        <v>24</v>
      </c>
      <c r="CA27" s="311">
        <v>0</v>
      </c>
      <c r="CB27" s="315">
        <v>0</v>
      </c>
      <c r="CC27" s="312">
        <v>0</v>
      </c>
      <c r="CD27" s="314">
        <v>0</v>
      </c>
      <c r="CE27" s="315">
        <v>0</v>
      </c>
      <c r="CF27" s="315">
        <v>0</v>
      </c>
      <c r="CG27" s="315">
        <v>0</v>
      </c>
      <c r="CH27" s="315">
        <v>0</v>
      </c>
      <c r="CI27" s="315">
        <v>14</v>
      </c>
      <c r="CJ27" s="312">
        <v>14</v>
      </c>
      <c r="CK27" s="317">
        <v>14</v>
      </c>
      <c r="CL27" s="311">
        <v>0</v>
      </c>
      <c r="CM27" s="315">
        <v>0</v>
      </c>
      <c r="CN27" s="312">
        <v>0</v>
      </c>
      <c r="CO27" s="314">
        <v>0</v>
      </c>
      <c r="CP27" s="315">
        <v>0</v>
      </c>
      <c r="CQ27" s="315">
        <v>0</v>
      </c>
      <c r="CR27" s="315">
        <v>0</v>
      </c>
      <c r="CS27" s="315">
        <v>0</v>
      </c>
      <c r="CT27" s="315">
        <v>0</v>
      </c>
      <c r="CU27" s="312">
        <v>0</v>
      </c>
      <c r="CV27" s="317">
        <v>0</v>
      </c>
      <c r="CW27" s="311">
        <v>0</v>
      </c>
      <c r="CX27" s="315">
        <v>0</v>
      </c>
      <c r="CY27" s="312">
        <v>0</v>
      </c>
      <c r="CZ27" s="314">
        <v>0</v>
      </c>
      <c r="DA27" s="315">
        <v>0</v>
      </c>
      <c r="DB27" s="315">
        <v>0</v>
      </c>
      <c r="DC27" s="315">
        <v>0</v>
      </c>
      <c r="DD27" s="315">
        <v>0</v>
      </c>
      <c r="DE27" s="315">
        <v>0</v>
      </c>
      <c r="DF27" s="312">
        <v>0</v>
      </c>
      <c r="DG27" s="317">
        <v>0</v>
      </c>
    </row>
    <row r="28" spans="1:111" ht="18.75" customHeight="1" x14ac:dyDescent="0.2">
      <c r="A28" s="296" t="s">
        <v>26</v>
      </c>
      <c r="B28" s="311">
        <v>0</v>
      </c>
      <c r="C28" s="315">
        <v>0</v>
      </c>
      <c r="D28" s="437">
        <v>0</v>
      </c>
      <c r="E28" s="314">
        <v>0</v>
      </c>
      <c r="F28" s="315">
        <v>40</v>
      </c>
      <c r="G28" s="315">
        <v>187</v>
      </c>
      <c r="H28" s="315">
        <v>127</v>
      </c>
      <c r="I28" s="315">
        <v>207</v>
      </c>
      <c r="J28" s="315">
        <v>92</v>
      </c>
      <c r="K28" s="316">
        <v>653</v>
      </c>
      <c r="L28" s="317">
        <v>653</v>
      </c>
      <c r="M28" s="311">
        <v>0</v>
      </c>
      <c r="N28" s="315">
        <v>0</v>
      </c>
      <c r="O28" s="312">
        <v>0</v>
      </c>
      <c r="P28" s="314">
        <v>0</v>
      </c>
      <c r="Q28" s="315">
        <v>0</v>
      </c>
      <c r="R28" s="315">
        <v>0</v>
      </c>
      <c r="S28" s="315">
        <v>3</v>
      </c>
      <c r="T28" s="315">
        <v>11</v>
      </c>
      <c r="U28" s="315">
        <v>8</v>
      </c>
      <c r="V28" s="312">
        <v>22</v>
      </c>
      <c r="W28" s="317">
        <v>22</v>
      </c>
      <c r="X28" s="311">
        <v>0</v>
      </c>
      <c r="Y28" s="315">
        <v>6</v>
      </c>
      <c r="Z28" s="312">
        <v>6</v>
      </c>
      <c r="AA28" s="314">
        <v>0</v>
      </c>
      <c r="AB28" s="315">
        <v>24</v>
      </c>
      <c r="AC28" s="315">
        <v>21</v>
      </c>
      <c r="AD28" s="315">
        <v>43</v>
      </c>
      <c r="AE28" s="315">
        <v>15</v>
      </c>
      <c r="AF28" s="315">
        <v>31</v>
      </c>
      <c r="AG28" s="312">
        <v>134</v>
      </c>
      <c r="AH28" s="317">
        <v>140</v>
      </c>
      <c r="AI28" s="311">
        <v>0</v>
      </c>
      <c r="AJ28" s="315">
        <v>0</v>
      </c>
      <c r="AK28" s="312">
        <v>0</v>
      </c>
      <c r="AL28" s="314">
        <v>0</v>
      </c>
      <c r="AM28" s="315">
        <v>0</v>
      </c>
      <c r="AN28" s="315">
        <v>9</v>
      </c>
      <c r="AO28" s="315">
        <v>28</v>
      </c>
      <c r="AP28" s="315">
        <v>0</v>
      </c>
      <c r="AQ28" s="315">
        <v>0</v>
      </c>
      <c r="AR28" s="312">
        <v>37</v>
      </c>
      <c r="AS28" s="317">
        <v>37</v>
      </c>
      <c r="AT28" s="311">
        <v>0</v>
      </c>
      <c r="AU28" s="315">
        <v>0</v>
      </c>
      <c r="AV28" s="312">
        <v>0</v>
      </c>
      <c r="AW28" s="314">
        <v>0</v>
      </c>
      <c r="AX28" s="315">
        <v>69</v>
      </c>
      <c r="AY28" s="315">
        <v>104</v>
      </c>
      <c r="AZ28" s="315">
        <v>26</v>
      </c>
      <c r="BA28" s="315">
        <v>3</v>
      </c>
      <c r="BB28" s="315">
        <v>36</v>
      </c>
      <c r="BC28" s="316">
        <v>238</v>
      </c>
      <c r="BD28" s="317">
        <v>238</v>
      </c>
      <c r="BE28" s="311">
        <v>0</v>
      </c>
      <c r="BF28" s="315">
        <v>0</v>
      </c>
      <c r="BG28" s="312">
        <v>0</v>
      </c>
      <c r="BH28" s="314">
        <v>0</v>
      </c>
      <c r="BI28" s="315">
        <v>0</v>
      </c>
      <c r="BJ28" s="315">
        <v>26</v>
      </c>
      <c r="BK28" s="315">
        <v>24</v>
      </c>
      <c r="BL28" s="315">
        <v>0</v>
      </c>
      <c r="BM28" s="315">
        <v>0</v>
      </c>
      <c r="BN28" s="312">
        <v>50</v>
      </c>
      <c r="BO28" s="317">
        <v>50</v>
      </c>
      <c r="BP28" s="311">
        <v>0</v>
      </c>
      <c r="BQ28" s="315">
        <v>0</v>
      </c>
      <c r="BR28" s="312">
        <v>0</v>
      </c>
      <c r="BS28" s="314">
        <v>0</v>
      </c>
      <c r="BT28" s="315">
        <v>4</v>
      </c>
      <c r="BU28" s="315">
        <v>25</v>
      </c>
      <c r="BV28" s="315">
        <v>0</v>
      </c>
      <c r="BW28" s="315">
        <v>15</v>
      </c>
      <c r="BX28" s="315">
        <v>0</v>
      </c>
      <c r="BY28" s="312">
        <v>44</v>
      </c>
      <c r="BZ28" s="317">
        <v>44</v>
      </c>
      <c r="CA28" s="311">
        <v>0</v>
      </c>
      <c r="CB28" s="315">
        <v>0</v>
      </c>
      <c r="CC28" s="312">
        <v>0</v>
      </c>
      <c r="CD28" s="314">
        <v>0</v>
      </c>
      <c r="CE28" s="315">
        <v>0</v>
      </c>
      <c r="CF28" s="315">
        <v>0</v>
      </c>
      <c r="CG28" s="315">
        <v>4</v>
      </c>
      <c r="CH28" s="315">
        <v>0</v>
      </c>
      <c r="CI28" s="315">
        <v>0</v>
      </c>
      <c r="CJ28" s="312">
        <v>4</v>
      </c>
      <c r="CK28" s="317">
        <v>4</v>
      </c>
      <c r="CL28" s="311">
        <v>0</v>
      </c>
      <c r="CM28" s="315">
        <v>0</v>
      </c>
      <c r="CN28" s="312">
        <v>0</v>
      </c>
      <c r="CO28" s="314">
        <v>0</v>
      </c>
      <c r="CP28" s="315">
        <v>0</v>
      </c>
      <c r="CQ28" s="315">
        <v>0</v>
      </c>
      <c r="CR28" s="315">
        <v>0</v>
      </c>
      <c r="CS28" s="315">
        <v>0</v>
      </c>
      <c r="CT28" s="315">
        <v>0</v>
      </c>
      <c r="CU28" s="312">
        <v>0</v>
      </c>
      <c r="CV28" s="317">
        <v>0</v>
      </c>
      <c r="CW28" s="311">
        <v>0</v>
      </c>
      <c r="CX28" s="315">
        <v>0</v>
      </c>
      <c r="CY28" s="312">
        <v>0</v>
      </c>
      <c r="CZ28" s="314">
        <v>0</v>
      </c>
      <c r="DA28" s="315">
        <v>0</v>
      </c>
      <c r="DB28" s="315">
        <v>0</v>
      </c>
      <c r="DC28" s="315">
        <v>0</v>
      </c>
      <c r="DD28" s="315">
        <v>0</v>
      </c>
      <c r="DE28" s="315">
        <v>0</v>
      </c>
      <c r="DF28" s="312">
        <v>0</v>
      </c>
      <c r="DG28" s="317">
        <v>0</v>
      </c>
    </row>
    <row r="29" spans="1:111" ht="18.75" customHeight="1" x14ac:dyDescent="0.2">
      <c r="A29" s="296" t="s">
        <v>27</v>
      </c>
      <c r="B29" s="311">
        <v>0</v>
      </c>
      <c r="C29" s="315">
        <v>0</v>
      </c>
      <c r="D29" s="437">
        <v>0</v>
      </c>
      <c r="E29" s="314">
        <v>0</v>
      </c>
      <c r="F29" s="315">
        <v>40</v>
      </c>
      <c r="G29" s="315">
        <v>5</v>
      </c>
      <c r="H29" s="315">
        <v>249</v>
      </c>
      <c r="I29" s="315">
        <v>190</v>
      </c>
      <c r="J29" s="315">
        <v>0</v>
      </c>
      <c r="K29" s="316">
        <v>484</v>
      </c>
      <c r="L29" s="317">
        <v>484</v>
      </c>
      <c r="M29" s="311">
        <v>0</v>
      </c>
      <c r="N29" s="315">
        <v>0</v>
      </c>
      <c r="O29" s="312">
        <v>0</v>
      </c>
      <c r="P29" s="314">
        <v>0</v>
      </c>
      <c r="Q29" s="315">
        <v>0</v>
      </c>
      <c r="R29" s="315">
        <v>0</v>
      </c>
      <c r="S29" s="315">
        <v>0</v>
      </c>
      <c r="T29" s="315">
        <v>4</v>
      </c>
      <c r="U29" s="315">
        <v>4</v>
      </c>
      <c r="V29" s="312">
        <v>8</v>
      </c>
      <c r="W29" s="317">
        <v>8</v>
      </c>
      <c r="X29" s="311">
        <v>0</v>
      </c>
      <c r="Y29" s="315">
        <v>14</v>
      </c>
      <c r="Z29" s="312">
        <v>14</v>
      </c>
      <c r="AA29" s="314">
        <v>0</v>
      </c>
      <c r="AB29" s="315">
        <v>39</v>
      </c>
      <c r="AC29" s="315">
        <v>61</v>
      </c>
      <c r="AD29" s="315">
        <v>17</v>
      </c>
      <c r="AE29" s="315">
        <v>44</v>
      </c>
      <c r="AF29" s="315">
        <v>23</v>
      </c>
      <c r="AG29" s="312">
        <v>184</v>
      </c>
      <c r="AH29" s="317">
        <v>198</v>
      </c>
      <c r="AI29" s="311">
        <v>0</v>
      </c>
      <c r="AJ29" s="315">
        <v>12</v>
      </c>
      <c r="AK29" s="312">
        <v>12</v>
      </c>
      <c r="AL29" s="314">
        <v>0</v>
      </c>
      <c r="AM29" s="315">
        <v>0</v>
      </c>
      <c r="AN29" s="315">
        <v>0</v>
      </c>
      <c r="AO29" s="315">
        <v>0</v>
      </c>
      <c r="AP29" s="315">
        <v>0</v>
      </c>
      <c r="AQ29" s="315">
        <v>0</v>
      </c>
      <c r="AR29" s="312">
        <v>0</v>
      </c>
      <c r="AS29" s="317">
        <v>12</v>
      </c>
      <c r="AT29" s="311">
        <v>0</v>
      </c>
      <c r="AU29" s="315">
        <v>0</v>
      </c>
      <c r="AV29" s="312">
        <v>0</v>
      </c>
      <c r="AW29" s="314">
        <v>0</v>
      </c>
      <c r="AX29" s="315">
        <v>60</v>
      </c>
      <c r="AY29" s="315">
        <v>63</v>
      </c>
      <c r="AZ29" s="315">
        <v>62</v>
      </c>
      <c r="BA29" s="315">
        <v>50</v>
      </c>
      <c r="BB29" s="315">
        <v>27</v>
      </c>
      <c r="BC29" s="316">
        <v>262</v>
      </c>
      <c r="BD29" s="317">
        <v>262</v>
      </c>
      <c r="BE29" s="311">
        <v>0</v>
      </c>
      <c r="BF29" s="315">
        <v>0</v>
      </c>
      <c r="BG29" s="312">
        <v>0</v>
      </c>
      <c r="BH29" s="314">
        <v>0</v>
      </c>
      <c r="BI29" s="315">
        <v>4</v>
      </c>
      <c r="BJ29" s="315">
        <v>26</v>
      </c>
      <c r="BK29" s="315">
        <v>8</v>
      </c>
      <c r="BL29" s="315">
        <v>2</v>
      </c>
      <c r="BM29" s="315">
        <v>8</v>
      </c>
      <c r="BN29" s="312">
        <v>48</v>
      </c>
      <c r="BO29" s="317">
        <v>48</v>
      </c>
      <c r="BP29" s="311">
        <v>0</v>
      </c>
      <c r="BQ29" s="315">
        <v>0</v>
      </c>
      <c r="BR29" s="312">
        <v>0</v>
      </c>
      <c r="BS29" s="314">
        <v>0</v>
      </c>
      <c r="BT29" s="315">
        <v>22</v>
      </c>
      <c r="BU29" s="315">
        <v>14</v>
      </c>
      <c r="BV29" s="315">
        <v>3</v>
      </c>
      <c r="BW29" s="315">
        <v>0</v>
      </c>
      <c r="BX29" s="315">
        <v>3</v>
      </c>
      <c r="BY29" s="312">
        <v>42</v>
      </c>
      <c r="BZ29" s="317">
        <v>42</v>
      </c>
      <c r="CA29" s="311">
        <v>0</v>
      </c>
      <c r="CB29" s="315">
        <v>0</v>
      </c>
      <c r="CC29" s="312">
        <v>0</v>
      </c>
      <c r="CD29" s="314">
        <v>0</v>
      </c>
      <c r="CE29" s="315">
        <v>0</v>
      </c>
      <c r="CF29" s="315">
        <v>10</v>
      </c>
      <c r="CG29" s="315">
        <v>4</v>
      </c>
      <c r="CH29" s="315">
        <v>0</v>
      </c>
      <c r="CI29" s="315">
        <v>0</v>
      </c>
      <c r="CJ29" s="312">
        <v>14</v>
      </c>
      <c r="CK29" s="317">
        <v>14</v>
      </c>
      <c r="CL29" s="311">
        <v>0</v>
      </c>
      <c r="CM29" s="315">
        <v>0</v>
      </c>
      <c r="CN29" s="312">
        <v>0</v>
      </c>
      <c r="CO29" s="314">
        <v>0</v>
      </c>
      <c r="CP29" s="315">
        <v>0</v>
      </c>
      <c r="CQ29" s="315">
        <v>0</v>
      </c>
      <c r="CR29" s="315">
        <v>0</v>
      </c>
      <c r="CS29" s="315">
        <v>0</v>
      </c>
      <c r="CT29" s="315">
        <v>0</v>
      </c>
      <c r="CU29" s="312">
        <v>0</v>
      </c>
      <c r="CV29" s="317">
        <v>0</v>
      </c>
      <c r="CW29" s="311">
        <v>0</v>
      </c>
      <c r="CX29" s="315">
        <v>0</v>
      </c>
      <c r="CY29" s="312">
        <v>0</v>
      </c>
      <c r="CZ29" s="314">
        <v>0</v>
      </c>
      <c r="DA29" s="315">
        <v>0</v>
      </c>
      <c r="DB29" s="315">
        <v>0</v>
      </c>
      <c r="DC29" s="315">
        <v>0</v>
      </c>
      <c r="DD29" s="315">
        <v>0</v>
      </c>
      <c r="DE29" s="315">
        <v>0</v>
      </c>
      <c r="DF29" s="312">
        <v>0</v>
      </c>
      <c r="DG29" s="317">
        <v>0</v>
      </c>
    </row>
    <row r="30" spans="1:111" ht="18.75" customHeight="1" x14ac:dyDescent="0.2">
      <c r="A30" s="296" t="s">
        <v>28</v>
      </c>
      <c r="B30" s="311">
        <v>0</v>
      </c>
      <c r="C30" s="315">
        <v>0</v>
      </c>
      <c r="D30" s="437">
        <v>0</v>
      </c>
      <c r="E30" s="314">
        <v>0</v>
      </c>
      <c r="F30" s="315">
        <v>0</v>
      </c>
      <c r="G30" s="315">
        <v>3</v>
      </c>
      <c r="H30" s="315">
        <v>17</v>
      </c>
      <c r="I30" s="315">
        <v>0</v>
      </c>
      <c r="J30" s="315">
        <v>0</v>
      </c>
      <c r="K30" s="316">
        <v>20</v>
      </c>
      <c r="L30" s="317">
        <v>20</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0</v>
      </c>
      <c r="AC30" s="315">
        <v>17</v>
      </c>
      <c r="AD30" s="315">
        <v>4</v>
      </c>
      <c r="AE30" s="315">
        <v>0</v>
      </c>
      <c r="AF30" s="315">
        <v>12</v>
      </c>
      <c r="AG30" s="312">
        <v>33</v>
      </c>
      <c r="AH30" s="317">
        <v>33</v>
      </c>
      <c r="AI30" s="311">
        <v>0</v>
      </c>
      <c r="AJ30" s="315">
        <v>0</v>
      </c>
      <c r="AK30" s="312">
        <v>0</v>
      </c>
      <c r="AL30" s="314">
        <v>0</v>
      </c>
      <c r="AM30" s="315">
        <v>0</v>
      </c>
      <c r="AN30" s="315">
        <v>0</v>
      </c>
      <c r="AO30" s="315">
        <v>0</v>
      </c>
      <c r="AP30" s="315">
        <v>0</v>
      </c>
      <c r="AQ30" s="315">
        <v>0</v>
      </c>
      <c r="AR30" s="312">
        <v>0</v>
      </c>
      <c r="AS30" s="317">
        <v>0</v>
      </c>
      <c r="AT30" s="311">
        <v>0</v>
      </c>
      <c r="AU30" s="315">
        <v>0</v>
      </c>
      <c r="AV30" s="312">
        <v>0</v>
      </c>
      <c r="AW30" s="314">
        <v>0</v>
      </c>
      <c r="AX30" s="315">
        <v>25</v>
      </c>
      <c r="AY30" s="315">
        <v>0</v>
      </c>
      <c r="AZ30" s="315">
        <v>0</v>
      </c>
      <c r="BA30" s="315">
        <v>0</v>
      </c>
      <c r="BB30" s="315">
        <v>0</v>
      </c>
      <c r="BC30" s="316">
        <v>25</v>
      </c>
      <c r="BD30" s="317">
        <v>25</v>
      </c>
      <c r="BE30" s="311">
        <v>0</v>
      </c>
      <c r="BF30" s="315">
        <v>0</v>
      </c>
      <c r="BG30" s="312">
        <v>0</v>
      </c>
      <c r="BH30" s="314">
        <v>0</v>
      </c>
      <c r="BI30" s="315">
        <v>0</v>
      </c>
      <c r="BJ30" s="315">
        <v>0</v>
      </c>
      <c r="BK30" s="315">
        <v>0</v>
      </c>
      <c r="BL30" s="315">
        <v>0</v>
      </c>
      <c r="BM30" s="315">
        <v>0</v>
      </c>
      <c r="BN30" s="312">
        <v>0</v>
      </c>
      <c r="BO30" s="317">
        <v>0</v>
      </c>
      <c r="BP30" s="311">
        <v>0</v>
      </c>
      <c r="BQ30" s="315">
        <v>0</v>
      </c>
      <c r="BR30" s="312">
        <v>0</v>
      </c>
      <c r="BS30" s="314">
        <v>0</v>
      </c>
      <c r="BT30" s="315">
        <v>0</v>
      </c>
      <c r="BU30" s="315">
        <v>0</v>
      </c>
      <c r="BV30" s="315">
        <v>0</v>
      </c>
      <c r="BW30" s="315">
        <v>0</v>
      </c>
      <c r="BX30" s="315">
        <v>3</v>
      </c>
      <c r="BY30" s="312">
        <v>3</v>
      </c>
      <c r="BZ30" s="317">
        <v>3</v>
      </c>
      <c r="CA30" s="311">
        <v>0</v>
      </c>
      <c r="CB30" s="315">
        <v>0</v>
      </c>
      <c r="CC30" s="312">
        <v>0</v>
      </c>
      <c r="CD30" s="314">
        <v>0</v>
      </c>
      <c r="CE30" s="315">
        <v>0</v>
      </c>
      <c r="CF30" s="315">
        <v>0</v>
      </c>
      <c r="CG30" s="315">
        <v>0</v>
      </c>
      <c r="CH30" s="315">
        <v>0</v>
      </c>
      <c r="CI30" s="315">
        <v>0</v>
      </c>
      <c r="CJ30" s="312">
        <v>0</v>
      </c>
      <c r="CK30" s="317">
        <v>0</v>
      </c>
      <c r="CL30" s="311">
        <v>0</v>
      </c>
      <c r="CM30" s="315">
        <v>0</v>
      </c>
      <c r="CN30" s="312">
        <v>0</v>
      </c>
      <c r="CO30" s="314">
        <v>0</v>
      </c>
      <c r="CP30" s="315">
        <v>0</v>
      </c>
      <c r="CQ30" s="315">
        <v>0</v>
      </c>
      <c r="CR30" s="315">
        <v>0</v>
      </c>
      <c r="CS30" s="315">
        <v>0</v>
      </c>
      <c r="CT30" s="315">
        <v>0</v>
      </c>
      <c r="CU30" s="312">
        <v>0</v>
      </c>
      <c r="CV30" s="317">
        <v>0</v>
      </c>
      <c r="CW30" s="311">
        <v>0</v>
      </c>
      <c r="CX30" s="315">
        <v>0</v>
      </c>
      <c r="CY30" s="312">
        <v>0</v>
      </c>
      <c r="CZ30" s="314">
        <v>0</v>
      </c>
      <c r="DA30" s="315">
        <v>0</v>
      </c>
      <c r="DB30" s="315">
        <v>0</v>
      </c>
      <c r="DC30" s="315">
        <v>0</v>
      </c>
      <c r="DD30" s="315">
        <v>0</v>
      </c>
      <c r="DE30" s="315">
        <v>0</v>
      </c>
      <c r="DF30" s="312">
        <v>0</v>
      </c>
      <c r="DG30" s="317">
        <v>0</v>
      </c>
    </row>
    <row r="31" spans="1:111" ht="18.75" customHeight="1" x14ac:dyDescent="0.2">
      <c r="A31" s="296" t="s">
        <v>29</v>
      </c>
      <c r="B31" s="311">
        <v>0</v>
      </c>
      <c r="C31" s="315">
        <v>0</v>
      </c>
      <c r="D31" s="437">
        <v>0</v>
      </c>
      <c r="E31" s="314">
        <v>0</v>
      </c>
      <c r="F31" s="315">
        <v>0</v>
      </c>
      <c r="G31" s="315">
        <v>28</v>
      </c>
      <c r="H31" s="315">
        <v>0</v>
      </c>
      <c r="I31" s="315">
        <v>62</v>
      </c>
      <c r="J31" s="315">
        <v>0</v>
      </c>
      <c r="K31" s="316">
        <v>90</v>
      </c>
      <c r="L31" s="317">
        <v>90</v>
      </c>
      <c r="M31" s="311">
        <v>0</v>
      </c>
      <c r="N31" s="315">
        <v>0</v>
      </c>
      <c r="O31" s="312">
        <v>0</v>
      </c>
      <c r="P31" s="314">
        <v>0</v>
      </c>
      <c r="Q31" s="315">
        <v>0</v>
      </c>
      <c r="R31" s="315">
        <v>0</v>
      </c>
      <c r="S31" s="315">
        <v>0</v>
      </c>
      <c r="T31" s="315">
        <v>0</v>
      </c>
      <c r="U31" s="315">
        <v>5</v>
      </c>
      <c r="V31" s="312">
        <v>5</v>
      </c>
      <c r="W31" s="317">
        <v>5</v>
      </c>
      <c r="X31" s="311">
        <v>0</v>
      </c>
      <c r="Y31" s="315">
        <v>2</v>
      </c>
      <c r="Z31" s="312">
        <v>2</v>
      </c>
      <c r="AA31" s="314">
        <v>0</v>
      </c>
      <c r="AB31" s="315">
        <v>0</v>
      </c>
      <c r="AC31" s="315">
        <v>0</v>
      </c>
      <c r="AD31" s="315">
        <v>0</v>
      </c>
      <c r="AE31" s="315">
        <v>0</v>
      </c>
      <c r="AF31" s="315">
        <v>4</v>
      </c>
      <c r="AG31" s="312">
        <v>4</v>
      </c>
      <c r="AH31" s="317">
        <v>6</v>
      </c>
      <c r="AI31" s="311">
        <v>0</v>
      </c>
      <c r="AJ31" s="315">
        <v>0</v>
      </c>
      <c r="AK31" s="312">
        <v>0</v>
      </c>
      <c r="AL31" s="314">
        <v>0</v>
      </c>
      <c r="AM31" s="315">
        <v>0</v>
      </c>
      <c r="AN31" s="315">
        <v>0</v>
      </c>
      <c r="AO31" s="315">
        <v>0</v>
      </c>
      <c r="AP31" s="315">
        <v>0</v>
      </c>
      <c r="AQ31" s="315">
        <v>0</v>
      </c>
      <c r="AR31" s="312">
        <v>0</v>
      </c>
      <c r="AS31" s="317">
        <v>0</v>
      </c>
      <c r="AT31" s="311">
        <v>0</v>
      </c>
      <c r="AU31" s="315">
        <v>0</v>
      </c>
      <c r="AV31" s="312">
        <v>0</v>
      </c>
      <c r="AW31" s="314">
        <v>0</v>
      </c>
      <c r="AX31" s="315">
        <v>24</v>
      </c>
      <c r="AY31" s="315">
        <v>4</v>
      </c>
      <c r="AZ31" s="315">
        <v>17</v>
      </c>
      <c r="BA31" s="315">
        <v>0</v>
      </c>
      <c r="BB31" s="315">
        <v>9</v>
      </c>
      <c r="BC31" s="316">
        <v>54</v>
      </c>
      <c r="BD31" s="317">
        <v>54</v>
      </c>
      <c r="BE31" s="311">
        <v>0</v>
      </c>
      <c r="BF31" s="315">
        <v>0</v>
      </c>
      <c r="BG31" s="312">
        <v>0</v>
      </c>
      <c r="BH31" s="314">
        <v>0</v>
      </c>
      <c r="BI31" s="315">
        <v>0</v>
      </c>
      <c r="BJ31" s="315">
        <v>4</v>
      </c>
      <c r="BK31" s="315">
        <v>3</v>
      </c>
      <c r="BL31" s="315">
        <v>4</v>
      </c>
      <c r="BM31" s="315">
        <v>0</v>
      </c>
      <c r="BN31" s="312">
        <v>11</v>
      </c>
      <c r="BO31" s="317">
        <v>11</v>
      </c>
      <c r="BP31" s="311">
        <v>0</v>
      </c>
      <c r="BQ31" s="315">
        <v>0</v>
      </c>
      <c r="BR31" s="312">
        <v>0</v>
      </c>
      <c r="BS31" s="314">
        <v>0</v>
      </c>
      <c r="BT31" s="315">
        <v>0</v>
      </c>
      <c r="BU31" s="315">
        <v>0</v>
      </c>
      <c r="BV31" s="315">
        <v>0</v>
      </c>
      <c r="BW31" s="315">
        <v>0</v>
      </c>
      <c r="BX31" s="315">
        <v>12</v>
      </c>
      <c r="BY31" s="312">
        <v>12</v>
      </c>
      <c r="BZ31" s="317">
        <v>12</v>
      </c>
      <c r="CA31" s="311">
        <v>0</v>
      </c>
      <c r="CB31" s="315">
        <v>0</v>
      </c>
      <c r="CC31" s="312">
        <v>0</v>
      </c>
      <c r="CD31" s="314">
        <v>0</v>
      </c>
      <c r="CE31" s="315">
        <v>0</v>
      </c>
      <c r="CF31" s="315">
        <v>0</v>
      </c>
      <c r="CG31" s="315">
        <v>0</v>
      </c>
      <c r="CH31" s="315">
        <v>8</v>
      </c>
      <c r="CI31" s="315">
        <v>0</v>
      </c>
      <c r="CJ31" s="312">
        <v>8</v>
      </c>
      <c r="CK31" s="317">
        <v>8</v>
      </c>
      <c r="CL31" s="311">
        <v>0</v>
      </c>
      <c r="CM31" s="315">
        <v>0</v>
      </c>
      <c r="CN31" s="312">
        <v>0</v>
      </c>
      <c r="CO31" s="314">
        <v>0</v>
      </c>
      <c r="CP31" s="315">
        <v>0</v>
      </c>
      <c r="CQ31" s="315">
        <v>0</v>
      </c>
      <c r="CR31" s="315">
        <v>0</v>
      </c>
      <c r="CS31" s="315">
        <v>0</v>
      </c>
      <c r="CT31" s="315">
        <v>0</v>
      </c>
      <c r="CU31" s="312">
        <v>0</v>
      </c>
      <c r="CV31" s="317">
        <v>0</v>
      </c>
      <c r="CW31" s="311">
        <v>0</v>
      </c>
      <c r="CX31" s="315">
        <v>0</v>
      </c>
      <c r="CY31" s="312">
        <v>0</v>
      </c>
      <c r="CZ31" s="314">
        <v>0</v>
      </c>
      <c r="DA31" s="315">
        <v>0</v>
      </c>
      <c r="DB31" s="315">
        <v>0</v>
      </c>
      <c r="DC31" s="315">
        <v>0</v>
      </c>
      <c r="DD31" s="315">
        <v>0</v>
      </c>
      <c r="DE31" s="315">
        <v>0</v>
      </c>
      <c r="DF31" s="312">
        <v>0</v>
      </c>
      <c r="DG31" s="317">
        <v>0</v>
      </c>
    </row>
    <row r="32" spans="1:111" ht="18.75" customHeight="1" x14ac:dyDescent="0.2">
      <c r="A32" s="296" t="s">
        <v>30</v>
      </c>
      <c r="B32" s="311">
        <v>0</v>
      </c>
      <c r="C32" s="315">
        <v>0</v>
      </c>
      <c r="D32" s="437">
        <v>0</v>
      </c>
      <c r="E32" s="314">
        <v>0</v>
      </c>
      <c r="F32" s="315">
        <v>19</v>
      </c>
      <c r="G32" s="315">
        <v>20</v>
      </c>
      <c r="H32" s="315">
        <v>3</v>
      </c>
      <c r="I32" s="315">
        <v>51</v>
      </c>
      <c r="J32" s="315">
        <v>0</v>
      </c>
      <c r="K32" s="316">
        <v>93</v>
      </c>
      <c r="L32" s="317">
        <v>93</v>
      </c>
      <c r="M32" s="311">
        <v>0</v>
      </c>
      <c r="N32" s="315">
        <v>0</v>
      </c>
      <c r="O32" s="312">
        <v>0</v>
      </c>
      <c r="P32" s="314">
        <v>0</v>
      </c>
      <c r="Q32" s="315">
        <v>0</v>
      </c>
      <c r="R32" s="315">
        <v>0</v>
      </c>
      <c r="S32" s="315">
        <v>0</v>
      </c>
      <c r="T32" s="315">
        <v>9</v>
      </c>
      <c r="U32" s="315">
        <v>0</v>
      </c>
      <c r="V32" s="312">
        <v>9</v>
      </c>
      <c r="W32" s="317">
        <v>9</v>
      </c>
      <c r="X32" s="311">
        <v>0</v>
      </c>
      <c r="Y32" s="315">
        <v>0</v>
      </c>
      <c r="Z32" s="312">
        <v>0</v>
      </c>
      <c r="AA32" s="314">
        <v>0</v>
      </c>
      <c r="AB32" s="315">
        <v>3</v>
      </c>
      <c r="AC32" s="315">
        <v>0</v>
      </c>
      <c r="AD32" s="315">
        <v>0</v>
      </c>
      <c r="AE32" s="315">
        <v>8</v>
      </c>
      <c r="AF32" s="315">
        <v>0</v>
      </c>
      <c r="AG32" s="312">
        <v>11</v>
      </c>
      <c r="AH32" s="317">
        <v>11</v>
      </c>
      <c r="AI32" s="311">
        <v>0</v>
      </c>
      <c r="AJ32" s="315">
        <v>0</v>
      </c>
      <c r="AK32" s="312">
        <v>0</v>
      </c>
      <c r="AL32" s="314">
        <v>0</v>
      </c>
      <c r="AM32" s="315">
        <v>0</v>
      </c>
      <c r="AN32" s="315">
        <v>0</v>
      </c>
      <c r="AO32" s="315">
        <v>0</v>
      </c>
      <c r="AP32" s="315">
        <v>0</v>
      </c>
      <c r="AQ32" s="315">
        <v>0</v>
      </c>
      <c r="AR32" s="312">
        <v>0</v>
      </c>
      <c r="AS32" s="317">
        <v>0</v>
      </c>
      <c r="AT32" s="311">
        <v>0</v>
      </c>
      <c r="AU32" s="315">
        <v>0</v>
      </c>
      <c r="AV32" s="312">
        <v>0</v>
      </c>
      <c r="AW32" s="314">
        <v>0</v>
      </c>
      <c r="AX32" s="315">
        <v>0</v>
      </c>
      <c r="AY32" s="315">
        <v>0</v>
      </c>
      <c r="AZ32" s="315">
        <v>0</v>
      </c>
      <c r="BA32" s="315">
        <v>12</v>
      </c>
      <c r="BB32" s="315">
        <v>0</v>
      </c>
      <c r="BC32" s="316">
        <v>12</v>
      </c>
      <c r="BD32" s="317">
        <v>12</v>
      </c>
      <c r="BE32" s="311">
        <v>0</v>
      </c>
      <c r="BF32" s="315">
        <v>0</v>
      </c>
      <c r="BG32" s="312">
        <v>0</v>
      </c>
      <c r="BH32" s="314">
        <v>0</v>
      </c>
      <c r="BI32" s="315">
        <v>6</v>
      </c>
      <c r="BJ32" s="315">
        <v>0</v>
      </c>
      <c r="BK32" s="315">
        <v>0</v>
      </c>
      <c r="BL32" s="315">
        <v>0</v>
      </c>
      <c r="BM32" s="315">
        <v>0</v>
      </c>
      <c r="BN32" s="312">
        <v>6</v>
      </c>
      <c r="BO32" s="317">
        <v>6</v>
      </c>
      <c r="BP32" s="311">
        <v>0</v>
      </c>
      <c r="BQ32" s="315">
        <v>0</v>
      </c>
      <c r="BR32" s="312">
        <v>0</v>
      </c>
      <c r="BS32" s="314">
        <v>0</v>
      </c>
      <c r="BT32" s="315">
        <v>4</v>
      </c>
      <c r="BU32" s="315">
        <v>0</v>
      </c>
      <c r="BV32" s="315">
        <v>30</v>
      </c>
      <c r="BW32" s="315">
        <v>8</v>
      </c>
      <c r="BX32" s="315">
        <v>0</v>
      </c>
      <c r="BY32" s="312">
        <v>42</v>
      </c>
      <c r="BZ32" s="317">
        <v>42</v>
      </c>
      <c r="CA32" s="311">
        <v>0</v>
      </c>
      <c r="CB32" s="315">
        <v>0</v>
      </c>
      <c r="CC32" s="312">
        <v>0</v>
      </c>
      <c r="CD32" s="314">
        <v>0</v>
      </c>
      <c r="CE32" s="315">
        <v>0</v>
      </c>
      <c r="CF32" s="315">
        <v>0</v>
      </c>
      <c r="CG32" s="315">
        <v>0</v>
      </c>
      <c r="CH32" s="315">
        <v>0</v>
      </c>
      <c r="CI32" s="315">
        <v>0</v>
      </c>
      <c r="CJ32" s="312">
        <v>0</v>
      </c>
      <c r="CK32" s="317">
        <v>0</v>
      </c>
      <c r="CL32" s="311">
        <v>0</v>
      </c>
      <c r="CM32" s="315">
        <v>0</v>
      </c>
      <c r="CN32" s="312">
        <v>0</v>
      </c>
      <c r="CO32" s="314">
        <v>0</v>
      </c>
      <c r="CP32" s="315">
        <v>0</v>
      </c>
      <c r="CQ32" s="315">
        <v>0</v>
      </c>
      <c r="CR32" s="315">
        <v>0</v>
      </c>
      <c r="CS32" s="315">
        <v>0</v>
      </c>
      <c r="CT32" s="315">
        <v>0</v>
      </c>
      <c r="CU32" s="312">
        <v>0</v>
      </c>
      <c r="CV32" s="317">
        <v>0</v>
      </c>
      <c r="CW32" s="311">
        <v>0</v>
      </c>
      <c r="CX32" s="315">
        <v>0</v>
      </c>
      <c r="CY32" s="312">
        <v>0</v>
      </c>
      <c r="CZ32" s="314">
        <v>0</v>
      </c>
      <c r="DA32" s="315">
        <v>0</v>
      </c>
      <c r="DB32" s="315">
        <v>0</v>
      </c>
      <c r="DC32" s="315">
        <v>0</v>
      </c>
      <c r="DD32" s="315">
        <v>0</v>
      </c>
      <c r="DE32" s="315">
        <v>0</v>
      </c>
      <c r="DF32" s="312">
        <v>0</v>
      </c>
      <c r="DG32" s="317">
        <v>0</v>
      </c>
    </row>
    <row r="33" spans="1:111" ht="18.75" customHeight="1" x14ac:dyDescent="0.2">
      <c r="A33" s="296" t="s">
        <v>31</v>
      </c>
      <c r="B33" s="311">
        <v>0</v>
      </c>
      <c r="C33" s="315">
        <v>0</v>
      </c>
      <c r="D33" s="437">
        <v>0</v>
      </c>
      <c r="E33" s="314">
        <v>0</v>
      </c>
      <c r="F33" s="315">
        <v>10</v>
      </c>
      <c r="G33" s="315">
        <v>0</v>
      </c>
      <c r="H33" s="315">
        <v>13</v>
      </c>
      <c r="I33" s="315">
        <v>0</v>
      </c>
      <c r="J33" s="315">
        <v>0</v>
      </c>
      <c r="K33" s="316">
        <v>23</v>
      </c>
      <c r="L33" s="317">
        <v>23</v>
      </c>
      <c r="M33" s="311">
        <v>0</v>
      </c>
      <c r="N33" s="315">
        <v>0</v>
      </c>
      <c r="O33" s="312">
        <v>0</v>
      </c>
      <c r="P33" s="314">
        <v>0</v>
      </c>
      <c r="Q33" s="315">
        <v>0</v>
      </c>
      <c r="R33" s="315">
        <v>4</v>
      </c>
      <c r="S33" s="315">
        <v>8</v>
      </c>
      <c r="T33" s="315">
        <v>0</v>
      </c>
      <c r="U33" s="315">
        <v>0</v>
      </c>
      <c r="V33" s="312">
        <v>12</v>
      </c>
      <c r="W33" s="317">
        <v>12</v>
      </c>
      <c r="X33" s="311">
        <v>0</v>
      </c>
      <c r="Y33" s="315">
        <v>0</v>
      </c>
      <c r="Z33" s="312">
        <v>0</v>
      </c>
      <c r="AA33" s="314">
        <v>0</v>
      </c>
      <c r="AB33" s="315">
        <v>3</v>
      </c>
      <c r="AC33" s="315">
        <v>0</v>
      </c>
      <c r="AD33" s="315">
        <v>3</v>
      </c>
      <c r="AE33" s="315">
        <v>0</v>
      </c>
      <c r="AF33" s="315">
        <v>0</v>
      </c>
      <c r="AG33" s="312">
        <v>6</v>
      </c>
      <c r="AH33" s="317">
        <v>6</v>
      </c>
      <c r="AI33" s="311">
        <v>0</v>
      </c>
      <c r="AJ33" s="315">
        <v>0</v>
      </c>
      <c r="AK33" s="312">
        <v>0</v>
      </c>
      <c r="AL33" s="314">
        <v>0</v>
      </c>
      <c r="AM33" s="315">
        <v>0</v>
      </c>
      <c r="AN33" s="315">
        <v>44</v>
      </c>
      <c r="AO33" s="315">
        <v>0</v>
      </c>
      <c r="AP33" s="315">
        <v>0</v>
      </c>
      <c r="AQ33" s="315">
        <v>0</v>
      </c>
      <c r="AR33" s="312">
        <v>44</v>
      </c>
      <c r="AS33" s="317">
        <v>44</v>
      </c>
      <c r="AT33" s="311">
        <v>0</v>
      </c>
      <c r="AU33" s="315">
        <v>0</v>
      </c>
      <c r="AV33" s="312">
        <v>0</v>
      </c>
      <c r="AW33" s="314">
        <v>0</v>
      </c>
      <c r="AX33" s="315">
        <v>34</v>
      </c>
      <c r="AY33" s="315">
        <v>49</v>
      </c>
      <c r="AZ33" s="315">
        <v>5</v>
      </c>
      <c r="BA33" s="315">
        <v>0</v>
      </c>
      <c r="BB33" s="315">
        <v>0</v>
      </c>
      <c r="BC33" s="316">
        <v>88</v>
      </c>
      <c r="BD33" s="317">
        <v>88</v>
      </c>
      <c r="BE33" s="311">
        <v>0</v>
      </c>
      <c r="BF33" s="315">
        <v>0</v>
      </c>
      <c r="BG33" s="312">
        <v>0</v>
      </c>
      <c r="BH33" s="314">
        <v>0</v>
      </c>
      <c r="BI33" s="315">
        <v>0</v>
      </c>
      <c r="BJ33" s="315">
        <v>15</v>
      </c>
      <c r="BK33" s="315">
        <v>11</v>
      </c>
      <c r="BL33" s="315">
        <v>0</v>
      </c>
      <c r="BM33" s="315">
        <v>0</v>
      </c>
      <c r="BN33" s="312">
        <v>26</v>
      </c>
      <c r="BO33" s="317">
        <v>26</v>
      </c>
      <c r="BP33" s="311">
        <v>0</v>
      </c>
      <c r="BQ33" s="315">
        <v>0</v>
      </c>
      <c r="BR33" s="312">
        <v>0</v>
      </c>
      <c r="BS33" s="314">
        <v>0</v>
      </c>
      <c r="BT33" s="315">
        <v>7</v>
      </c>
      <c r="BU33" s="315">
        <v>17</v>
      </c>
      <c r="BV33" s="315">
        <v>4</v>
      </c>
      <c r="BW33" s="315">
        <v>0</v>
      </c>
      <c r="BX33" s="315">
        <v>0</v>
      </c>
      <c r="BY33" s="312">
        <v>28</v>
      </c>
      <c r="BZ33" s="317">
        <v>28</v>
      </c>
      <c r="CA33" s="311">
        <v>0</v>
      </c>
      <c r="CB33" s="315">
        <v>0</v>
      </c>
      <c r="CC33" s="312">
        <v>0</v>
      </c>
      <c r="CD33" s="314">
        <v>0</v>
      </c>
      <c r="CE33" s="315">
        <v>0</v>
      </c>
      <c r="CF33" s="315">
        <v>0</v>
      </c>
      <c r="CG33" s="315">
        <v>0</v>
      </c>
      <c r="CH33" s="315">
        <v>0</v>
      </c>
      <c r="CI33" s="315">
        <v>0</v>
      </c>
      <c r="CJ33" s="312">
        <v>0</v>
      </c>
      <c r="CK33" s="317">
        <v>0</v>
      </c>
      <c r="CL33" s="311">
        <v>0</v>
      </c>
      <c r="CM33" s="315">
        <v>0</v>
      </c>
      <c r="CN33" s="312">
        <v>0</v>
      </c>
      <c r="CO33" s="314">
        <v>0</v>
      </c>
      <c r="CP33" s="315">
        <v>0</v>
      </c>
      <c r="CQ33" s="315">
        <v>0</v>
      </c>
      <c r="CR33" s="315">
        <v>0</v>
      </c>
      <c r="CS33" s="315">
        <v>0</v>
      </c>
      <c r="CT33" s="315">
        <v>0</v>
      </c>
      <c r="CU33" s="312">
        <v>0</v>
      </c>
      <c r="CV33" s="317">
        <v>0</v>
      </c>
      <c r="CW33" s="311">
        <v>0</v>
      </c>
      <c r="CX33" s="315">
        <v>0</v>
      </c>
      <c r="CY33" s="312">
        <v>0</v>
      </c>
      <c r="CZ33" s="314">
        <v>0</v>
      </c>
      <c r="DA33" s="315">
        <v>0</v>
      </c>
      <c r="DB33" s="315">
        <v>0</v>
      </c>
      <c r="DC33" s="315">
        <v>0</v>
      </c>
      <c r="DD33" s="315">
        <v>0</v>
      </c>
      <c r="DE33" s="315">
        <v>0</v>
      </c>
      <c r="DF33" s="312">
        <v>0</v>
      </c>
      <c r="DG33" s="317">
        <v>0</v>
      </c>
    </row>
    <row r="34" spans="1:111" ht="18.75" customHeight="1" x14ac:dyDescent="0.2">
      <c r="A34" s="296" t="s">
        <v>32</v>
      </c>
      <c r="B34" s="311">
        <v>0</v>
      </c>
      <c r="C34" s="315">
        <v>0</v>
      </c>
      <c r="D34" s="437">
        <v>0</v>
      </c>
      <c r="E34" s="314">
        <v>0</v>
      </c>
      <c r="F34" s="315">
        <v>4</v>
      </c>
      <c r="G34" s="315">
        <v>36</v>
      </c>
      <c r="H34" s="315">
        <v>16</v>
      </c>
      <c r="I34" s="315">
        <v>170</v>
      </c>
      <c r="J34" s="315">
        <v>0</v>
      </c>
      <c r="K34" s="316">
        <v>226</v>
      </c>
      <c r="L34" s="317">
        <v>226</v>
      </c>
      <c r="M34" s="311">
        <v>0</v>
      </c>
      <c r="N34" s="315">
        <v>0</v>
      </c>
      <c r="O34" s="312">
        <v>0</v>
      </c>
      <c r="P34" s="314">
        <v>0</v>
      </c>
      <c r="Q34" s="315">
        <v>0</v>
      </c>
      <c r="R34" s="315">
        <v>0</v>
      </c>
      <c r="S34" s="315">
        <v>3</v>
      </c>
      <c r="T34" s="315">
        <v>0</v>
      </c>
      <c r="U34" s="315">
        <v>0</v>
      </c>
      <c r="V34" s="312">
        <v>3</v>
      </c>
      <c r="W34" s="317">
        <v>3</v>
      </c>
      <c r="X34" s="311">
        <v>0</v>
      </c>
      <c r="Y34" s="315">
        <v>2</v>
      </c>
      <c r="Z34" s="312">
        <v>2</v>
      </c>
      <c r="AA34" s="314">
        <v>0</v>
      </c>
      <c r="AB34" s="315">
        <v>24</v>
      </c>
      <c r="AC34" s="315">
        <v>17</v>
      </c>
      <c r="AD34" s="315">
        <v>12</v>
      </c>
      <c r="AE34" s="315">
        <v>0</v>
      </c>
      <c r="AF34" s="315">
        <v>6</v>
      </c>
      <c r="AG34" s="312">
        <v>59</v>
      </c>
      <c r="AH34" s="317">
        <v>61</v>
      </c>
      <c r="AI34" s="311">
        <v>0</v>
      </c>
      <c r="AJ34" s="315">
        <v>0</v>
      </c>
      <c r="AK34" s="312">
        <v>0</v>
      </c>
      <c r="AL34" s="314">
        <v>0</v>
      </c>
      <c r="AM34" s="315">
        <v>0</v>
      </c>
      <c r="AN34" s="315">
        <v>0</v>
      </c>
      <c r="AO34" s="315">
        <v>0</v>
      </c>
      <c r="AP34" s="315">
        <v>0</v>
      </c>
      <c r="AQ34" s="315">
        <v>0</v>
      </c>
      <c r="AR34" s="312">
        <v>0</v>
      </c>
      <c r="AS34" s="317">
        <v>0</v>
      </c>
      <c r="AT34" s="311">
        <v>0</v>
      </c>
      <c r="AU34" s="315">
        <v>0</v>
      </c>
      <c r="AV34" s="312">
        <v>0</v>
      </c>
      <c r="AW34" s="314">
        <v>0</v>
      </c>
      <c r="AX34" s="315">
        <v>31</v>
      </c>
      <c r="AY34" s="315">
        <v>9</v>
      </c>
      <c r="AZ34" s="315">
        <v>16</v>
      </c>
      <c r="BA34" s="315">
        <v>0</v>
      </c>
      <c r="BB34" s="315">
        <v>0</v>
      </c>
      <c r="BC34" s="316">
        <v>56</v>
      </c>
      <c r="BD34" s="317">
        <v>56</v>
      </c>
      <c r="BE34" s="311">
        <v>0</v>
      </c>
      <c r="BF34" s="315">
        <v>0</v>
      </c>
      <c r="BG34" s="312">
        <v>0</v>
      </c>
      <c r="BH34" s="314">
        <v>0</v>
      </c>
      <c r="BI34" s="315">
        <v>20</v>
      </c>
      <c r="BJ34" s="315">
        <v>0</v>
      </c>
      <c r="BK34" s="315">
        <v>0</v>
      </c>
      <c r="BL34" s="315">
        <v>0</v>
      </c>
      <c r="BM34" s="315">
        <v>11</v>
      </c>
      <c r="BN34" s="312">
        <v>31</v>
      </c>
      <c r="BO34" s="317">
        <v>31</v>
      </c>
      <c r="BP34" s="311">
        <v>0</v>
      </c>
      <c r="BQ34" s="315">
        <v>0</v>
      </c>
      <c r="BR34" s="312">
        <v>0</v>
      </c>
      <c r="BS34" s="314">
        <v>0</v>
      </c>
      <c r="BT34" s="315">
        <v>2</v>
      </c>
      <c r="BU34" s="315">
        <v>0</v>
      </c>
      <c r="BV34" s="315">
        <v>6</v>
      </c>
      <c r="BW34" s="315">
        <v>0</v>
      </c>
      <c r="BX34" s="315">
        <v>0</v>
      </c>
      <c r="BY34" s="312">
        <v>8</v>
      </c>
      <c r="BZ34" s="317">
        <v>8</v>
      </c>
      <c r="CA34" s="311">
        <v>0</v>
      </c>
      <c r="CB34" s="315">
        <v>0</v>
      </c>
      <c r="CC34" s="312">
        <v>0</v>
      </c>
      <c r="CD34" s="314">
        <v>0</v>
      </c>
      <c r="CE34" s="315">
        <v>0</v>
      </c>
      <c r="CF34" s="315">
        <v>0</v>
      </c>
      <c r="CG34" s="315">
        <v>0</v>
      </c>
      <c r="CH34" s="315">
        <v>0</v>
      </c>
      <c r="CI34" s="315">
        <v>0</v>
      </c>
      <c r="CJ34" s="312">
        <v>0</v>
      </c>
      <c r="CK34" s="317">
        <v>0</v>
      </c>
      <c r="CL34" s="311">
        <v>0</v>
      </c>
      <c r="CM34" s="315">
        <v>0</v>
      </c>
      <c r="CN34" s="312">
        <v>0</v>
      </c>
      <c r="CO34" s="314">
        <v>0</v>
      </c>
      <c r="CP34" s="315">
        <v>0</v>
      </c>
      <c r="CQ34" s="315">
        <v>0</v>
      </c>
      <c r="CR34" s="315">
        <v>0</v>
      </c>
      <c r="CS34" s="315">
        <v>0</v>
      </c>
      <c r="CT34" s="315">
        <v>0</v>
      </c>
      <c r="CU34" s="312">
        <v>0</v>
      </c>
      <c r="CV34" s="317">
        <v>0</v>
      </c>
      <c r="CW34" s="311">
        <v>0</v>
      </c>
      <c r="CX34" s="315">
        <v>0</v>
      </c>
      <c r="CY34" s="312">
        <v>0</v>
      </c>
      <c r="CZ34" s="314">
        <v>0</v>
      </c>
      <c r="DA34" s="315">
        <v>0</v>
      </c>
      <c r="DB34" s="315">
        <v>0</v>
      </c>
      <c r="DC34" s="315">
        <v>0</v>
      </c>
      <c r="DD34" s="315">
        <v>0</v>
      </c>
      <c r="DE34" s="315">
        <v>0</v>
      </c>
      <c r="DF34" s="312">
        <v>0</v>
      </c>
      <c r="DG34" s="317">
        <v>0</v>
      </c>
    </row>
    <row r="35" spans="1:111" ht="18.75" customHeight="1" x14ac:dyDescent="0.2">
      <c r="A35" s="296" t="s">
        <v>33</v>
      </c>
      <c r="B35" s="311">
        <v>0</v>
      </c>
      <c r="C35" s="315">
        <v>0</v>
      </c>
      <c r="D35" s="437">
        <v>0</v>
      </c>
      <c r="E35" s="314">
        <v>0</v>
      </c>
      <c r="F35" s="315">
        <v>5</v>
      </c>
      <c r="G35" s="315">
        <v>0</v>
      </c>
      <c r="H35" s="315">
        <v>0</v>
      </c>
      <c r="I35" s="315">
        <v>0</v>
      </c>
      <c r="J35" s="315">
        <v>0</v>
      </c>
      <c r="K35" s="316">
        <v>5</v>
      </c>
      <c r="L35" s="317">
        <v>5</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0</v>
      </c>
      <c r="AC35" s="315">
        <v>0</v>
      </c>
      <c r="AD35" s="315">
        <v>12</v>
      </c>
      <c r="AE35" s="315">
        <v>0</v>
      </c>
      <c r="AF35" s="315">
        <v>0</v>
      </c>
      <c r="AG35" s="312">
        <v>12</v>
      </c>
      <c r="AH35" s="317">
        <v>12</v>
      </c>
      <c r="AI35" s="311">
        <v>21</v>
      </c>
      <c r="AJ35" s="315">
        <v>18</v>
      </c>
      <c r="AK35" s="312">
        <v>39</v>
      </c>
      <c r="AL35" s="314">
        <v>0</v>
      </c>
      <c r="AM35" s="315">
        <v>0</v>
      </c>
      <c r="AN35" s="315">
        <v>0</v>
      </c>
      <c r="AO35" s="315">
        <v>0</v>
      </c>
      <c r="AP35" s="315">
        <v>0</v>
      </c>
      <c r="AQ35" s="315">
        <v>0</v>
      </c>
      <c r="AR35" s="312">
        <v>0</v>
      </c>
      <c r="AS35" s="317">
        <v>39</v>
      </c>
      <c r="AT35" s="311">
        <v>0</v>
      </c>
      <c r="AU35" s="315">
        <v>0</v>
      </c>
      <c r="AV35" s="312">
        <v>0</v>
      </c>
      <c r="AW35" s="314">
        <v>0</v>
      </c>
      <c r="AX35" s="315">
        <v>0</v>
      </c>
      <c r="AY35" s="315">
        <v>0</v>
      </c>
      <c r="AZ35" s="315">
        <v>0</v>
      </c>
      <c r="BA35" s="315">
        <v>0</v>
      </c>
      <c r="BB35" s="315">
        <v>0</v>
      </c>
      <c r="BC35" s="316">
        <v>0</v>
      </c>
      <c r="BD35" s="317">
        <v>0</v>
      </c>
      <c r="BE35" s="311">
        <v>0</v>
      </c>
      <c r="BF35" s="315">
        <v>0</v>
      </c>
      <c r="BG35" s="312">
        <v>0</v>
      </c>
      <c r="BH35" s="314">
        <v>0</v>
      </c>
      <c r="BI35" s="315">
        <v>1</v>
      </c>
      <c r="BJ35" s="315">
        <v>16</v>
      </c>
      <c r="BK35" s="315">
        <v>0</v>
      </c>
      <c r="BL35" s="315">
        <v>0</v>
      </c>
      <c r="BM35" s="315">
        <v>0</v>
      </c>
      <c r="BN35" s="312">
        <v>17</v>
      </c>
      <c r="BO35" s="317">
        <v>17</v>
      </c>
      <c r="BP35" s="311">
        <v>0</v>
      </c>
      <c r="BQ35" s="315">
        <v>0</v>
      </c>
      <c r="BR35" s="312">
        <v>0</v>
      </c>
      <c r="BS35" s="314">
        <v>0</v>
      </c>
      <c r="BT35" s="315">
        <v>0</v>
      </c>
      <c r="BU35" s="315">
        <v>0</v>
      </c>
      <c r="BV35" s="315">
        <v>0</v>
      </c>
      <c r="BW35" s="315">
        <v>0</v>
      </c>
      <c r="BX35" s="315">
        <v>0</v>
      </c>
      <c r="BY35" s="312">
        <v>0</v>
      </c>
      <c r="BZ35" s="317">
        <v>0</v>
      </c>
      <c r="CA35" s="311">
        <v>0</v>
      </c>
      <c r="CB35" s="315">
        <v>0</v>
      </c>
      <c r="CC35" s="312">
        <v>0</v>
      </c>
      <c r="CD35" s="314">
        <v>0</v>
      </c>
      <c r="CE35" s="315">
        <v>0</v>
      </c>
      <c r="CF35" s="315">
        <v>6</v>
      </c>
      <c r="CG35" s="315">
        <v>0</v>
      </c>
      <c r="CH35" s="315">
        <v>0</v>
      </c>
      <c r="CI35" s="315">
        <v>0</v>
      </c>
      <c r="CJ35" s="312">
        <v>6</v>
      </c>
      <c r="CK35" s="317">
        <v>6</v>
      </c>
      <c r="CL35" s="311">
        <v>0</v>
      </c>
      <c r="CM35" s="315">
        <v>0</v>
      </c>
      <c r="CN35" s="312">
        <v>0</v>
      </c>
      <c r="CO35" s="314">
        <v>0</v>
      </c>
      <c r="CP35" s="315">
        <v>0</v>
      </c>
      <c r="CQ35" s="315">
        <v>0</v>
      </c>
      <c r="CR35" s="315">
        <v>0</v>
      </c>
      <c r="CS35" s="315">
        <v>0</v>
      </c>
      <c r="CT35" s="315">
        <v>0</v>
      </c>
      <c r="CU35" s="312">
        <v>0</v>
      </c>
      <c r="CV35" s="317">
        <v>0</v>
      </c>
      <c r="CW35" s="311">
        <v>0</v>
      </c>
      <c r="CX35" s="315">
        <v>0</v>
      </c>
      <c r="CY35" s="312">
        <v>0</v>
      </c>
      <c r="CZ35" s="314">
        <v>0</v>
      </c>
      <c r="DA35" s="315">
        <v>0</v>
      </c>
      <c r="DB35" s="315">
        <v>0</v>
      </c>
      <c r="DC35" s="315">
        <v>0</v>
      </c>
      <c r="DD35" s="315">
        <v>0</v>
      </c>
      <c r="DE35" s="315">
        <v>0</v>
      </c>
      <c r="DF35" s="312">
        <v>0</v>
      </c>
      <c r="DG35" s="317">
        <v>0</v>
      </c>
    </row>
    <row r="36" spans="1:111" ht="18.75" customHeight="1" x14ac:dyDescent="0.2">
      <c r="A36" s="296" t="s">
        <v>34</v>
      </c>
      <c r="B36" s="311">
        <v>0</v>
      </c>
      <c r="C36" s="315">
        <v>0</v>
      </c>
      <c r="D36" s="437">
        <v>0</v>
      </c>
      <c r="E36" s="314">
        <v>0</v>
      </c>
      <c r="F36" s="315">
        <v>9</v>
      </c>
      <c r="G36" s="315">
        <v>22</v>
      </c>
      <c r="H36" s="315">
        <v>7</v>
      </c>
      <c r="I36" s="315">
        <v>0</v>
      </c>
      <c r="J36" s="315">
        <v>0</v>
      </c>
      <c r="K36" s="316">
        <v>38</v>
      </c>
      <c r="L36" s="317">
        <v>38</v>
      </c>
      <c r="M36" s="311">
        <v>0</v>
      </c>
      <c r="N36" s="315">
        <v>0</v>
      </c>
      <c r="O36" s="312">
        <v>0</v>
      </c>
      <c r="P36" s="314">
        <v>0</v>
      </c>
      <c r="Q36" s="315">
        <v>0</v>
      </c>
      <c r="R36" s="315">
        <v>0</v>
      </c>
      <c r="S36" s="315">
        <v>0</v>
      </c>
      <c r="T36" s="315">
        <v>0</v>
      </c>
      <c r="U36" s="315">
        <v>0</v>
      </c>
      <c r="V36" s="312">
        <v>0</v>
      </c>
      <c r="W36" s="317">
        <v>0</v>
      </c>
      <c r="X36" s="311">
        <v>0</v>
      </c>
      <c r="Y36" s="315">
        <v>9</v>
      </c>
      <c r="Z36" s="312">
        <v>9</v>
      </c>
      <c r="AA36" s="314">
        <v>0</v>
      </c>
      <c r="AB36" s="315">
        <v>0</v>
      </c>
      <c r="AC36" s="315">
        <v>0</v>
      </c>
      <c r="AD36" s="315">
        <v>7</v>
      </c>
      <c r="AE36" s="315">
        <v>0</v>
      </c>
      <c r="AF36" s="315">
        <v>0</v>
      </c>
      <c r="AG36" s="312">
        <v>7</v>
      </c>
      <c r="AH36" s="317">
        <v>16</v>
      </c>
      <c r="AI36" s="311">
        <v>0</v>
      </c>
      <c r="AJ36" s="315">
        <v>0</v>
      </c>
      <c r="AK36" s="312">
        <v>0</v>
      </c>
      <c r="AL36" s="314">
        <v>0</v>
      </c>
      <c r="AM36" s="315">
        <v>0</v>
      </c>
      <c r="AN36" s="315">
        <v>5</v>
      </c>
      <c r="AO36" s="315">
        <v>0</v>
      </c>
      <c r="AP36" s="315">
        <v>0</v>
      </c>
      <c r="AQ36" s="315">
        <v>0</v>
      </c>
      <c r="AR36" s="312">
        <v>5</v>
      </c>
      <c r="AS36" s="317">
        <v>5</v>
      </c>
      <c r="AT36" s="311">
        <v>0</v>
      </c>
      <c r="AU36" s="315">
        <v>0</v>
      </c>
      <c r="AV36" s="312">
        <v>0</v>
      </c>
      <c r="AW36" s="314">
        <v>0</v>
      </c>
      <c r="AX36" s="315">
        <v>11</v>
      </c>
      <c r="AY36" s="315">
        <v>22</v>
      </c>
      <c r="AZ36" s="315">
        <v>0</v>
      </c>
      <c r="BA36" s="315">
        <v>0</v>
      </c>
      <c r="BB36" s="315">
        <v>0</v>
      </c>
      <c r="BC36" s="316">
        <v>33</v>
      </c>
      <c r="BD36" s="317">
        <v>33</v>
      </c>
      <c r="BE36" s="311">
        <v>0</v>
      </c>
      <c r="BF36" s="315">
        <v>0</v>
      </c>
      <c r="BG36" s="312">
        <v>0</v>
      </c>
      <c r="BH36" s="314">
        <v>0</v>
      </c>
      <c r="BI36" s="315">
        <v>20</v>
      </c>
      <c r="BJ36" s="315">
        <v>0</v>
      </c>
      <c r="BK36" s="315">
        <v>0</v>
      </c>
      <c r="BL36" s="315">
        <v>0</v>
      </c>
      <c r="BM36" s="315">
        <v>0</v>
      </c>
      <c r="BN36" s="312">
        <v>20</v>
      </c>
      <c r="BO36" s="317">
        <v>20</v>
      </c>
      <c r="BP36" s="311">
        <v>0</v>
      </c>
      <c r="BQ36" s="315">
        <v>0</v>
      </c>
      <c r="BR36" s="312">
        <v>0</v>
      </c>
      <c r="BS36" s="314">
        <v>0</v>
      </c>
      <c r="BT36" s="315">
        <v>0</v>
      </c>
      <c r="BU36" s="315">
        <v>0</v>
      </c>
      <c r="BV36" s="315">
        <v>0</v>
      </c>
      <c r="BW36" s="315">
        <v>0</v>
      </c>
      <c r="BX36" s="315">
        <v>0</v>
      </c>
      <c r="BY36" s="312">
        <v>0</v>
      </c>
      <c r="BZ36" s="317">
        <v>0</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0</v>
      </c>
      <c r="CQ36" s="315">
        <v>0</v>
      </c>
      <c r="CR36" s="315">
        <v>0</v>
      </c>
      <c r="CS36" s="315">
        <v>0</v>
      </c>
      <c r="CT36" s="315">
        <v>0</v>
      </c>
      <c r="CU36" s="312">
        <v>0</v>
      </c>
      <c r="CV36" s="317">
        <v>0</v>
      </c>
      <c r="CW36" s="311">
        <v>0</v>
      </c>
      <c r="CX36" s="315">
        <v>0</v>
      </c>
      <c r="CY36" s="312">
        <v>0</v>
      </c>
      <c r="CZ36" s="314">
        <v>0</v>
      </c>
      <c r="DA36" s="315">
        <v>0</v>
      </c>
      <c r="DB36" s="315">
        <v>0</v>
      </c>
      <c r="DC36" s="315">
        <v>0</v>
      </c>
      <c r="DD36" s="315">
        <v>0</v>
      </c>
      <c r="DE36" s="315">
        <v>0</v>
      </c>
      <c r="DF36" s="312">
        <v>0</v>
      </c>
      <c r="DG36" s="317">
        <v>0</v>
      </c>
    </row>
    <row r="37" spans="1:111" ht="18.75" customHeight="1" x14ac:dyDescent="0.2">
      <c r="A37" s="296" t="s">
        <v>35</v>
      </c>
      <c r="B37" s="311">
        <v>0</v>
      </c>
      <c r="C37" s="315">
        <v>0</v>
      </c>
      <c r="D37" s="437">
        <v>0</v>
      </c>
      <c r="E37" s="314">
        <v>0</v>
      </c>
      <c r="F37" s="315">
        <v>43</v>
      </c>
      <c r="G37" s="315">
        <v>112</v>
      </c>
      <c r="H37" s="315">
        <v>0</v>
      </c>
      <c r="I37" s="315">
        <v>0</v>
      </c>
      <c r="J37" s="315">
        <v>88</v>
      </c>
      <c r="K37" s="316">
        <v>243</v>
      </c>
      <c r="L37" s="317">
        <v>243</v>
      </c>
      <c r="M37" s="311">
        <v>0</v>
      </c>
      <c r="N37" s="315">
        <v>0</v>
      </c>
      <c r="O37" s="312">
        <v>0</v>
      </c>
      <c r="P37" s="314">
        <v>0</v>
      </c>
      <c r="Q37" s="315">
        <v>0</v>
      </c>
      <c r="R37" s="315">
        <v>0</v>
      </c>
      <c r="S37" s="315">
        <v>0</v>
      </c>
      <c r="T37" s="315">
        <v>0</v>
      </c>
      <c r="U37" s="315">
        <v>9</v>
      </c>
      <c r="V37" s="312">
        <v>9</v>
      </c>
      <c r="W37" s="317">
        <v>9</v>
      </c>
      <c r="X37" s="311">
        <v>0</v>
      </c>
      <c r="Y37" s="315">
        <v>0</v>
      </c>
      <c r="Z37" s="312">
        <v>0</v>
      </c>
      <c r="AA37" s="314">
        <v>0</v>
      </c>
      <c r="AB37" s="315">
        <v>0</v>
      </c>
      <c r="AC37" s="315">
        <v>38</v>
      </c>
      <c r="AD37" s="315">
        <v>0</v>
      </c>
      <c r="AE37" s="315">
        <v>0</v>
      </c>
      <c r="AF37" s="315">
        <v>0</v>
      </c>
      <c r="AG37" s="312">
        <v>38</v>
      </c>
      <c r="AH37" s="317">
        <v>38</v>
      </c>
      <c r="AI37" s="311">
        <v>0</v>
      </c>
      <c r="AJ37" s="315">
        <v>0</v>
      </c>
      <c r="AK37" s="312">
        <v>0</v>
      </c>
      <c r="AL37" s="314">
        <v>0</v>
      </c>
      <c r="AM37" s="315">
        <v>20</v>
      </c>
      <c r="AN37" s="315">
        <v>12</v>
      </c>
      <c r="AO37" s="315">
        <v>0</v>
      </c>
      <c r="AP37" s="315">
        <v>0</v>
      </c>
      <c r="AQ37" s="315">
        <v>0</v>
      </c>
      <c r="AR37" s="312">
        <v>32</v>
      </c>
      <c r="AS37" s="317">
        <v>32</v>
      </c>
      <c r="AT37" s="311">
        <v>0</v>
      </c>
      <c r="AU37" s="315">
        <v>0</v>
      </c>
      <c r="AV37" s="312">
        <v>0</v>
      </c>
      <c r="AW37" s="314">
        <v>0</v>
      </c>
      <c r="AX37" s="315">
        <v>53</v>
      </c>
      <c r="AY37" s="315">
        <v>71</v>
      </c>
      <c r="AZ37" s="315">
        <v>9</v>
      </c>
      <c r="BA37" s="315">
        <v>0</v>
      </c>
      <c r="BB37" s="315">
        <v>0</v>
      </c>
      <c r="BC37" s="316">
        <v>133</v>
      </c>
      <c r="BD37" s="317">
        <v>133</v>
      </c>
      <c r="BE37" s="311">
        <v>0</v>
      </c>
      <c r="BF37" s="315">
        <v>0</v>
      </c>
      <c r="BG37" s="312">
        <v>0</v>
      </c>
      <c r="BH37" s="314">
        <v>0</v>
      </c>
      <c r="BI37" s="315">
        <v>7</v>
      </c>
      <c r="BJ37" s="315">
        <v>16</v>
      </c>
      <c r="BK37" s="315">
        <v>0</v>
      </c>
      <c r="BL37" s="315">
        <v>8</v>
      </c>
      <c r="BM37" s="315">
        <v>0</v>
      </c>
      <c r="BN37" s="312">
        <v>31</v>
      </c>
      <c r="BO37" s="317">
        <v>31</v>
      </c>
      <c r="BP37" s="311">
        <v>0</v>
      </c>
      <c r="BQ37" s="315">
        <v>0</v>
      </c>
      <c r="BR37" s="312">
        <v>0</v>
      </c>
      <c r="BS37" s="314">
        <v>0</v>
      </c>
      <c r="BT37" s="315">
        <v>0</v>
      </c>
      <c r="BU37" s="315">
        <v>13</v>
      </c>
      <c r="BV37" s="315">
        <v>0</v>
      </c>
      <c r="BW37" s="315">
        <v>0</v>
      </c>
      <c r="BX37" s="315">
        <v>0</v>
      </c>
      <c r="BY37" s="312">
        <v>13</v>
      </c>
      <c r="BZ37" s="317">
        <v>13</v>
      </c>
      <c r="CA37" s="311">
        <v>0</v>
      </c>
      <c r="CB37" s="315">
        <v>0</v>
      </c>
      <c r="CC37" s="312">
        <v>0</v>
      </c>
      <c r="CD37" s="314">
        <v>0</v>
      </c>
      <c r="CE37" s="315">
        <v>0</v>
      </c>
      <c r="CF37" s="315">
        <v>0</v>
      </c>
      <c r="CG37" s="315">
        <v>0</v>
      </c>
      <c r="CH37" s="315">
        <v>10</v>
      </c>
      <c r="CI37" s="315">
        <v>0</v>
      </c>
      <c r="CJ37" s="312">
        <v>10</v>
      </c>
      <c r="CK37" s="317">
        <v>10</v>
      </c>
      <c r="CL37" s="311">
        <v>0</v>
      </c>
      <c r="CM37" s="315">
        <v>0</v>
      </c>
      <c r="CN37" s="312">
        <v>0</v>
      </c>
      <c r="CO37" s="314">
        <v>0</v>
      </c>
      <c r="CP37" s="315">
        <v>0</v>
      </c>
      <c r="CQ37" s="315">
        <v>0</v>
      </c>
      <c r="CR37" s="315">
        <v>0</v>
      </c>
      <c r="CS37" s="315">
        <v>0</v>
      </c>
      <c r="CT37" s="315">
        <v>0</v>
      </c>
      <c r="CU37" s="312">
        <v>0</v>
      </c>
      <c r="CV37" s="317">
        <v>0</v>
      </c>
      <c r="CW37" s="311">
        <v>0</v>
      </c>
      <c r="CX37" s="315">
        <v>0</v>
      </c>
      <c r="CY37" s="312">
        <v>0</v>
      </c>
      <c r="CZ37" s="314">
        <v>0</v>
      </c>
      <c r="DA37" s="315">
        <v>0</v>
      </c>
      <c r="DB37" s="315">
        <v>0</v>
      </c>
      <c r="DC37" s="315">
        <v>0</v>
      </c>
      <c r="DD37" s="315">
        <v>0</v>
      </c>
      <c r="DE37" s="315">
        <v>0</v>
      </c>
      <c r="DF37" s="312">
        <v>0</v>
      </c>
      <c r="DG37" s="317">
        <v>0</v>
      </c>
    </row>
    <row r="38" spans="1:111" ht="18.75" customHeight="1" x14ac:dyDescent="0.2">
      <c r="A38" s="296" t="s">
        <v>36</v>
      </c>
      <c r="B38" s="311">
        <v>0</v>
      </c>
      <c r="C38" s="315">
        <v>0</v>
      </c>
      <c r="D38" s="437">
        <v>0</v>
      </c>
      <c r="E38" s="314">
        <v>0</v>
      </c>
      <c r="F38" s="315">
        <v>51</v>
      </c>
      <c r="G38" s="315">
        <v>5</v>
      </c>
      <c r="H38" s="315">
        <v>0</v>
      </c>
      <c r="I38" s="315">
        <v>0</v>
      </c>
      <c r="J38" s="315">
        <v>0</v>
      </c>
      <c r="K38" s="316">
        <v>56</v>
      </c>
      <c r="L38" s="317">
        <v>56</v>
      </c>
      <c r="M38" s="311">
        <v>0</v>
      </c>
      <c r="N38" s="315">
        <v>0</v>
      </c>
      <c r="O38" s="312">
        <v>0</v>
      </c>
      <c r="P38" s="314">
        <v>0</v>
      </c>
      <c r="Q38" s="315">
        <v>0</v>
      </c>
      <c r="R38" s="315">
        <v>0</v>
      </c>
      <c r="S38" s="315">
        <v>0</v>
      </c>
      <c r="T38" s="315">
        <v>4</v>
      </c>
      <c r="U38" s="315">
        <v>0</v>
      </c>
      <c r="V38" s="312">
        <v>4</v>
      </c>
      <c r="W38" s="317">
        <v>4</v>
      </c>
      <c r="X38" s="311">
        <v>0</v>
      </c>
      <c r="Y38" s="315">
        <v>0</v>
      </c>
      <c r="Z38" s="312">
        <v>0</v>
      </c>
      <c r="AA38" s="314">
        <v>0</v>
      </c>
      <c r="AB38" s="315">
        <v>6</v>
      </c>
      <c r="AC38" s="315">
        <v>13</v>
      </c>
      <c r="AD38" s="315">
        <v>4</v>
      </c>
      <c r="AE38" s="315">
        <v>17</v>
      </c>
      <c r="AF38" s="315">
        <v>3</v>
      </c>
      <c r="AG38" s="312">
        <v>43</v>
      </c>
      <c r="AH38" s="317">
        <v>43</v>
      </c>
      <c r="AI38" s="311">
        <v>0</v>
      </c>
      <c r="AJ38" s="315">
        <v>0</v>
      </c>
      <c r="AK38" s="312">
        <v>0</v>
      </c>
      <c r="AL38" s="314">
        <v>0</v>
      </c>
      <c r="AM38" s="315">
        <v>0</v>
      </c>
      <c r="AN38" s="315">
        <v>0</v>
      </c>
      <c r="AO38" s="315">
        <v>0</v>
      </c>
      <c r="AP38" s="315">
        <v>0</v>
      </c>
      <c r="AQ38" s="315">
        <v>0</v>
      </c>
      <c r="AR38" s="312">
        <v>0</v>
      </c>
      <c r="AS38" s="317">
        <v>0</v>
      </c>
      <c r="AT38" s="311">
        <v>0</v>
      </c>
      <c r="AU38" s="315">
        <v>0</v>
      </c>
      <c r="AV38" s="312">
        <v>0</v>
      </c>
      <c r="AW38" s="314">
        <v>0</v>
      </c>
      <c r="AX38" s="315">
        <v>7</v>
      </c>
      <c r="AY38" s="315">
        <v>13</v>
      </c>
      <c r="AZ38" s="315">
        <v>0</v>
      </c>
      <c r="BA38" s="315">
        <v>4</v>
      </c>
      <c r="BB38" s="315">
        <v>0</v>
      </c>
      <c r="BC38" s="316">
        <v>24</v>
      </c>
      <c r="BD38" s="317">
        <v>24</v>
      </c>
      <c r="BE38" s="311">
        <v>0</v>
      </c>
      <c r="BF38" s="315">
        <v>0</v>
      </c>
      <c r="BG38" s="312">
        <v>0</v>
      </c>
      <c r="BH38" s="314">
        <v>0</v>
      </c>
      <c r="BI38" s="315">
        <v>0</v>
      </c>
      <c r="BJ38" s="315">
        <v>5</v>
      </c>
      <c r="BK38" s="315">
        <v>4</v>
      </c>
      <c r="BL38" s="315">
        <v>0</v>
      </c>
      <c r="BM38" s="315">
        <v>0</v>
      </c>
      <c r="BN38" s="312">
        <v>9</v>
      </c>
      <c r="BO38" s="317">
        <v>9</v>
      </c>
      <c r="BP38" s="311">
        <v>0</v>
      </c>
      <c r="BQ38" s="315">
        <v>0</v>
      </c>
      <c r="BR38" s="312">
        <v>0</v>
      </c>
      <c r="BS38" s="314">
        <v>0</v>
      </c>
      <c r="BT38" s="315">
        <v>17</v>
      </c>
      <c r="BU38" s="315">
        <v>0</v>
      </c>
      <c r="BV38" s="315">
        <v>0</v>
      </c>
      <c r="BW38" s="315">
        <v>3</v>
      </c>
      <c r="BX38" s="315">
        <v>0</v>
      </c>
      <c r="BY38" s="312">
        <v>20</v>
      </c>
      <c r="BZ38" s="317">
        <v>20</v>
      </c>
      <c r="CA38" s="311">
        <v>0</v>
      </c>
      <c r="CB38" s="315">
        <v>0</v>
      </c>
      <c r="CC38" s="312">
        <v>0</v>
      </c>
      <c r="CD38" s="314">
        <v>0</v>
      </c>
      <c r="CE38" s="315">
        <v>0</v>
      </c>
      <c r="CF38" s="315">
        <v>0</v>
      </c>
      <c r="CG38" s="315">
        <v>0</v>
      </c>
      <c r="CH38" s="315">
        <v>0</v>
      </c>
      <c r="CI38" s="315">
        <v>0</v>
      </c>
      <c r="CJ38" s="312">
        <v>0</v>
      </c>
      <c r="CK38" s="317">
        <v>0</v>
      </c>
      <c r="CL38" s="311">
        <v>0</v>
      </c>
      <c r="CM38" s="315">
        <v>0</v>
      </c>
      <c r="CN38" s="312">
        <v>0</v>
      </c>
      <c r="CO38" s="314">
        <v>0</v>
      </c>
      <c r="CP38" s="315">
        <v>0</v>
      </c>
      <c r="CQ38" s="315">
        <v>0</v>
      </c>
      <c r="CR38" s="315">
        <v>0</v>
      </c>
      <c r="CS38" s="315">
        <v>0</v>
      </c>
      <c r="CT38" s="315">
        <v>0</v>
      </c>
      <c r="CU38" s="312">
        <v>0</v>
      </c>
      <c r="CV38" s="317">
        <v>0</v>
      </c>
      <c r="CW38" s="311">
        <v>0</v>
      </c>
      <c r="CX38" s="315">
        <v>0</v>
      </c>
      <c r="CY38" s="312">
        <v>0</v>
      </c>
      <c r="CZ38" s="314">
        <v>0</v>
      </c>
      <c r="DA38" s="315">
        <v>0</v>
      </c>
      <c r="DB38" s="315">
        <v>0</v>
      </c>
      <c r="DC38" s="315">
        <v>0</v>
      </c>
      <c r="DD38" s="315">
        <v>0</v>
      </c>
      <c r="DE38" s="315">
        <v>0</v>
      </c>
      <c r="DF38" s="312">
        <v>0</v>
      </c>
      <c r="DG38" s="317">
        <v>0</v>
      </c>
    </row>
    <row r="39" spans="1:111" ht="18.75" customHeight="1" thickBot="1" x14ac:dyDescent="0.25">
      <c r="A39" s="297" t="s">
        <v>37</v>
      </c>
      <c r="B39" s="318">
        <v>0</v>
      </c>
      <c r="C39" s="322">
        <v>0</v>
      </c>
      <c r="D39" s="438">
        <v>0</v>
      </c>
      <c r="E39" s="321">
        <v>0</v>
      </c>
      <c r="F39" s="322">
        <v>0</v>
      </c>
      <c r="G39" s="322">
        <v>0</v>
      </c>
      <c r="H39" s="322">
        <v>0</v>
      </c>
      <c r="I39" s="322">
        <v>0</v>
      </c>
      <c r="J39" s="322">
        <v>0</v>
      </c>
      <c r="K39" s="323">
        <v>0</v>
      </c>
      <c r="L39" s="324">
        <v>0</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4</v>
      </c>
      <c r="AC39" s="322">
        <v>0</v>
      </c>
      <c r="AD39" s="322">
        <v>0</v>
      </c>
      <c r="AE39" s="322">
        <v>0</v>
      </c>
      <c r="AF39" s="322">
        <v>0</v>
      </c>
      <c r="AG39" s="319">
        <v>4</v>
      </c>
      <c r="AH39" s="324">
        <v>4</v>
      </c>
      <c r="AI39" s="318">
        <v>0</v>
      </c>
      <c r="AJ39" s="322">
        <v>0</v>
      </c>
      <c r="AK39" s="319">
        <v>0</v>
      </c>
      <c r="AL39" s="321">
        <v>0</v>
      </c>
      <c r="AM39" s="322">
        <v>-147</v>
      </c>
      <c r="AN39" s="322">
        <v>0</v>
      </c>
      <c r="AO39" s="322">
        <v>0</v>
      </c>
      <c r="AP39" s="322">
        <v>0</v>
      </c>
      <c r="AQ39" s="322">
        <v>0</v>
      </c>
      <c r="AR39" s="319">
        <v>-147</v>
      </c>
      <c r="AS39" s="324">
        <v>-147</v>
      </c>
      <c r="AT39" s="318">
        <v>0</v>
      </c>
      <c r="AU39" s="322">
        <v>0</v>
      </c>
      <c r="AV39" s="319">
        <v>0</v>
      </c>
      <c r="AW39" s="321">
        <v>0</v>
      </c>
      <c r="AX39" s="322">
        <v>4</v>
      </c>
      <c r="AY39" s="322">
        <v>8</v>
      </c>
      <c r="AZ39" s="322">
        <v>0</v>
      </c>
      <c r="BA39" s="322">
        <v>0</v>
      </c>
      <c r="BB39" s="322">
        <v>0</v>
      </c>
      <c r="BC39" s="323">
        <v>12</v>
      </c>
      <c r="BD39" s="324">
        <v>12</v>
      </c>
      <c r="BE39" s="318">
        <v>0</v>
      </c>
      <c r="BF39" s="322">
        <v>0</v>
      </c>
      <c r="BG39" s="319">
        <v>0</v>
      </c>
      <c r="BH39" s="321">
        <v>0</v>
      </c>
      <c r="BI39" s="322">
        <v>2</v>
      </c>
      <c r="BJ39" s="322">
        <v>12</v>
      </c>
      <c r="BK39" s="322">
        <v>0</v>
      </c>
      <c r="BL39" s="322">
        <v>0</v>
      </c>
      <c r="BM39" s="322">
        <v>0</v>
      </c>
      <c r="BN39" s="319">
        <v>14</v>
      </c>
      <c r="BO39" s="324">
        <v>14</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0</v>
      </c>
      <c r="CT39" s="322">
        <v>0</v>
      </c>
      <c r="CU39" s="319">
        <v>0</v>
      </c>
      <c r="CV39" s="324">
        <v>0</v>
      </c>
      <c r="CW39" s="318">
        <v>0</v>
      </c>
      <c r="CX39" s="322">
        <v>0</v>
      </c>
      <c r="CY39" s="319">
        <v>0</v>
      </c>
      <c r="CZ39" s="321">
        <v>0</v>
      </c>
      <c r="DA39" s="322">
        <v>0</v>
      </c>
      <c r="DB39" s="322">
        <v>0</v>
      </c>
      <c r="DC39" s="322">
        <v>0</v>
      </c>
      <c r="DD39" s="322">
        <v>0</v>
      </c>
      <c r="DE39" s="322">
        <v>0</v>
      </c>
      <c r="DF39" s="319">
        <v>0</v>
      </c>
      <c r="DG39" s="324">
        <v>0</v>
      </c>
    </row>
    <row r="40" spans="1:111" ht="27" customHeight="1" x14ac:dyDescent="0.2">
      <c r="B40" s="290" t="s">
        <v>127</v>
      </c>
    </row>
  </sheetData>
  <mergeCells count="43">
    <mergeCell ref="CW3:DG3"/>
    <mergeCell ref="CW4:CY4"/>
    <mergeCell ref="CZ4:DF4"/>
    <mergeCell ref="DG4:DG5"/>
    <mergeCell ref="CA3:CK3"/>
    <mergeCell ref="CL3:CV3"/>
    <mergeCell ref="CA4:CC4"/>
    <mergeCell ref="CD4:CJ4"/>
    <mergeCell ref="CK4:CK5"/>
    <mergeCell ref="CL4:CN4"/>
    <mergeCell ref="CO4:CU4"/>
    <mergeCell ref="CV4:CV5"/>
    <mergeCell ref="I1:J1"/>
    <mergeCell ref="L1:M1"/>
    <mergeCell ref="A3:A5"/>
    <mergeCell ref="B3:L3"/>
    <mergeCell ref="M3:W3"/>
    <mergeCell ref="X3:AH3"/>
    <mergeCell ref="B4:D4"/>
    <mergeCell ref="E4:K4"/>
    <mergeCell ref="L4:L5"/>
    <mergeCell ref="M4:O4"/>
    <mergeCell ref="P4:V4"/>
    <mergeCell ref="W4:W5"/>
    <mergeCell ref="X4:Z4"/>
    <mergeCell ref="AA4:AG4"/>
    <mergeCell ref="AH4:AH5"/>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90"/>
    <col min="5" max="5" width="7.77734375" style="290" customWidth="1"/>
    <col min="6" max="6" width="9" style="290"/>
    <col min="7" max="7" width="10.6640625" style="290" customWidth="1"/>
    <col min="8" max="15" width="9" style="290"/>
    <col min="16" max="16" width="7.88671875" style="290" customWidth="1"/>
    <col min="17" max="26" width="9" style="290"/>
    <col min="27" max="27" width="7.77734375" style="290" customWidth="1"/>
    <col min="28" max="37" width="9" style="290"/>
    <col min="38" max="38" width="7.5546875" style="290" customWidth="1"/>
    <col min="39" max="48" width="9" style="290"/>
    <col min="49" max="49" width="7.77734375" style="290" customWidth="1"/>
    <col min="50" max="59" width="9" style="290"/>
    <col min="60" max="60" width="7.44140625" style="290" customWidth="1"/>
    <col min="61" max="70" width="9" style="290"/>
    <col min="71" max="71" width="7.33203125" style="290" customWidth="1"/>
    <col min="72" max="81" width="9" style="290"/>
    <col min="82" max="82" width="7.44140625" style="290" customWidth="1"/>
    <col min="83" max="92" width="9" style="290"/>
    <col min="93" max="93" width="7.6640625" style="290" customWidth="1"/>
    <col min="94" max="16384" width="9" style="290"/>
  </cols>
  <sheetData>
    <row r="1" spans="1:111" ht="20.25" customHeight="1" x14ac:dyDescent="0.2">
      <c r="A1" s="325" t="s">
        <v>123</v>
      </c>
      <c r="I1" s="522">
        <f>第１表!F2</f>
        <v>4</v>
      </c>
      <c r="J1" s="522"/>
      <c r="K1" s="282">
        <f>第１表!G2</f>
        <v>3</v>
      </c>
      <c r="L1" s="523">
        <f>IF(K1&lt;3,K1+12-2,K1-2)</f>
        <v>1</v>
      </c>
      <c r="M1" s="523"/>
    </row>
    <row r="2" spans="1:111" ht="18.75" customHeight="1" thickBot="1" x14ac:dyDescent="0.25">
      <c r="A2" s="325" t="s">
        <v>154</v>
      </c>
    </row>
    <row r="3" spans="1:111" ht="13.8" thickBot="1" x14ac:dyDescent="0.25">
      <c r="A3" s="543"/>
      <c r="B3" s="546" t="s">
        <v>112</v>
      </c>
      <c r="C3" s="546"/>
      <c r="D3" s="546"/>
      <c r="E3" s="546"/>
      <c r="F3" s="546"/>
      <c r="G3" s="546"/>
      <c r="H3" s="546"/>
      <c r="I3" s="546"/>
      <c r="J3" s="546"/>
      <c r="K3" s="546"/>
      <c r="L3" s="547"/>
      <c r="M3" s="541" t="s">
        <v>111</v>
      </c>
      <c r="N3" s="541"/>
      <c r="O3" s="541"/>
      <c r="P3" s="541"/>
      <c r="Q3" s="541"/>
      <c r="R3" s="541"/>
      <c r="S3" s="541"/>
      <c r="T3" s="541"/>
      <c r="U3" s="541"/>
      <c r="V3" s="541"/>
      <c r="W3" s="542"/>
      <c r="X3" s="540" t="s">
        <v>110</v>
      </c>
      <c r="Y3" s="541"/>
      <c r="Z3" s="541"/>
      <c r="AA3" s="541"/>
      <c r="AB3" s="541"/>
      <c r="AC3" s="541"/>
      <c r="AD3" s="541"/>
      <c r="AE3" s="541"/>
      <c r="AF3" s="541"/>
      <c r="AG3" s="541"/>
      <c r="AH3" s="542"/>
      <c r="AI3" s="540" t="s">
        <v>109</v>
      </c>
      <c r="AJ3" s="541"/>
      <c r="AK3" s="541"/>
      <c r="AL3" s="541"/>
      <c r="AM3" s="541"/>
      <c r="AN3" s="541"/>
      <c r="AO3" s="541"/>
      <c r="AP3" s="541"/>
      <c r="AQ3" s="541"/>
      <c r="AR3" s="541"/>
      <c r="AS3" s="542"/>
      <c r="AT3" s="540" t="s">
        <v>108</v>
      </c>
      <c r="AU3" s="541"/>
      <c r="AV3" s="541"/>
      <c r="AW3" s="541"/>
      <c r="AX3" s="541"/>
      <c r="AY3" s="541"/>
      <c r="AZ3" s="541"/>
      <c r="BA3" s="541"/>
      <c r="BB3" s="541"/>
      <c r="BC3" s="541"/>
      <c r="BD3" s="542"/>
      <c r="BE3" s="540" t="s">
        <v>107</v>
      </c>
      <c r="BF3" s="541"/>
      <c r="BG3" s="541"/>
      <c r="BH3" s="541"/>
      <c r="BI3" s="541"/>
      <c r="BJ3" s="541"/>
      <c r="BK3" s="541"/>
      <c r="BL3" s="541"/>
      <c r="BM3" s="541"/>
      <c r="BN3" s="541"/>
      <c r="BO3" s="542"/>
      <c r="BP3" s="540" t="s">
        <v>106</v>
      </c>
      <c r="BQ3" s="541"/>
      <c r="BR3" s="541"/>
      <c r="BS3" s="541"/>
      <c r="BT3" s="541"/>
      <c r="BU3" s="541"/>
      <c r="BV3" s="541"/>
      <c r="BW3" s="541"/>
      <c r="BX3" s="541"/>
      <c r="BY3" s="541"/>
      <c r="BZ3" s="542"/>
      <c r="CA3" s="540" t="s">
        <v>128</v>
      </c>
      <c r="CB3" s="541"/>
      <c r="CC3" s="541"/>
      <c r="CD3" s="541"/>
      <c r="CE3" s="541"/>
      <c r="CF3" s="541"/>
      <c r="CG3" s="541"/>
      <c r="CH3" s="541"/>
      <c r="CI3" s="541"/>
      <c r="CJ3" s="541"/>
      <c r="CK3" s="542"/>
      <c r="CL3" s="540" t="s">
        <v>161</v>
      </c>
      <c r="CM3" s="541"/>
      <c r="CN3" s="541"/>
      <c r="CO3" s="541"/>
      <c r="CP3" s="541"/>
      <c r="CQ3" s="541"/>
      <c r="CR3" s="541"/>
      <c r="CS3" s="541"/>
      <c r="CT3" s="541"/>
      <c r="CU3" s="541"/>
      <c r="CV3" s="542"/>
      <c r="CW3" s="540" t="s">
        <v>157</v>
      </c>
      <c r="CX3" s="541"/>
      <c r="CY3" s="541"/>
      <c r="CZ3" s="541"/>
      <c r="DA3" s="541"/>
      <c r="DB3" s="541"/>
      <c r="DC3" s="541"/>
      <c r="DD3" s="541"/>
      <c r="DE3" s="541"/>
      <c r="DF3" s="541"/>
      <c r="DG3" s="542"/>
    </row>
    <row r="4" spans="1:111" x14ac:dyDescent="0.2">
      <c r="A4" s="544"/>
      <c r="B4" s="548" t="s">
        <v>61</v>
      </c>
      <c r="C4" s="527"/>
      <c r="D4" s="528"/>
      <c r="E4" s="529" t="s">
        <v>62</v>
      </c>
      <c r="F4" s="527"/>
      <c r="G4" s="527"/>
      <c r="H4" s="527"/>
      <c r="I4" s="527"/>
      <c r="J4" s="527"/>
      <c r="K4" s="530"/>
      <c r="L4" s="524" t="s">
        <v>52</v>
      </c>
      <c r="M4" s="548" t="s">
        <v>61</v>
      </c>
      <c r="N4" s="527"/>
      <c r="O4" s="528"/>
      <c r="P4" s="529" t="s">
        <v>62</v>
      </c>
      <c r="Q4" s="527"/>
      <c r="R4" s="527"/>
      <c r="S4" s="527"/>
      <c r="T4" s="527"/>
      <c r="U4" s="527"/>
      <c r="V4" s="528"/>
      <c r="W4" s="524" t="s">
        <v>52</v>
      </c>
      <c r="X4" s="526" t="s">
        <v>61</v>
      </c>
      <c r="Y4" s="527"/>
      <c r="Z4" s="530"/>
      <c r="AA4" s="529" t="s">
        <v>62</v>
      </c>
      <c r="AB4" s="527"/>
      <c r="AC4" s="527"/>
      <c r="AD4" s="527"/>
      <c r="AE4" s="527"/>
      <c r="AF4" s="527"/>
      <c r="AG4" s="528"/>
      <c r="AH4" s="524" t="s">
        <v>52</v>
      </c>
      <c r="AI4" s="526" t="s">
        <v>61</v>
      </c>
      <c r="AJ4" s="527"/>
      <c r="AK4" s="528"/>
      <c r="AL4" s="529" t="s">
        <v>62</v>
      </c>
      <c r="AM4" s="527"/>
      <c r="AN4" s="527"/>
      <c r="AO4" s="527"/>
      <c r="AP4" s="527"/>
      <c r="AQ4" s="527"/>
      <c r="AR4" s="528"/>
      <c r="AS4" s="524" t="s">
        <v>52</v>
      </c>
      <c r="AT4" s="526" t="s">
        <v>61</v>
      </c>
      <c r="AU4" s="527"/>
      <c r="AV4" s="530"/>
      <c r="AW4" s="529" t="s">
        <v>62</v>
      </c>
      <c r="AX4" s="527"/>
      <c r="AY4" s="527"/>
      <c r="AZ4" s="527"/>
      <c r="BA4" s="527"/>
      <c r="BB4" s="527"/>
      <c r="BC4" s="530"/>
      <c r="BD4" s="524" t="s">
        <v>52</v>
      </c>
      <c r="BE4" s="526" t="s">
        <v>61</v>
      </c>
      <c r="BF4" s="527"/>
      <c r="BG4" s="528"/>
      <c r="BH4" s="529" t="s">
        <v>62</v>
      </c>
      <c r="BI4" s="527"/>
      <c r="BJ4" s="527"/>
      <c r="BK4" s="527"/>
      <c r="BL4" s="527"/>
      <c r="BM4" s="527"/>
      <c r="BN4" s="528"/>
      <c r="BO4" s="524" t="s">
        <v>52</v>
      </c>
      <c r="BP4" s="526" t="s">
        <v>61</v>
      </c>
      <c r="BQ4" s="527"/>
      <c r="BR4" s="528"/>
      <c r="BS4" s="529" t="s">
        <v>62</v>
      </c>
      <c r="BT4" s="527"/>
      <c r="BU4" s="527"/>
      <c r="BV4" s="527"/>
      <c r="BW4" s="527"/>
      <c r="BX4" s="527"/>
      <c r="BY4" s="528"/>
      <c r="BZ4" s="524" t="s">
        <v>52</v>
      </c>
      <c r="CA4" s="526" t="s">
        <v>61</v>
      </c>
      <c r="CB4" s="527"/>
      <c r="CC4" s="528"/>
      <c r="CD4" s="529" t="s">
        <v>62</v>
      </c>
      <c r="CE4" s="527"/>
      <c r="CF4" s="527"/>
      <c r="CG4" s="527"/>
      <c r="CH4" s="527"/>
      <c r="CI4" s="527"/>
      <c r="CJ4" s="528"/>
      <c r="CK4" s="524" t="s">
        <v>52</v>
      </c>
      <c r="CL4" s="526" t="s">
        <v>61</v>
      </c>
      <c r="CM4" s="527"/>
      <c r="CN4" s="528"/>
      <c r="CO4" s="529" t="s">
        <v>62</v>
      </c>
      <c r="CP4" s="527"/>
      <c r="CQ4" s="527"/>
      <c r="CR4" s="527"/>
      <c r="CS4" s="527"/>
      <c r="CT4" s="527"/>
      <c r="CU4" s="528"/>
      <c r="CV4" s="524" t="s">
        <v>52</v>
      </c>
      <c r="CW4" s="526" t="s">
        <v>61</v>
      </c>
      <c r="CX4" s="527"/>
      <c r="CY4" s="528"/>
      <c r="CZ4" s="529" t="s">
        <v>62</v>
      </c>
      <c r="DA4" s="527"/>
      <c r="DB4" s="527"/>
      <c r="DC4" s="527"/>
      <c r="DD4" s="527"/>
      <c r="DE4" s="527"/>
      <c r="DF4" s="528"/>
      <c r="DG4" s="524" t="s">
        <v>52</v>
      </c>
    </row>
    <row r="5" spans="1:111" ht="28.5" customHeight="1" thickBot="1" x14ac:dyDescent="0.25">
      <c r="A5" s="545"/>
      <c r="B5" s="299" t="s">
        <v>43</v>
      </c>
      <c r="C5" s="300" t="s">
        <v>44</v>
      </c>
      <c r="D5" s="301" t="s">
        <v>45</v>
      </c>
      <c r="E5" s="302" t="s">
        <v>83</v>
      </c>
      <c r="F5" s="294" t="s">
        <v>47</v>
      </c>
      <c r="G5" s="294" t="s">
        <v>48</v>
      </c>
      <c r="H5" s="294" t="s">
        <v>49</v>
      </c>
      <c r="I5" s="294" t="s">
        <v>50</v>
      </c>
      <c r="J5" s="294" t="s">
        <v>51</v>
      </c>
      <c r="K5" s="303" t="s">
        <v>45</v>
      </c>
      <c r="L5" s="525"/>
      <c r="M5" s="299" t="s">
        <v>43</v>
      </c>
      <c r="N5" s="294" t="s">
        <v>44</v>
      </c>
      <c r="O5" s="300" t="s">
        <v>45</v>
      </c>
      <c r="P5" s="302" t="s">
        <v>83</v>
      </c>
      <c r="Q5" s="294" t="s">
        <v>47</v>
      </c>
      <c r="R5" s="294" t="s">
        <v>48</v>
      </c>
      <c r="S5" s="294" t="s">
        <v>49</v>
      </c>
      <c r="T5" s="294" t="s">
        <v>50</v>
      </c>
      <c r="U5" s="294" t="s">
        <v>51</v>
      </c>
      <c r="V5" s="300" t="s">
        <v>45</v>
      </c>
      <c r="W5" s="525"/>
      <c r="X5" s="393" t="s">
        <v>43</v>
      </c>
      <c r="Y5" s="294" t="s">
        <v>44</v>
      </c>
      <c r="Z5" s="303" t="s">
        <v>45</v>
      </c>
      <c r="AA5" s="302" t="s">
        <v>83</v>
      </c>
      <c r="AB5" s="294" t="s">
        <v>47</v>
      </c>
      <c r="AC5" s="294" t="s">
        <v>48</v>
      </c>
      <c r="AD5" s="294" t="s">
        <v>49</v>
      </c>
      <c r="AE5" s="294" t="s">
        <v>50</v>
      </c>
      <c r="AF5" s="294" t="s">
        <v>51</v>
      </c>
      <c r="AG5" s="300" t="s">
        <v>45</v>
      </c>
      <c r="AH5" s="525"/>
      <c r="AI5" s="393" t="s">
        <v>43</v>
      </c>
      <c r="AJ5" s="294" t="s">
        <v>44</v>
      </c>
      <c r="AK5" s="300" t="s">
        <v>45</v>
      </c>
      <c r="AL5" s="302" t="s">
        <v>83</v>
      </c>
      <c r="AM5" s="294" t="s">
        <v>47</v>
      </c>
      <c r="AN5" s="294" t="s">
        <v>48</v>
      </c>
      <c r="AO5" s="294" t="s">
        <v>49</v>
      </c>
      <c r="AP5" s="294" t="s">
        <v>50</v>
      </c>
      <c r="AQ5" s="294" t="s">
        <v>51</v>
      </c>
      <c r="AR5" s="300" t="s">
        <v>45</v>
      </c>
      <c r="AS5" s="525"/>
      <c r="AT5" s="393" t="s">
        <v>43</v>
      </c>
      <c r="AU5" s="294" t="s">
        <v>44</v>
      </c>
      <c r="AV5" s="303" t="s">
        <v>45</v>
      </c>
      <c r="AW5" s="302" t="s">
        <v>83</v>
      </c>
      <c r="AX5" s="294" t="s">
        <v>47</v>
      </c>
      <c r="AY5" s="294" t="s">
        <v>48</v>
      </c>
      <c r="AZ5" s="294" t="s">
        <v>49</v>
      </c>
      <c r="BA5" s="294" t="s">
        <v>50</v>
      </c>
      <c r="BB5" s="294" t="s">
        <v>51</v>
      </c>
      <c r="BC5" s="303" t="s">
        <v>45</v>
      </c>
      <c r="BD5" s="525"/>
      <c r="BE5" s="393" t="s">
        <v>43</v>
      </c>
      <c r="BF5" s="294" t="s">
        <v>44</v>
      </c>
      <c r="BG5" s="300" t="s">
        <v>45</v>
      </c>
      <c r="BH5" s="302" t="s">
        <v>83</v>
      </c>
      <c r="BI5" s="294" t="s">
        <v>47</v>
      </c>
      <c r="BJ5" s="294" t="s">
        <v>48</v>
      </c>
      <c r="BK5" s="294" t="s">
        <v>49</v>
      </c>
      <c r="BL5" s="294" t="s">
        <v>50</v>
      </c>
      <c r="BM5" s="294" t="s">
        <v>51</v>
      </c>
      <c r="BN5" s="300" t="s">
        <v>45</v>
      </c>
      <c r="BO5" s="525"/>
      <c r="BP5" s="393" t="s">
        <v>43</v>
      </c>
      <c r="BQ5" s="294" t="s">
        <v>44</v>
      </c>
      <c r="BR5" s="300" t="s">
        <v>45</v>
      </c>
      <c r="BS5" s="302" t="s">
        <v>83</v>
      </c>
      <c r="BT5" s="294" t="s">
        <v>47</v>
      </c>
      <c r="BU5" s="294" t="s">
        <v>48</v>
      </c>
      <c r="BV5" s="294" t="s">
        <v>49</v>
      </c>
      <c r="BW5" s="294" t="s">
        <v>50</v>
      </c>
      <c r="BX5" s="294" t="s">
        <v>51</v>
      </c>
      <c r="BY5" s="300" t="s">
        <v>45</v>
      </c>
      <c r="BZ5" s="525"/>
      <c r="CA5" s="393" t="s">
        <v>43</v>
      </c>
      <c r="CB5" s="294" t="s">
        <v>44</v>
      </c>
      <c r="CC5" s="300" t="s">
        <v>45</v>
      </c>
      <c r="CD5" s="302" t="s">
        <v>83</v>
      </c>
      <c r="CE5" s="294" t="s">
        <v>47</v>
      </c>
      <c r="CF5" s="294" t="s">
        <v>48</v>
      </c>
      <c r="CG5" s="294" t="s">
        <v>49</v>
      </c>
      <c r="CH5" s="294" t="s">
        <v>50</v>
      </c>
      <c r="CI5" s="294" t="s">
        <v>51</v>
      </c>
      <c r="CJ5" s="300" t="s">
        <v>45</v>
      </c>
      <c r="CK5" s="525"/>
      <c r="CL5" s="409" t="s">
        <v>43</v>
      </c>
      <c r="CM5" s="294" t="s">
        <v>44</v>
      </c>
      <c r="CN5" s="300" t="s">
        <v>45</v>
      </c>
      <c r="CO5" s="302" t="s">
        <v>83</v>
      </c>
      <c r="CP5" s="294" t="s">
        <v>47</v>
      </c>
      <c r="CQ5" s="294" t="s">
        <v>48</v>
      </c>
      <c r="CR5" s="294" t="s">
        <v>49</v>
      </c>
      <c r="CS5" s="294" t="s">
        <v>50</v>
      </c>
      <c r="CT5" s="294" t="s">
        <v>51</v>
      </c>
      <c r="CU5" s="300" t="s">
        <v>45</v>
      </c>
      <c r="CV5" s="525"/>
      <c r="CW5" s="409" t="s">
        <v>43</v>
      </c>
      <c r="CX5" s="294" t="s">
        <v>44</v>
      </c>
      <c r="CY5" s="300" t="s">
        <v>45</v>
      </c>
      <c r="CZ5" s="302" t="s">
        <v>83</v>
      </c>
      <c r="DA5" s="294" t="s">
        <v>47</v>
      </c>
      <c r="DB5" s="294" t="s">
        <v>48</v>
      </c>
      <c r="DC5" s="294" t="s">
        <v>49</v>
      </c>
      <c r="DD5" s="294" t="s">
        <v>50</v>
      </c>
      <c r="DE5" s="294" t="s">
        <v>51</v>
      </c>
      <c r="DF5" s="300" t="s">
        <v>45</v>
      </c>
      <c r="DG5" s="525"/>
    </row>
    <row r="6" spans="1:111" ht="18.75" customHeight="1" x14ac:dyDescent="0.2">
      <c r="A6" s="295" t="s">
        <v>4</v>
      </c>
      <c r="B6" s="304">
        <v>2</v>
      </c>
      <c r="C6" s="305">
        <v>0</v>
      </c>
      <c r="D6" s="306">
        <v>2</v>
      </c>
      <c r="E6" s="307">
        <v>0</v>
      </c>
      <c r="F6" s="308">
        <v>11826</v>
      </c>
      <c r="G6" s="308">
        <v>18005</v>
      </c>
      <c r="H6" s="308">
        <v>17883</v>
      </c>
      <c r="I6" s="308">
        <v>23661</v>
      </c>
      <c r="J6" s="308">
        <v>20296</v>
      </c>
      <c r="K6" s="309">
        <v>91671</v>
      </c>
      <c r="L6" s="310">
        <v>91673</v>
      </c>
      <c r="M6" s="304">
        <v>2</v>
      </c>
      <c r="N6" s="308">
        <v>18</v>
      </c>
      <c r="O6" s="305">
        <v>20</v>
      </c>
      <c r="P6" s="307">
        <v>0</v>
      </c>
      <c r="Q6" s="308">
        <v>48</v>
      </c>
      <c r="R6" s="308">
        <v>158</v>
      </c>
      <c r="S6" s="308">
        <v>205</v>
      </c>
      <c r="T6" s="308">
        <v>557</v>
      </c>
      <c r="U6" s="308">
        <v>1107</v>
      </c>
      <c r="V6" s="305">
        <v>2075</v>
      </c>
      <c r="W6" s="310">
        <v>2095</v>
      </c>
      <c r="X6" s="304">
        <v>1040</v>
      </c>
      <c r="Y6" s="308">
        <v>3079</v>
      </c>
      <c r="Z6" s="305">
        <v>4119</v>
      </c>
      <c r="AA6" s="307">
        <v>0</v>
      </c>
      <c r="AB6" s="308">
        <v>6832</v>
      </c>
      <c r="AC6" s="308">
        <v>10881</v>
      </c>
      <c r="AD6" s="308">
        <v>6799</v>
      </c>
      <c r="AE6" s="308">
        <v>6392</v>
      </c>
      <c r="AF6" s="308">
        <v>5270</v>
      </c>
      <c r="AG6" s="305">
        <v>36174</v>
      </c>
      <c r="AH6" s="310">
        <v>40293</v>
      </c>
      <c r="AI6" s="304">
        <v>118</v>
      </c>
      <c r="AJ6" s="308">
        <v>521</v>
      </c>
      <c r="AK6" s="305">
        <v>639</v>
      </c>
      <c r="AL6" s="307">
        <v>0</v>
      </c>
      <c r="AM6" s="308">
        <v>829</v>
      </c>
      <c r="AN6" s="308">
        <v>1670</v>
      </c>
      <c r="AO6" s="308">
        <v>1065</v>
      </c>
      <c r="AP6" s="308">
        <v>902</v>
      </c>
      <c r="AQ6" s="308">
        <v>623</v>
      </c>
      <c r="AR6" s="305">
        <v>5089</v>
      </c>
      <c r="AS6" s="310">
        <v>5728</v>
      </c>
      <c r="AT6" s="304">
        <v>0</v>
      </c>
      <c r="AU6" s="308">
        <v>0</v>
      </c>
      <c r="AV6" s="305">
        <v>0</v>
      </c>
      <c r="AW6" s="307">
        <v>0</v>
      </c>
      <c r="AX6" s="308">
        <v>9744</v>
      </c>
      <c r="AY6" s="308">
        <v>8801</v>
      </c>
      <c r="AZ6" s="308">
        <v>4591</v>
      </c>
      <c r="BA6" s="308">
        <v>2872</v>
      </c>
      <c r="BB6" s="308">
        <v>1261</v>
      </c>
      <c r="BC6" s="309">
        <v>27269</v>
      </c>
      <c r="BD6" s="310">
        <v>27269</v>
      </c>
      <c r="BE6" s="304">
        <v>0</v>
      </c>
      <c r="BF6" s="308">
        <v>0</v>
      </c>
      <c r="BG6" s="305">
        <v>0</v>
      </c>
      <c r="BH6" s="307">
        <v>0</v>
      </c>
      <c r="BI6" s="308">
        <v>1860</v>
      </c>
      <c r="BJ6" s="308">
        <v>2820</v>
      </c>
      <c r="BK6" s="308">
        <v>1833</v>
      </c>
      <c r="BL6" s="308">
        <v>1222</v>
      </c>
      <c r="BM6" s="308">
        <v>407</v>
      </c>
      <c r="BN6" s="305">
        <v>8142</v>
      </c>
      <c r="BO6" s="310">
        <v>8142</v>
      </c>
      <c r="BP6" s="304">
        <v>18</v>
      </c>
      <c r="BQ6" s="308">
        <v>53</v>
      </c>
      <c r="BR6" s="305">
        <v>71</v>
      </c>
      <c r="BS6" s="307">
        <v>0</v>
      </c>
      <c r="BT6" s="308">
        <v>867</v>
      </c>
      <c r="BU6" s="308">
        <v>1717</v>
      </c>
      <c r="BV6" s="308">
        <v>2482</v>
      </c>
      <c r="BW6" s="308">
        <v>1912</v>
      </c>
      <c r="BX6" s="308">
        <v>905</v>
      </c>
      <c r="BY6" s="305">
        <v>7883</v>
      </c>
      <c r="BZ6" s="310">
        <v>7954</v>
      </c>
      <c r="CA6" s="304">
        <v>0</v>
      </c>
      <c r="CB6" s="308">
        <v>7</v>
      </c>
      <c r="CC6" s="305">
        <v>7</v>
      </c>
      <c r="CD6" s="307">
        <v>0</v>
      </c>
      <c r="CE6" s="308">
        <v>103</v>
      </c>
      <c r="CF6" s="308">
        <v>255</v>
      </c>
      <c r="CG6" s="308">
        <v>332</v>
      </c>
      <c r="CH6" s="308">
        <v>336</v>
      </c>
      <c r="CI6" s="308">
        <v>248</v>
      </c>
      <c r="CJ6" s="305">
        <v>1274</v>
      </c>
      <c r="CK6" s="310">
        <v>1281</v>
      </c>
      <c r="CL6" s="304">
        <v>0</v>
      </c>
      <c r="CM6" s="308">
        <v>0</v>
      </c>
      <c r="CN6" s="305">
        <v>0</v>
      </c>
      <c r="CO6" s="307">
        <v>0</v>
      </c>
      <c r="CP6" s="308">
        <v>0</v>
      </c>
      <c r="CQ6" s="308">
        <v>0</v>
      </c>
      <c r="CR6" s="308">
        <v>0</v>
      </c>
      <c r="CS6" s="308">
        <v>0</v>
      </c>
      <c r="CT6" s="308">
        <v>0</v>
      </c>
      <c r="CU6" s="305">
        <v>0</v>
      </c>
      <c r="CV6" s="310">
        <v>0</v>
      </c>
      <c r="CW6" s="304">
        <v>0</v>
      </c>
      <c r="CX6" s="308">
        <v>0</v>
      </c>
      <c r="CY6" s="305">
        <v>0</v>
      </c>
      <c r="CZ6" s="307">
        <v>0</v>
      </c>
      <c r="DA6" s="308">
        <v>0</v>
      </c>
      <c r="DB6" s="308">
        <v>0</v>
      </c>
      <c r="DC6" s="308">
        <v>0</v>
      </c>
      <c r="DD6" s="308">
        <v>0</v>
      </c>
      <c r="DE6" s="308">
        <v>0</v>
      </c>
      <c r="DF6" s="305">
        <v>0</v>
      </c>
      <c r="DG6" s="310">
        <v>0</v>
      </c>
    </row>
    <row r="7" spans="1:111" ht="18.75" customHeight="1" x14ac:dyDescent="0.2">
      <c r="A7" s="296" t="s">
        <v>5</v>
      </c>
      <c r="B7" s="311">
        <v>0</v>
      </c>
      <c r="C7" s="312">
        <v>0</v>
      </c>
      <c r="D7" s="313">
        <v>0</v>
      </c>
      <c r="E7" s="314">
        <v>0</v>
      </c>
      <c r="F7" s="315">
        <v>4537</v>
      </c>
      <c r="G7" s="315">
        <v>8360</v>
      </c>
      <c r="H7" s="315">
        <v>7603</v>
      </c>
      <c r="I7" s="315">
        <v>9631</v>
      </c>
      <c r="J7" s="315">
        <v>8691</v>
      </c>
      <c r="K7" s="316">
        <v>38822</v>
      </c>
      <c r="L7" s="317">
        <v>38822</v>
      </c>
      <c r="M7" s="311">
        <v>2</v>
      </c>
      <c r="N7" s="315">
        <v>11</v>
      </c>
      <c r="O7" s="312">
        <v>13</v>
      </c>
      <c r="P7" s="314">
        <v>0</v>
      </c>
      <c r="Q7" s="315">
        <v>0</v>
      </c>
      <c r="R7" s="315">
        <v>45</v>
      </c>
      <c r="S7" s="315">
        <v>88</v>
      </c>
      <c r="T7" s="315">
        <v>269</v>
      </c>
      <c r="U7" s="315">
        <v>460</v>
      </c>
      <c r="V7" s="312">
        <v>862</v>
      </c>
      <c r="W7" s="317">
        <v>875</v>
      </c>
      <c r="X7" s="311">
        <v>494</v>
      </c>
      <c r="Y7" s="315">
        <v>1628</v>
      </c>
      <c r="Z7" s="312">
        <v>2122</v>
      </c>
      <c r="AA7" s="314">
        <v>0</v>
      </c>
      <c r="AB7" s="315">
        <v>2621</v>
      </c>
      <c r="AC7" s="315">
        <v>6122</v>
      </c>
      <c r="AD7" s="315">
        <v>3311</v>
      </c>
      <c r="AE7" s="315">
        <v>3062</v>
      </c>
      <c r="AF7" s="315">
        <v>2465</v>
      </c>
      <c r="AG7" s="312">
        <v>17581</v>
      </c>
      <c r="AH7" s="317">
        <v>19703</v>
      </c>
      <c r="AI7" s="311">
        <v>55</v>
      </c>
      <c r="AJ7" s="315">
        <v>306</v>
      </c>
      <c r="AK7" s="312">
        <v>361</v>
      </c>
      <c r="AL7" s="314">
        <v>0</v>
      </c>
      <c r="AM7" s="315">
        <v>250</v>
      </c>
      <c r="AN7" s="315">
        <v>823</v>
      </c>
      <c r="AO7" s="315">
        <v>400</v>
      </c>
      <c r="AP7" s="315">
        <v>504</v>
      </c>
      <c r="AQ7" s="315">
        <v>255</v>
      </c>
      <c r="AR7" s="312">
        <v>2232</v>
      </c>
      <c r="AS7" s="317">
        <v>2593</v>
      </c>
      <c r="AT7" s="311">
        <v>0</v>
      </c>
      <c r="AU7" s="315">
        <v>0</v>
      </c>
      <c r="AV7" s="312">
        <v>0</v>
      </c>
      <c r="AW7" s="314">
        <v>0</v>
      </c>
      <c r="AX7" s="315">
        <v>3137</v>
      </c>
      <c r="AY7" s="315">
        <v>3783</v>
      </c>
      <c r="AZ7" s="315">
        <v>1997</v>
      </c>
      <c r="BA7" s="315">
        <v>1048</v>
      </c>
      <c r="BB7" s="315">
        <v>493</v>
      </c>
      <c r="BC7" s="316">
        <v>10458</v>
      </c>
      <c r="BD7" s="317">
        <v>10458</v>
      </c>
      <c r="BE7" s="311">
        <v>0</v>
      </c>
      <c r="BF7" s="315">
        <v>0</v>
      </c>
      <c r="BG7" s="312">
        <v>0</v>
      </c>
      <c r="BH7" s="314">
        <v>0</v>
      </c>
      <c r="BI7" s="315">
        <v>661</v>
      </c>
      <c r="BJ7" s="315">
        <v>1482</v>
      </c>
      <c r="BK7" s="315">
        <v>947</v>
      </c>
      <c r="BL7" s="315">
        <v>516</v>
      </c>
      <c r="BM7" s="315">
        <v>200</v>
      </c>
      <c r="BN7" s="312">
        <v>3806</v>
      </c>
      <c r="BO7" s="317">
        <v>3806</v>
      </c>
      <c r="BP7" s="311">
        <v>0</v>
      </c>
      <c r="BQ7" s="315">
        <v>33</v>
      </c>
      <c r="BR7" s="312">
        <v>33</v>
      </c>
      <c r="BS7" s="314">
        <v>0</v>
      </c>
      <c r="BT7" s="315">
        <v>291</v>
      </c>
      <c r="BU7" s="315">
        <v>880</v>
      </c>
      <c r="BV7" s="315">
        <v>1053</v>
      </c>
      <c r="BW7" s="315">
        <v>755</v>
      </c>
      <c r="BX7" s="315">
        <v>329</v>
      </c>
      <c r="BY7" s="312">
        <v>3308</v>
      </c>
      <c r="BZ7" s="317">
        <v>3341</v>
      </c>
      <c r="CA7" s="311">
        <v>0</v>
      </c>
      <c r="CB7" s="315">
        <v>7</v>
      </c>
      <c r="CC7" s="312">
        <v>7</v>
      </c>
      <c r="CD7" s="314">
        <v>0</v>
      </c>
      <c r="CE7" s="315">
        <v>44</v>
      </c>
      <c r="CF7" s="315">
        <v>147</v>
      </c>
      <c r="CG7" s="315">
        <v>162</v>
      </c>
      <c r="CH7" s="315">
        <v>201</v>
      </c>
      <c r="CI7" s="315">
        <v>145</v>
      </c>
      <c r="CJ7" s="312">
        <v>699</v>
      </c>
      <c r="CK7" s="317">
        <v>706</v>
      </c>
      <c r="CL7" s="311">
        <v>0</v>
      </c>
      <c r="CM7" s="315">
        <v>0</v>
      </c>
      <c r="CN7" s="312">
        <v>0</v>
      </c>
      <c r="CO7" s="314">
        <v>0</v>
      </c>
      <c r="CP7" s="315">
        <v>0</v>
      </c>
      <c r="CQ7" s="315">
        <v>0</v>
      </c>
      <c r="CR7" s="315">
        <v>0</v>
      </c>
      <c r="CS7" s="315">
        <v>0</v>
      </c>
      <c r="CT7" s="315">
        <v>0</v>
      </c>
      <c r="CU7" s="312">
        <v>0</v>
      </c>
      <c r="CV7" s="317">
        <v>0</v>
      </c>
      <c r="CW7" s="311">
        <v>0</v>
      </c>
      <c r="CX7" s="315">
        <v>0</v>
      </c>
      <c r="CY7" s="312">
        <v>0</v>
      </c>
      <c r="CZ7" s="314">
        <v>0</v>
      </c>
      <c r="DA7" s="315">
        <v>0</v>
      </c>
      <c r="DB7" s="315">
        <v>0</v>
      </c>
      <c r="DC7" s="315">
        <v>0</v>
      </c>
      <c r="DD7" s="315">
        <v>0</v>
      </c>
      <c r="DE7" s="315">
        <v>0</v>
      </c>
      <c r="DF7" s="312">
        <v>0</v>
      </c>
      <c r="DG7" s="317">
        <v>0</v>
      </c>
    </row>
    <row r="8" spans="1:111" ht="18.75" customHeight="1" x14ac:dyDescent="0.2">
      <c r="A8" s="296" t="s">
        <v>6</v>
      </c>
      <c r="B8" s="311">
        <v>0</v>
      </c>
      <c r="C8" s="312">
        <v>0</v>
      </c>
      <c r="D8" s="313">
        <v>0</v>
      </c>
      <c r="E8" s="314">
        <v>0</v>
      </c>
      <c r="F8" s="315">
        <v>1986</v>
      </c>
      <c r="G8" s="315">
        <v>3001</v>
      </c>
      <c r="H8" s="315">
        <v>2685</v>
      </c>
      <c r="I8" s="315">
        <v>4621</v>
      </c>
      <c r="J8" s="315">
        <v>2912</v>
      </c>
      <c r="K8" s="316">
        <v>15205</v>
      </c>
      <c r="L8" s="317">
        <v>15205</v>
      </c>
      <c r="M8" s="311">
        <v>0</v>
      </c>
      <c r="N8" s="315">
        <v>7</v>
      </c>
      <c r="O8" s="312">
        <v>7</v>
      </c>
      <c r="P8" s="314">
        <v>0</v>
      </c>
      <c r="Q8" s="315">
        <v>1</v>
      </c>
      <c r="R8" s="315">
        <v>17</v>
      </c>
      <c r="S8" s="315">
        <v>44</v>
      </c>
      <c r="T8" s="315">
        <v>91</v>
      </c>
      <c r="U8" s="315">
        <v>132</v>
      </c>
      <c r="V8" s="312">
        <v>285</v>
      </c>
      <c r="W8" s="317">
        <v>292</v>
      </c>
      <c r="X8" s="311">
        <v>183</v>
      </c>
      <c r="Y8" s="315">
        <v>619</v>
      </c>
      <c r="Z8" s="312">
        <v>802</v>
      </c>
      <c r="AA8" s="314">
        <v>0</v>
      </c>
      <c r="AB8" s="315">
        <v>1718</v>
      </c>
      <c r="AC8" s="315">
        <v>1849</v>
      </c>
      <c r="AD8" s="315">
        <v>1405</v>
      </c>
      <c r="AE8" s="315">
        <v>1174</v>
      </c>
      <c r="AF8" s="315">
        <v>804</v>
      </c>
      <c r="AG8" s="312">
        <v>6950</v>
      </c>
      <c r="AH8" s="317">
        <v>7752</v>
      </c>
      <c r="AI8" s="311">
        <v>12</v>
      </c>
      <c r="AJ8" s="315">
        <v>60</v>
      </c>
      <c r="AK8" s="312">
        <v>72</v>
      </c>
      <c r="AL8" s="314">
        <v>0</v>
      </c>
      <c r="AM8" s="315">
        <v>158</v>
      </c>
      <c r="AN8" s="315">
        <v>224</v>
      </c>
      <c r="AO8" s="315">
        <v>147</v>
      </c>
      <c r="AP8" s="315">
        <v>147</v>
      </c>
      <c r="AQ8" s="315">
        <v>37</v>
      </c>
      <c r="AR8" s="312">
        <v>713</v>
      </c>
      <c r="AS8" s="317">
        <v>785</v>
      </c>
      <c r="AT8" s="311">
        <v>0</v>
      </c>
      <c r="AU8" s="315">
        <v>0</v>
      </c>
      <c r="AV8" s="312">
        <v>0</v>
      </c>
      <c r="AW8" s="314">
        <v>0</v>
      </c>
      <c r="AX8" s="315">
        <v>1953</v>
      </c>
      <c r="AY8" s="315">
        <v>1256</v>
      </c>
      <c r="AZ8" s="315">
        <v>700</v>
      </c>
      <c r="BA8" s="315">
        <v>528</v>
      </c>
      <c r="BB8" s="315">
        <v>246</v>
      </c>
      <c r="BC8" s="316">
        <v>4683</v>
      </c>
      <c r="BD8" s="317">
        <v>4683</v>
      </c>
      <c r="BE8" s="311">
        <v>0</v>
      </c>
      <c r="BF8" s="315">
        <v>0</v>
      </c>
      <c r="BG8" s="312">
        <v>0</v>
      </c>
      <c r="BH8" s="314">
        <v>0</v>
      </c>
      <c r="BI8" s="315">
        <v>274</v>
      </c>
      <c r="BJ8" s="315">
        <v>321</v>
      </c>
      <c r="BK8" s="315">
        <v>197</v>
      </c>
      <c r="BL8" s="315">
        <v>239</v>
      </c>
      <c r="BM8" s="315">
        <v>52</v>
      </c>
      <c r="BN8" s="312">
        <v>1083</v>
      </c>
      <c r="BO8" s="317">
        <v>1083</v>
      </c>
      <c r="BP8" s="311">
        <v>0</v>
      </c>
      <c r="BQ8" s="315">
        <v>0</v>
      </c>
      <c r="BR8" s="312">
        <v>0</v>
      </c>
      <c r="BS8" s="314">
        <v>0</v>
      </c>
      <c r="BT8" s="315">
        <v>180</v>
      </c>
      <c r="BU8" s="315">
        <v>174</v>
      </c>
      <c r="BV8" s="315">
        <v>287</v>
      </c>
      <c r="BW8" s="315">
        <v>234</v>
      </c>
      <c r="BX8" s="315">
        <v>164</v>
      </c>
      <c r="BY8" s="312">
        <v>1039</v>
      </c>
      <c r="BZ8" s="317">
        <v>1039</v>
      </c>
      <c r="CA8" s="311">
        <v>0</v>
      </c>
      <c r="CB8" s="315">
        <v>0</v>
      </c>
      <c r="CC8" s="312">
        <v>0</v>
      </c>
      <c r="CD8" s="314">
        <v>0</v>
      </c>
      <c r="CE8" s="315">
        <v>48</v>
      </c>
      <c r="CF8" s="315">
        <v>18</v>
      </c>
      <c r="CG8" s="315">
        <v>65</v>
      </c>
      <c r="CH8" s="315">
        <v>78</v>
      </c>
      <c r="CI8" s="315">
        <v>13</v>
      </c>
      <c r="CJ8" s="312">
        <v>222</v>
      </c>
      <c r="CK8" s="317">
        <v>222</v>
      </c>
      <c r="CL8" s="311">
        <v>0</v>
      </c>
      <c r="CM8" s="315">
        <v>0</v>
      </c>
      <c r="CN8" s="312">
        <v>0</v>
      </c>
      <c r="CO8" s="314">
        <v>0</v>
      </c>
      <c r="CP8" s="315">
        <v>0</v>
      </c>
      <c r="CQ8" s="315">
        <v>0</v>
      </c>
      <c r="CR8" s="315">
        <v>0</v>
      </c>
      <c r="CS8" s="315">
        <v>0</v>
      </c>
      <c r="CT8" s="315">
        <v>0</v>
      </c>
      <c r="CU8" s="312">
        <v>0</v>
      </c>
      <c r="CV8" s="317">
        <v>0</v>
      </c>
      <c r="CW8" s="311">
        <v>0</v>
      </c>
      <c r="CX8" s="315">
        <v>0</v>
      </c>
      <c r="CY8" s="312">
        <v>0</v>
      </c>
      <c r="CZ8" s="314">
        <v>0</v>
      </c>
      <c r="DA8" s="315">
        <v>0</v>
      </c>
      <c r="DB8" s="315">
        <v>0</v>
      </c>
      <c r="DC8" s="315">
        <v>0</v>
      </c>
      <c r="DD8" s="315">
        <v>0</v>
      </c>
      <c r="DE8" s="315">
        <v>0</v>
      </c>
      <c r="DF8" s="312">
        <v>0</v>
      </c>
      <c r="DG8" s="317">
        <v>0</v>
      </c>
    </row>
    <row r="9" spans="1:111" ht="18.75" customHeight="1" x14ac:dyDescent="0.2">
      <c r="A9" s="296" t="s">
        <v>14</v>
      </c>
      <c r="B9" s="311">
        <v>0</v>
      </c>
      <c r="C9" s="312">
        <v>0</v>
      </c>
      <c r="D9" s="313">
        <v>0</v>
      </c>
      <c r="E9" s="314">
        <v>0</v>
      </c>
      <c r="F9" s="315">
        <v>718</v>
      </c>
      <c r="G9" s="315">
        <v>649</v>
      </c>
      <c r="H9" s="315">
        <v>1161</v>
      </c>
      <c r="I9" s="315">
        <v>1334</v>
      </c>
      <c r="J9" s="315">
        <v>1352</v>
      </c>
      <c r="K9" s="316">
        <v>5214</v>
      </c>
      <c r="L9" s="317">
        <v>5214</v>
      </c>
      <c r="M9" s="311">
        <v>0</v>
      </c>
      <c r="N9" s="315">
        <v>0</v>
      </c>
      <c r="O9" s="312">
        <v>0</v>
      </c>
      <c r="P9" s="314">
        <v>0</v>
      </c>
      <c r="Q9" s="315">
        <v>0</v>
      </c>
      <c r="R9" s="315">
        <v>12</v>
      </c>
      <c r="S9" s="315">
        <v>8</v>
      </c>
      <c r="T9" s="315">
        <v>62</v>
      </c>
      <c r="U9" s="315">
        <v>83</v>
      </c>
      <c r="V9" s="312">
        <v>165</v>
      </c>
      <c r="W9" s="317">
        <v>165</v>
      </c>
      <c r="X9" s="311">
        <v>35</v>
      </c>
      <c r="Y9" s="315">
        <v>133</v>
      </c>
      <c r="Z9" s="312">
        <v>168</v>
      </c>
      <c r="AA9" s="314">
        <v>0</v>
      </c>
      <c r="AB9" s="315">
        <v>307</v>
      </c>
      <c r="AC9" s="315">
        <v>489</v>
      </c>
      <c r="AD9" s="315">
        <v>393</v>
      </c>
      <c r="AE9" s="315">
        <v>483</v>
      </c>
      <c r="AF9" s="315">
        <v>343</v>
      </c>
      <c r="AG9" s="312">
        <v>2015</v>
      </c>
      <c r="AH9" s="317">
        <v>2183</v>
      </c>
      <c r="AI9" s="311">
        <v>0</v>
      </c>
      <c r="AJ9" s="315">
        <v>17</v>
      </c>
      <c r="AK9" s="312">
        <v>17</v>
      </c>
      <c r="AL9" s="314">
        <v>0</v>
      </c>
      <c r="AM9" s="315">
        <v>6</v>
      </c>
      <c r="AN9" s="315">
        <v>43</v>
      </c>
      <c r="AO9" s="315">
        <v>74</v>
      </c>
      <c r="AP9" s="315">
        <v>30</v>
      </c>
      <c r="AQ9" s="315">
        <v>14</v>
      </c>
      <c r="AR9" s="312">
        <v>167</v>
      </c>
      <c r="AS9" s="317">
        <v>184</v>
      </c>
      <c r="AT9" s="311">
        <v>0</v>
      </c>
      <c r="AU9" s="315">
        <v>0</v>
      </c>
      <c r="AV9" s="312">
        <v>0</v>
      </c>
      <c r="AW9" s="314">
        <v>0</v>
      </c>
      <c r="AX9" s="315">
        <v>776</v>
      </c>
      <c r="AY9" s="315">
        <v>527</v>
      </c>
      <c r="AZ9" s="315">
        <v>402</v>
      </c>
      <c r="BA9" s="315">
        <v>240</v>
      </c>
      <c r="BB9" s="315">
        <v>163</v>
      </c>
      <c r="BC9" s="316">
        <v>2108</v>
      </c>
      <c r="BD9" s="317">
        <v>2108</v>
      </c>
      <c r="BE9" s="311">
        <v>0</v>
      </c>
      <c r="BF9" s="315">
        <v>0</v>
      </c>
      <c r="BG9" s="312">
        <v>0</v>
      </c>
      <c r="BH9" s="314">
        <v>0</v>
      </c>
      <c r="BI9" s="315">
        <v>38</v>
      </c>
      <c r="BJ9" s="315">
        <v>121</v>
      </c>
      <c r="BK9" s="315">
        <v>62</v>
      </c>
      <c r="BL9" s="315">
        <v>83</v>
      </c>
      <c r="BM9" s="315">
        <v>11</v>
      </c>
      <c r="BN9" s="312">
        <v>315</v>
      </c>
      <c r="BO9" s="317">
        <v>315</v>
      </c>
      <c r="BP9" s="311">
        <v>0</v>
      </c>
      <c r="BQ9" s="315">
        <v>0</v>
      </c>
      <c r="BR9" s="312">
        <v>0</v>
      </c>
      <c r="BS9" s="314">
        <v>0</v>
      </c>
      <c r="BT9" s="315">
        <v>115</v>
      </c>
      <c r="BU9" s="315">
        <v>117</v>
      </c>
      <c r="BV9" s="315">
        <v>287</v>
      </c>
      <c r="BW9" s="315">
        <v>187</v>
      </c>
      <c r="BX9" s="315">
        <v>113</v>
      </c>
      <c r="BY9" s="312">
        <v>819</v>
      </c>
      <c r="BZ9" s="317">
        <v>819</v>
      </c>
      <c r="CA9" s="311">
        <v>0</v>
      </c>
      <c r="CB9" s="315">
        <v>0</v>
      </c>
      <c r="CC9" s="312">
        <v>0</v>
      </c>
      <c r="CD9" s="314">
        <v>0</v>
      </c>
      <c r="CE9" s="315">
        <v>0</v>
      </c>
      <c r="CF9" s="315">
        <v>0</v>
      </c>
      <c r="CG9" s="315">
        <v>0</v>
      </c>
      <c r="CH9" s="315">
        <v>2</v>
      </c>
      <c r="CI9" s="315">
        <v>40</v>
      </c>
      <c r="CJ9" s="312">
        <v>42</v>
      </c>
      <c r="CK9" s="317">
        <v>42</v>
      </c>
      <c r="CL9" s="311">
        <v>0</v>
      </c>
      <c r="CM9" s="315">
        <v>0</v>
      </c>
      <c r="CN9" s="312">
        <v>0</v>
      </c>
      <c r="CO9" s="314">
        <v>0</v>
      </c>
      <c r="CP9" s="315">
        <v>0</v>
      </c>
      <c r="CQ9" s="315">
        <v>0</v>
      </c>
      <c r="CR9" s="315">
        <v>0</v>
      </c>
      <c r="CS9" s="315">
        <v>0</v>
      </c>
      <c r="CT9" s="315">
        <v>0</v>
      </c>
      <c r="CU9" s="312">
        <v>0</v>
      </c>
      <c r="CV9" s="317">
        <v>0</v>
      </c>
      <c r="CW9" s="311">
        <v>0</v>
      </c>
      <c r="CX9" s="315">
        <v>0</v>
      </c>
      <c r="CY9" s="312">
        <v>0</v>
      </c>
      <c r="CZ9" s="314">
        <v>0</v>
      </c>
      <c r="DA9" s="315">
        <v>0</v>
      </c>
      <c r="DB9" s="315">
        <v>0</v>
      </c>
      <c r="DC9" s="315">
        <v>0</v>
      </c>
      <c r="DD9" s="315">
        <v>0</v>
      </c>
      <c r="DE9" s="315">
        <v>0</v>
      </c>
      <c r="DF9" s="312">
        <v>0</v>
      </c>
      <c r="DG9" s="317">
        <v>0</v>
      </c>
    </row>
    <row r="10" spans="1:111" ht="18.75" customHeight="1" x14ac:dyDescent="0.2">
      <c r="A10" s="296" t="s">
        <v>7</v>
      </c>
      <c r="B10" s="311">
        <v>0</v>
      </c>
      <c r="C10" s="312">
        <v>0</v>
      </c>
      <c r="D10" s="313">
        <v>0</v>
      </c>
      <c r="E10" s="314">
        <v>0</v>
      </c>
      <c r="F10" s="315">
        <v>662</v>
      </c>
      <c r="G10" s="315">
        <v>762</v>
      </c>
      <c r="H10" s="315">
        <v>728</v>
      </c>
      <c r="I10" s="315">
        <v>401</v>
      </c>
      <c r="J10" s="315">
        <v>785</v>
      </c>
      <c r="K10" s="316">
        <v>3338</v>
      </c>
      <c r="L10" s="317">
        <v>3338</v>
      </c>
      <c r="M10" s="311">
        <v>0</v>
      </c>
      <c r="N10" s="315">
        <v>0</v>
      </c>
      <c r="O10" s="312">
        <v>0</v>
      </c>
      <c r="P10" s="314">
        <v>0</v>
      </c>
      <c r="Q10" s="315">
        <v>10</v>
      </c>
      <c r="R10" s="315">
        <v>5</v>
      </c>
      <c r="S10" s="315">
        <v>4</v>
      </c>
      <c r="T10" s="315">
        <v>4</v>
      </c>
      <c r="U10" s="315">
        <v>46</v>
      </c>
      <c r="V10" s="312">
        <v>69</v>
      </c>
      <c r="W10" s="317">
        <v>69</v>
      </c>
      <c r="X10" s="311">
        <v>0</v>
      </c>
      <c r="Y10" s="315">
        <v>28</v>
      </c>
      <c r="Z10" s="312">
        <v>28</v>
      </c>
      <c r="AA10" s="314">
        <v>0</v>
      </c>
      <c r="AB10" s="315">
        <v>244</v>
      </c>
      <c r="AC10" s="315">
        <v>275</v>
      </c>
      <c r="AD10" s="315">
        <v>116</v>
      </c>
      <c r="AE10" s="315">
        <v>102</v>
      </c>
      <c r="AF10" s="315">
        <v>198</v>
      </c>
      <c r="AG10" s="312">
        <v>935</v>
      </c>
      <c r="AH10" s="317">
        <v>963</v>
      </c>
      <c r="AI10" s="311">
        <v>0</v>
      </c>
      <c r="AJ10" s="315">
        <v>0</v>
      </c>
      <c r="AK10" s="312">
        <v>0</v>
      </c>
      <c r="AL10" s="314">
        <v>0</v>
      </c>
      <c r="AM10" s="315">
        <v>38</v>
      </c>
      <c r="AN10" s="315">
        <v>72</v>
      </c>
      <c r="AO10" s="315">
        <v>12</v>
      </c>
      <c r="AP10" s="315">
        <v>25</v>
      </c>
      <c r="AQ10" s="315">
        <v>4</v>
      </c>
      <c r="AR10" s="312">
        <v>151</v>
      </c>
      <c r="AS10" s="317">
        <v>151</v>
      </c>
      <c r="AT10" s="311">
        <v>0</v>
      </c>
      <c r="AU10" s="315">
        <v>0</v>
      </c>
      <c r="AV10" s="312">
        <v>0</v>
      </c>
      <c r="AW10" s="314">
        <v>0</v>
      </c>
      <c r="AX10" s="315">
        <v>460</v>
      </c>
      <c r="AY10" s="315">
        <v>256</v>
      </c>
      <c r="AZ10" s="315">
        <v>89</v>
      </c>
      <c r="BA10" s="315">
        <v>45</v>
      </c>
      <c r="BB10" s="315">
        <v>20</v>
      </c>
      <c r="BC10" s="316">
        <v>870</v>
      </c>
      <c r="BD10" s="317">
        <v>870</v>
      </c>
      <c r="BE10" s="311">
        <v>0</v>
      </c>
      <c r="BF10" s="315">
        <v>0</v>
      </c>
      <c r="BG10" s="312">
        <v>0</v>
      </c>
      <c r="BH10" s="314">
        <v>0</v>
      </c>
      <c r="BI10" s="315">
        <v>138</v>
      </c>
      <c r="BJ10" s="315">
        <v>98</v>
      </c>
      <c r="BK10" s="315">
        <v>73</v>
      </c>
      <c r="BL10" s="315">
        <v>18</v>
      </c>
      <c r="BM10" s="315">
        <v>12</v>
      </c>
      <c r="BN10" s="312">
        <v>339</v>
      </c>
      <c r="BO10" s="317">
        <v>339</v>
      </c>
      <c r="BP10" s="311">
        <v>0</v>
      </c>
      <c r="BQ10" s="315">
        <v>0</v>
      </c>
      <c r="BR10" s="312">
        <v>0</v>
      </c>
      <c r="BS10" s="314">
        <v>0</v>
      </c>
      <c r="BT10" s="315">
        <v>43</v>
      </c>
      <c r="BU10" s="315">
        <v>66</v>
      </c>
      <c r="BV10" s="315">
        <v>110</v>
      </c>
      <c r="BW10" s="315">
        <v>69</v>
      </c>
      <c r="BX10" s="315">
        <v>18</v>
      </c>
      <c r="BY10" s="312">
        <v>306</v>
      </c>
      <c r="BZ10" s="317">
        <v>306</v>
      </c>
      <c r="CA10" s="311">
        <v>0</v>
      </c>
      <c r="CB10" s="315">
        <v>0</v>
      </c>
      <c r="CC10" s="312">
        <v>0</v>
      </c>
      <c r="CD10" s="314">
        <v>0</v>
      </c>
      <c r="CE10" s="315">
        <v>4</v>
      </c>
      <c r="CF10" s="315">
        <v>0</v>
      </c>
      <c r="CG10" s="315">
        <v>0</v>
      </c>
      <c r="CH10" s="315">
        <v>0</v>
      </c>
      <c r="CI10" s="315">
        <v>15</v>
      </c>
      <c r="CJ10" s="312">
        <v>19</v>
      </c>
      <c r="CK10" s="317">
        <v>19</v>
      </c>
      <c r="CL10" s="311">
        <v>0</v>
      </c>
      <c r="CM10" s="315">
        <v>0</v>
      </c>
      <c r="CN10" s="312">
        <v>0</v>
      </c>
      <c r="CO10" s="314">
        <v>0</v>
      </c>
      <c r="CP10" s="315">
        <v>0</v>
      </c>
      <c r="CQ10" s="315">
        <v>0</v>
      </c>
      <c r="CR10" s="315">
        <v>0</v>
      </c>
      <c r="CS10" s="315">
        <v>0</v>
      </c>
      <c r="CT10" s="315">
        <v>0</v>
      </c>
      <c r="CU10" s="312">
        <v>0</v>
      </c>
      <c r="CV10" s="317">
        <v>0</v>
      </c>
      <c r="CW10" s="311">
        <v>0</v>
      </c>
      <c r="CX10" s="315">
        <v>0</v>
      </c>
      <c r="CY10" s="312">
        <v>0</v>
      </c>
      <c r="CZ10" s="314">
        <v>0</v>
      </c>
      <c r="DA10" s="315">
        <v>0</v>
      </c>
      <c r="DB10" s="315">
        <v>0</v>
      </c>
      <c r="DC10" s="315">
        <v>0</v>
      </c>
      <c r="DD10" s="315">
        <v>0</v>
      </c>
      <c r="DE10" s="315">
        <v>0</v>
      </c>
      <c r="DF10" s="312">
        <v>0</v>
      </c>
      <c r="DG10" s="317">
        <v>0</v>
      </c>
    </row>
    <row r="11" spans="1:111" ht="18.75" customHeight="1" x14ac:dyDescent="0.2">
      <c r="A11" s="296" t="s">
        <v>8</v>
      </c>
      <c r="B11" s="311">
        <v>0</v>
      </c>
      <c r="C11" s="312">
        <v>0</v>
      </c>
      <c r="D11" s="313">
        <v>0</v>
      </c>
      <c r="E11" s="314">
        <v>0</v>
      </c>
      <c r="F11" s="315">
        <v>177</v>
      </c>
      <c r="G11" s="315">
        <v>398</v>
      </c>
      <c r="H11" s="315">
        <v>107</v>
      </c>
      <c r="I11" s="315">
        <v>304</v>
      </c>
      <c r="J11" s="315">
        <v>336</v>
      </c>
      <c r="K11" s="316">
        <v>1322</v>
      </c>
      <c r="L11" s="317">
        <v>1322</v>
      </c>
      <c r="M11" s="311">
        <v>0</v>
      </c>
      <c r="N11" s="315">
        <v>0</v>
      </c>
      <c r="O11" s="312">
        <v>0</v>
      </c>
      <c r="P11" s="314">
        <v>0</v>
      </c>
      <c r="Q11" s="315">
        <v>0</v>
      </c>
      <c r="R11" s="315">
        <v>1</v>
      </c>
      <c r="S11" s="315">
        <v>0</v>
      </c>
      <c r="T11" s="315">
        <v>27</v>
      </c>
      <c r="U11" s="315">
        <v>19</v>
      </c>
      <c r="V11" s="312">
        <v>47</v>
      </c>
      <c r="W11" s="317">
        <v>47</v>
      </c>
      <c r="X11" s="311">
        <v>4</v>
      </c>
      <c r="Y11" s="315">
        <v>2</v>
      </c>
      <c r="Z11" s="312">
        <v>6</v>
      </c>
      <c r="AA11" s="314">
        <v>0</v>
      </c>
      <c r="AB11" s="315">
        <v>48</v>
      </c>
      <c r="AC11" s="315">
        <v>82</v>
      </c>
      <c r="AD11" s="315">
        <v>38</v>
      </c>
      <c r="AE11" s="315">
        <v>67</v>
      </c>
      <c r="AF11" s="315">
        <v>27</v>
      </c>
      <c r="AG11" s="312">
        <v>262</v>
      </c>
      <c r="AH11" s="317">
        <v>268</v>
      </c>
      <c r="AI11" s="311">
        <v>0</v>
      </c>
      <c r="AJ11" s="315">
        <v>14</v>
      </c>
      <c r="AK11" s="312">
        <v>14</v>
      </c>
      <c r="AL11" s="314">
        <v>0</v>
      </c>
      <c r="AM11" s="315">
        <v>0</v>
      </c>
      <c r="AN11" s="315">
        <v>49</v>
      </c>
      <c r="AO11" s="315">
        <v>85</v>
      </c>
      <c r="AP11" s="315">
        <v>12</v>
      </c>
      <c r="AQ11" s="315">
        <v>24</v>
      </c>
      <c r="AR11" s="312">
        <v>170</v>
      </c>
      <c r="AS11" s="317">
        <v>184</v>
      </c>
      <c r="AT11" s="311">
        <v>0</v>
      </c>
      <c r="AU11" s="315">
        <v>0</v>
      </c>
      <c r="AV11" s="312">
        <v>0</v>
      </c>
      <c r="AW11" s="314">
        <v>0</v>
      </c>
      <c r="AX11" s="315">
        <v>184</v>
      </c>
      <c r="AY11" s="315">
        <v>198</v>
      </c>
      <c r="AZ11" s="315">
        <v>29</v>
      </c>
      <c r="BA11" s="315">
        <v>95</v>
      </c>
      <c r="BB11" s="315">
        <v>16</v>
      </c>
      <c r="BC11" s="316">
        <v>522</v>
      </c>
      <c r="BD11" s="317">
        <v>522</v>
      </c>
      <c r="BE11" s="311">
        <v>0</v>
      </c>
      <c r="BF11" s="315">
        <v>0</v>
      </c>
      <c r="BG11" s="312">
        <v>0</v>
      </c>
      <c r="BH11" s="314">
        <v>0</v>
      </c>
      <c r="BI11" s="315">
        <v>111</v>
      </c>
      <c r="BJ11" s="315">
        <v>55</v>
      </c>
      <c r="BK11" s="315">
        <v>17</v>
      </c>
      <c r="BL11" s="315">
        <v>45</v>
      </c>
      <c r="BM11" s="315">
        <v>4</v>
      </c>
      <c r="BN11" s="312">
        <v>232</v>
      </c>
      <c r="BO11" s="317">
        <v>232</v>
      </c>
      <c r="BP11" s="311">
        <v>0</v>
      </c>
      <c r="BQ11" s="315">
        <v>0</v>
      </c>
      <c r="BR11" s="312">
        <v>0</v>
      </c>
      <c r="BS11" s="314">
        <v>0</v>
      </c>
      <c r="BT11" s="315">
        <v>20</v>
      </c>
      <c r="BU11" s="315">
        <v>44</v>
      </c>
      <c r="BV11" s="315">
        <v>26</v>
      </c>
      <c r="BW11" s="315">
        <v>38</v>
      </c>
      <c r="BX11" s="315">
        <v>26</v>
      </c>
      <c r="BY11" s="312">
        <v>154</v>
      </c>
      <c r="BZ11" s="317">
        <v>154</v>
      </c>
      <c r="CA11" s="311">
        <v>0</v>
      </c>
      <c r="CB11" s="315">
        <v>0</v>
      </c>
      <c r="CC11" s="312">
        <v>0</v>
      </c>
      <c r="CD11" s="314">
        <v>0</v>
      </c>
      <c r="CE11" s="315">
        <v>0</v>
      </c>
      <c r="CF11" s="315">
        <v>5</v>
      </c>
      <c r="CG11" s="315">
        <v>0</v>
      </c>
      <c r="CH11" s="315">
        <v>0</v>
      </c>
      <c r="CI11" s="315">
        <v>0</v>
      </c>
      <c r="CJ11" s="312">
        <v>5</v>
      </c>
      <c r="CK11" s="317">
        <v>5</v>
      </c>
      <c r="CL11" s="311">
        <v>0</v>
      </c>
      <c r="CM11" s="315">
        <v>0</v>
      </c>
      <c r="CN11" s="312">
        <v>0</v>
      </c>
      <c r="CO11" s="314">
        <v>0</v>
      </c>
      <c r="CP11" s="315">
        <v>0</v>
      </c>
      <c r="CQ11" s="315">
        <v>0</v>
      </c>
      <c r="CR11" s="315">
        <v>0</v>
      </c>
      <c r="CS11" s="315">
        <v>0</v>
      </c>
      <c r="CT11" s="315">
        <v>0</v>
      </c>
      <c r="CU11" s="312">
        <v>0</v>
      </c>
      <c r="CV11" s="317">
        <v>0</v>
      </c>
      <c r="CW11" s="311">
        <v>0</v>
      </c>
      <c r="CX11" s="315">
        <v>0</v>
      </c>
      <c r="CY11" s="312">
        <v>0</v>
      </c>
      <c r="CZ11" s="314">
        <v>0</v>
      </c>
      <c r="DA11" s="315">
        <v>0</v>
      </c>
      <c r="DB11" s="315">
        <v>0</v>
      </c>
      <c r="DC11" s="315">
        <v>0</v>
      </c>
      <c r="DD11" s="315">
        <v>0</v>
      </c>
      <c r="DE11" s="315">
        <v>0</v>
      </c>
      <c r="DF11" s="312">
        <v>0</v>
      </c>
      <c r="DG11" s="317">
        <v>0</v>
      </c>
    </row>
    <row r="12" spans="1:111" ht="18.75" customHeight="1" x14ac:dyDescent="0.2">
      <c r="A12" s="296" t="s">
        <v>9</v>
      </c>
      <c r="B12" s="311">
        <v>0</v>
      </c>
      <c r="C12" s="312">
        <v>0</v>
      </c>
      <c r="D12" s="313">
        <v>0</v>
      </c>
      <c r="E12" s="314">
        <v>0</v>
      </c>
      <c r="F12" s="315">
        <v>688</v>
      </c>
      <c r="G12" s="315">
        <v>694</v>
      </c>
      <c r="H12" s="315">
        <v>1208</v>
      </c>
      <c r="I12" s="315">
        <v>1599</v>
      </c>
      <c r="J12" s="315">
        <v>1829</v>
      </c>
      <c r="K12" s="316">
        <v>6018</v>
      </c>
      <c r="L12" s="317">
        <v>6018</v>
      </c>
      <c r="M12" s="311">
        <v>0</v>
      </c>
      <c r="N12" s="315">
        <v>0</v>
      </c>
      <c r="O12" s="312">
        <v>0</v>
      </c>
      <c r="P12" s="314">
        <v>0</v>
      </c>
      <c r="Q12" s="315">
        <v>21</v>
      </c>
      <c r="R12" s="315">
        <v>35</v>
      </c>
      <c r="S12" s="315">
        <v>16</v>
      </c>
      <c r="T12" s="315">
        <v>12</v>
      </c>
      <c r="U12" s="315">
        <v>83</v>
      </c>
      <c r="V12" s="312">
        <v>167</v>
      </c>
      <c r="W12" s="317">
        <v>167</v>
      </c>
      <c r="X12" s="311">
        <v>28</v>
      </c>
      <c r="Y12" s="315">
        <v>44</v>
      </c>
      <c r="Z12" s="312">
        <v>72</v>
      </c>
      <c r="AA12" s="314">
        <v>0</v>
      </c>
      <c r="AB12" s="315">
        <v>406</v>
      </c>
      <c r="AC12" s="315">
        <v>301</v>
      </c>
      <c r="AD12" s="315">
        <v>283</v>
      </c>
      <c r="AE12" s="315">
        <v>276</v>
      </c>
      <c r="AF12" s="315">
        <v>144</v>
      </c>
      <c r="AG12" s="312">
        <v>1410</v>
      </c>
      <c r="AH12" s="317">
        <v>1482</v>
      </c>
      <c r="AI12" s="311">
        <v>0</v>
      </c>
      <c r="AJ12" s="315">
        <v>0</v>
      </c>
      <c r="AK12" s="312">
        <v>0</v>
      </c>
      <c r="AL12" s="314">
        <v>0</v>
      </c>
      <c r="AM12" s="315">
        <v>157</v>
      </c>
      <c r="AN12" s="315">
        <v>111</v>
      </c>
      <c r="AO12" s="315">
        <v>91</v>
      </c>
      <c r="AP12" s="315">
        <v>99</v>
      </c>
      <c r="AQ12" s="315">
        <v>101</v>
      </c>
      <c r="AR12" s="312">
        <v>559</v>
      </c>
      <c r="AS12" s="317">
        <v>559</v>
      </c>
      <c r="AT12" s="311">
        <v>0</v>
      </c>
      <c r="AU12" s="315">
        <v>0</v>
      </c>
      <c r="AV12" s="312">
        <v>0</v>
      </c>
      <c r="AW12" s="314">
        <v>0</v>
      </c>
      <c r="AX12" s="315">
        <v>286</v>
      </c>
      <c r="AY12" s="315">
        <v>273</v>
      </c>
      <c r="AZ12" s="315">
        <v>185</v>
      </c>
      <c r="BA12" s="315">
        <v>97</v>
      </c>
      <c r="BB12" s="315">
        <v>56</v>
      </c>
      <c r="BC12" s="316">
        <v>897</v>
      </c>
      <c r="BD12" s="317">
        <v>897</v>
      </c>
      <c r="BE12" s="311">
        <v>0</v>
      </c>
      <c r="BF12" s="315">
        <v>0</v>
      </c>
      <c r="BG12" s="312">
        <v>0</v>
      </c>
      <c r="BH12" s="314">
        <v>0</v>
      </c>
      <c r="BI12" s="315">
        <v>46</v>
      </c>
      <c r="BJ12" s="315">
        <v>50</v>
      </c>
      <c r="BK12" s="315">
        <v>51</v>
      </c>
      <c r="BL12" s="315">
        <v>58</v>
      </c>
      <c r="BM12" s="315">
        <v>5</v>
      </c>
      <c r="BN12" s="312">
        <v>210</v>
      </c>
      <c r="BO12" s="317">
        <v>210</v>
      </c>
      <c r="BP12" s="311">
        <v>0</v>
      </c>
      <c r="BQ12" s="315">
        <v>0</v>
      </c>
      <c r="BR12" s="312">
        <v>0</v>
      </c>
      <c r="BS12" s="314">
        <v>0</v>
      </c>
      <c r="BT12" s="315">
        <v>28</v>
      </c>
      <c r="BU12" s="315">
        <v>55</v>
      </c>
      <c r="BV12" s="315">
        <v>60</v>
      </c>
      <c r="BW12" s="315">
        <v>88</v>
      </c>
      <c r="BX12" s="315">
        <v>46</v>
      </c>
      <c r="BY12" s="312">
        <v>277</v>
      </c>
      <c r="BZ12" s="317">
        <v>277</v>
      </c>
      <c r="CA12" s="311">
        <v>0</v>
      </c>
      <c r="CB12" s="315">
        <v>0</v>
      </c>
      <c r="CC12" s="312">
        <v>0</v>
      </c>
      <c r="CD12" s="314">
        <v>0</v>
      </c>
      <c r="CE12" s="315">
        <v>0</v>
      </c>
      <c r="CF12" s="315">
        <v>18</v>
      </c>
      <c r="CG12" s="315">
        <v>26</v>
      </c>
      <c r="CH12" s="315">
        <v>6</v>
      </c>
      <c r="CI12" s="315">
        <v>9</v>
      </c>
      <c r="CJ12" s="312">
        <v>59</v>
      </c>
      <c r="CK12" s="317">
        <v>59</v>
      </c>
      <c r="CL12" s="311">
        <v>0</v>
      </c>
      <c r="CM12" s="315">
        <v>0</v>
      </c>
      <c r="CN12" s="312">
        <v>0</v>
      </c>
      <c r="CO12" s="314">
        <v>0</v>
      </c>
      <c r="CP12" s="315">
        <v>0</v>
      </c>
      <c r="CQ12" s="315">
        <v>0</v>
      </c>
      <c r="CR12" s="315">
        <v>0</v>
      </c>
      <c r="CS12" s="315">
        <v>0</v>
      </c>
      <c r="CT12" s="315">
        <v>0</v>
      </c>
      <c r="CU12" s="312">
        <v>0</v>
      </c>
      <c r="CV12" s="317">
        <v>0</v>
      </c>
      <c r="CW12" s="311">
        <v>0</v>
      </c>
      <c r="CX12" s="315">
        <v>0</v>
      </c>
      <c r="CY12" s="312">
        <v>0</v>
      </c>
      <c r="CZ12" s="314">
        <v>0</v>
      </c>
      <c r="DA12" s="315">
        <v>0</v>
      </c>
      <c r="DB12" s="315">
        <v>0</v>
      </c>
      <c r="DC12" s="315">
        <v>0</v>
      </c>
      <c r="DD12" s="315">
        <v>0</v>
      </c>
      <c r="DE12" s="315">
        <v>0</v>
      </c>
      <c r="DF12" s="312">
        <v>0</v>
      </c>
      <c r="DG12" s="317">
        <v>0</v>
      </c>
    </row>
    <row r="13" spans="1:111" ht="18.75" customHeight="1" x14ac:dyDescent="0.2">
      <c r="A13" s="296" t="s">
        <v>10</v>
      </c>
      <c r="B13" s="311">
        <v>0</v>
      </c>
      <c r="C13" s="312">
        <v>0</v>
      </c>
      <c r="D13" s="313">
        <v>0</v>
      </c>
      <c r="E13" s="314">
        <v>0</v>
      </c>
      <c r="F13" s="315">
        <v>1126</v>
      </c>
      <c r="G13" s="315">
        <v>1063</v>
      </c>
      <c r="H13" s="315">
        <v>865</v>
      </c>
      <c r="I13" s="315">
        <v>1941</v>
      </c>
      <c r="J13" s="315">
        <v>1291</v>
      </c>
      <c r="K13" s="316">
        <v>6286</v>
      </c>
      <c r="L13" s="317">
        <v>6286</v>
      </c>
      <c r="M13" s="311">
        <v>0</v>
      </c>
      <c r="N13" s="315">
        <v>0</v>
      </c>
      <c r="O13" s="312">
        <v>0</v>
      </c>
      <c r="P13" s="314">
        <v>0</v>
      </c>
      <c r="Q13" s="315">
        <v>8</v>
      </c>
      <c r="R13" s="315">
        <v>2</v>
      </c>
      <c r="S13" s="315">
        <v>0</v>
      </c>
      <c r="T13" s="315">
        <v>11</v>
      </c>
      <c r="U13" s="315">
        <v>57</v>
      </c>
      <c r="V13" s="312">
        <v>78</v>
      </c>
      <c r="W13" s="317">
        <v>78</v>
      </c>
      <c r="X13" s="311">
        <v>42</v>
      </c>
      <c r="Y13" s="315">
        <v>242</v>
      </c>
      <c r="Z13" s="312">
        <v>284</v>
      </c>
      <c r="AA13" s="314">
        <v>0</v>
      </c>
      <c r="AB13" s="315">
        <v>527</v>
      </c>
      <c r="AC13" s="315">
        <v>365</v>
      </c>
      <c r="AD13" s="315">
        <v>249</v>
      </c>
      <c r="AE13" s="315">
        <v>227</v>
      </c>
      <c r="AF13" s="315">
        <v>156</v>
      </c>
      <c r="AG13" s="312">
        <v>1524</v>
      </c>
      <c r="AH13" s="317">
        <v>1808</v>
      </c>
      <c r="AI13" s="311">
        <v>24</v>
      </c>
      <c r="AJ13" s="315">
        <v>39</v>
      </c>
      <c r="AK13" s="312">
        <v>63</v>
      </c>
      <c r="AL13" s="314">
        <v>0</v>
      </c>
      <c r="AM13" s="315">
        <v>39</v>
      </c>
      <c r="AN13" s="315">
        <v>53</v>
      </c>
      <c r="AO13" s="315">
        <v>49</v>
      </c>
      <c r="AP13" s="315">
        <v>45</v>
      </c>
      <c r="AQ13" s="315">
        <v>16</v>
      </c>
      <c r="AR13" s="312">
        <v>202</v>
      </c>
      <c r="AS13" s="317">
        <v>265</v>
      </c>
      <c r="AT13" s="311">
        <v>0</v>
      </c>
      <c r="AU13" s="315">
        <v>0</v>
      </c>
      <c r="AV13" s="312">
        <v>0</v>
      </c>
      <c r="AW13" s="314">
        <v>0</v>
      </c>
      <c r="AX13" s="315">
        <v>930</v>
      </c>
      <c r="AY13" s="315">
        <v>521</v>
      </c>
      <c r="AZ13" s="315">
        <v>240</v>
      </c>
      <c r="BA13" s="315">
        <v>125</v>
      </c>
      <c r="BB13" s="315">
        <v>34</v>
      </c>
      <c r="BC13" s="316">
        <v>1850</v>
      </c>
      <c r="BD13" s="317">
        <v>1850</v>
      </c>
      <c r="BE13" s="311">
        <v>0</v>
      </c>
      <c r="BF13" s="315">
        <v>0</v>
      </c>
      <c r="BG13" s="312">
        <v>0</v>
      </c>
      <c r="BH13" s="314">
        <v>0</v>
      </c>
      <c r="BI13" s="315">
        <v>91</v>
      </c>
      <c r="BJ13" s="315">
        <v>48</v>
      </c>
      <c r="BK13" s="315">
        <v>42</v>
      </c>
      <c r="BL13" s="315">
        <v>25</v>
      </c>
      <c r="BM13" s="315">
        <v>8</v>
      </c>
      <c r="BN13" s="312">
        <v>214</v>
      </c>
      <c r="BO13" s="317">
        <v>214</v>
      </c>
      <c r="BP13" s="311">
        <v>9</v>
      </c>
      <c r="BQ13" s="315">
        <v>8</v>
      </c>
      <c r="BR13" s="312">
        <v>17</v>
      </c>
      <c r="BS13" s="314">
        <v>0</v>
      </c>
      <c r="BT13" s="315">
        <v>55</v>
      </c>
      <c r="BU13" s="315">
        <v>73</v>
      </c>
      <c r="BV13" s="315">
        <v>130</v>
      </c>
      <c r="BW13" s="315">
        <v>133</v>
      </c>
      <c r="BX13" s="315">
        <v>31</v>
      </c>
      <c r="BY13" s="312">
        <v>422</v>
      </c>
      <c r="BZ13" s="317">
        <v>439</v>
      </c>
      <c r="CA13" s="311">
        <v>0</v>
      </c>
      <c r="CB13" s="315">
        <v>0</v>
      </c>
      <c r="CC13" s="312">
        <v>0</v>
      </c>
      <c r="CD13" s="314">
        <v>0</v>
      </c>
      <c r="CE13" s="315">
        <v>0</v>
      </c>
      <c r="CF13" s="315">
        <v>32</v>
      </c>
      <c r="CG13" s="315">
        <v>0</v>
      </c>
      <c r="CH13" s="315">
        <v>2</v>
      </c>
      <c r="CI13" s="315">
        <v>0</v>
      </c>
      <c r="CJ13" s="312">
        <v>34</v>
      </c>
      <c r="CK13" s="317">
        <v>34</v>
      </c>
      <c r="CL13" s="311">
        <v>0</v>
      </c>
      <c r="CM13" s="315">
        <v>0</v>
      </c>
      <c r="CN13" s="312">
        <v>0</v>
      </c>
      <c r="CO13" s="314">
        <v>0</v>
      </c>
      <c r="CP13" s="315">
        <v>0</v>
      </c>
      <c r="CQ13" s="315">
        <v>0</v>
      </c>
      <c r="CR13" s="315">
        <v>0</v>
      </c>
      <c r="CS13" s="315">
        <v>0</v>
      </c>
      <c r="CT13" s="315">
        <v>0</v>
      </c>
      <c r="CU13" s="312">
        <v>0</v>
      </c>
      <c r="CV13" s="317">
        <v>0</v>
      </c>
      <c r="CW13" s="311">
        <v>0</v>
      </c>
      <c r="CX13" s="315">
        <v>0</v>
      </c>
      <c r="CY13" s="312">
        <v>0</v>
      </c>
      <c r="CZ13" s="314">
        <v>0</v>
      </c>
      <c r="DA13" s="315">
        <v>0</v>
      </c>
      <c r="DB13" s="315">
        <v>0</v>
      </c>
      <c r="DC13" s="315">
        <v>0</v>
      </c>
      <c r="DD13" s="315">
        <v>0</v>
      </c>
      <c r="DE13" s="315">
        <v>0</v>
      </c>
      <c r="DF13" s="312">
        <v>0</v>
      </c>
      <c r="DG13" s="317">
        <v>0</v>
      </c>
    </row>
    <row r="14" spans="1:111" ht="18.75" customHeight="1" x14ac:dyDescent="0.2">
      <c r="A14" s="296" t="s">
        <v>11</v>
      </c>
      <c r="B14" s="311">
        <v>0</v>
      </c>
      <c r="C14" s="312">
        <v>0</v>
      </c>
      <c r="D14" s="313">
        <v>0</v>
      </c>
      <c r="E14" s="314">
        <v>0</v>
      </c>
      <c r="F14" s="315">
        <v>173</v>
      </c>
      <c r="G14" s="315">
        <v>279</v>
      </c>
      <c r="H14" s="315">
        <v>206</v>
      </c>
      <c r="I14" s="315">
        <v>261</v>
      </c>
      <c r="J14" s="315">
        <v>375</v>
      </c>
      <c r="K14" s="316">
        <v>1294</v>
      </c>
      <c r="L14" s="317">
        <v>1294</v>
      </c>
      <c r="M14" s="311">
        <v>0</v>
      </c>
      <c r="N14" s="315">
        <v>0</v>
      </c>
      <c r="O14" s="312">
        <v>0</v>
      </c>
      <c r="P14" s="314">
        <v>0</v>
      </c>
      <c r="Q14" s="315">
        <v>4</v>
      </c>
      <c r="R14" s="315">
        <v>0</v>
      </c>
      <c r="S14" s="315">
        <v>0</v>
      </c>
      <c r="T14" s="315">
        <v>12</v>
      </c>
      <c r="U14" s="315">
        <v>4</v>
      </c>
      <c r="V14" s="312">
        <v>20</v>
      </c>
      <c r="W14" s="317">
        <v>20</v>
      </c>
      <c r="X14" s="311">
        <v>43</v>
      </c>
      <c r="Y14" s="315">
        <v>31</v>
      </c>
      <c r="Z14" s="312">
        <v>74</v>
      </c>
      <c r="AA14" s="314">
        <v>0</v>
      </c>
      <c r="AB14" s="315">
        <v>180</v>
      </c>
      <c r="AC14" s="315">
        <v>75</v>
      </c>
      <c r="AD14" s="315">
        <v>69</v>
      </c>
      <c r="AE14" s="315">
        <v>92</v>
      </c>
      <c r="AF14" s="315">
        <v>251</v>
      </c>
      <c r="AG14" s="312">
        <v>667</v>
      </c>
      <c r="AH14" s="317">
        <v>741</v>
      </c>
      <c r="AI14" s="311">
        <v>0</v>
      </c>
      <c r="AJ14" s="315">
        <v>14</v>
      </c>
      <c r="AK14" s="312">
        <v>14</v>
      </c>
      <c r="AL14" s="314">
        <v>0</v>
      </c>
      <c r="AM14" s="315">
        <v>69</v>
      </c>
      <c r="AN14" s="315">
        <v>14</v>
      </c>
      <c r="AO14" s="315">
        <v>9</v>
      </c>
      <c r="AP14" s="315">
        <v>0</v>
      </c>
      <c r="AQ14" s="315">
        <v>24</v>
      </c>
      <c r="AR14" s="312">
        <v>116</v>
      </c>
      <c r="AS14" s="317">
        <v>130</v>
      </c>
      <c r="AT14" s="311">
        <v>0</v>
      </c>
      <c r="AU14" s="315">
        <v>0</v>
      </c>
      <c r="AV14" s="312">
        <v>0</v>
      </c>
      <c r="AW14" s="314">
        <v>0</v>
      </c>
      <c r="AX14" s="315">
        <v>165</v>
      </c>
      <c r="AY14" s="315">
        <v>128</v>
      </c>
      <c r="AZ14" s="315">
        <v>121</v>
      </c>
      <c r="BA14" s="315">
        <v>37</v>
      </c>
      <c r="BB14" s="315">
        <v>29</v>
      </c>
      <c r="BC14" s="316">
        <v>480</v>
      </c>
      <c r="BD14" s="317">
        <v>480</v>
      </c>
      <c r="BE14" s="311">
        <v>0</v>
      </c>
      <c r="BF14" s="315">
        <v>0</v>
      </c>
      <c r="BG14" s="312">
        <v>0</v>
      </c>
      <c r="BH14" s="314">
        <v>0</v>
      </c>
      <c r="BI14" s="315">
        <v>57</v>
      </c>
      <c r="BJ14" s="315">
        <v>21</v>
      </c>
      <c r="BK14" s="315">
        <v>62</v>
      </c>
      <c r="BL14" s="315">
        <v>26</v>
      </c>
      <c r="BM14" s="315">
        <v>17</v>
      </c>
      <c r="BN14" s="312">
        <v>183</v>
      </c>
      <c r="BO14" s="317">
        <v>183</v>
      </c>
      <c r="BP14" s="311">
        <v>0</v>
      </c>
      <c r="BQ14" s="315">
        <v>0</v>
      </c>
      <c r="BR14" s="312">
        <v>0</v>
      </c>
      <c r="BS14" s="314">
        <v>0</v>
      </c>
      <c r="BT14" s="315">
        <v>9</v>
      </c>
      <c r="BU14" s="315">
        <v>14</v>
      </c>
      <c r="BV14" s="315">
        <v>28</v>
      </c>
      <c r="BW14" s="315">
        <v>63</v>
      </c>
      <c r="BX14" s="315">
        <v>32</v>
      </c>
      <c r="BY14" s="312">
        <v>146</v>
      </c>
      <c r="BZ14" s="317">
        <v>146</v>
      </c>
      <c r="CA14" s="311">
        <v>0</v>
      </c>
      <c r="CB14" s="315">
        <v>0</v>
      </c>
      <c r="CC14" s="312">
        <v>0</v>
      </c>
      <c r="CD14" s="314">
        <v>0</v>
      </c>
      <c r="CE14" s="315">
        <v>0</v>
      </c>
      <c r="CF14" s="315">
        <v>0</v>
      </c>
      <c r="CG14" s="315">
        <v>27</v>
      </c>
      <c r="CH14" s="315">
        <v>24</v>
      </c>
      <c r="CI14" s="315">
        <v>0</v>
      </c>
      <c r="CJ14" s="312">
        <v>51</v>
      </c>
      <c r="CK14" s="317">
        <v>51</v>
      </c>
      <c r="CL14" s="311">
        <v>0</v>
      </c>
      <c r="CM14" s="315">
        <v>0</v>
      </c>
      <c r="CN14" s="312">
        <v>0</v>
      </c>
      <c r="CO14" s="314">
        <v>0</v>
      </c>
      <c r="CP14" s="315">
        <v>0</v>
      </c>
      <c r="CQ14" s="315">
        <v>0</v>
      </c>
      <c r="CR14" s="315">
        <v>0</v>
      </c>
      <c r="CS14" s="315">
        <v>0</v>
      </c>
      <c r="CT14" s="315">
        <v>0</v>
      </c>
      <c r="CU14" s="312">
        <v>0</v>
      </c>
      <c r="CV14" s="317">
        <v>0</v>
      </c>
      <c r="CW14" s="311">
        <v>0</v>
      </c>
      <c r="CX14" s="315">
        <v>0</v>
      </c>
      <c r="CY14" s="312">
        <v>0</v>
      </c>
      <c r="CZ14" s="314">
        <v>0</v>
      </c>
      <c r="DA14" s="315">
        <v>0</v>
      </c>
      <c r="DB14" s="315">
        <v>0</v>
      </c>
      <c r="DC14" s="315">
        <v>0</v>
      </c>
      <c r="DD14" s="315">
        <v>0</v>
      </c>
      <c r="DE14" s="315">
        <v>0</v>
      </c>
      <c r="DF14" s="312">
        <v>0</v>
      </c>
      <c r="DG14" s="317">
        <v>0</v>
      </c>
    </row>
    <row r="15" spans="1:111" ht="18.75" customHeight="1" x14ac:dyDescent="0.2">
      <c r="A15" s="296" t="s">
        <v>12</v>
      </c>
      <c r="B15" s="311">
        <v>0</v>
      </c>
      <c r="C15" s="312">
        <v>0</v>
      </c>
      <c r="D15" s="313">
        <v>0</v>
      </c>
      <c r="E15" s="314">
        <v>0</v>
      </c>
      <c r="F15" s="315">
        <v>390</v>
      </c>
      <c r="G15" s="315">
        <v>526</v>
      </c>
      <c r="H15" s="315">
        <v>576</v>
      </c>
      <c r="I15" s="315">
        <v>535</v>
      </c>
      <c r="J15" s="315">
        <v>485</v>
      </c>
      <c r="K15" s="316">
        <v>2512</v>
      </c>
      <c r="L15" s="317">
        <v>2512</v>
      </c>
      <c r="M15" s="311">
        <v>0</v>
      </c>
      <c r="N15" s="315">
        <v>0</v>
      </c>
      <c r="O15" s="312">
        <v>0</v>
      </c>
      <c r="P15" s="314">
        <v>0</v>
      </c>
      <c r="Q15" s="315">
        <v>0</v>
      </c>
      <c r="R15" s="315">
        <v>9</v>
      </c>
      <c r="S15" s="315">
        <v>1</v>
      </c>
      <c r="T15" s="315">
        <v>4</v>
      </c>
      <c r="U15" s="315">
        <v>38</v>
      </c>
      <c r="V15" s="312">
        <v>52</v>
      </c>
      <c r="W15" s="317">
        <v>52</v>
      </c>
      <c r="X15" s="311">
        <v>49</v>
      </c>
      <c r="Y15" s="315">
        <v>52</v>
      </c>
      <c r="Z15" s="312">
        <v>101</v>
      </c>
      <c r="AA15" s="314">
        <v>0</v>
      </c>
      <c r="AB15" s="315">
        <v>132</v>
      </c>
      <c r="AC15" s="315">
        <v>119</v>
      </c>
      <c r="AD15" s="315">
        <v>142</v>
      </c>
      <c r="AE15" s="315">
        <v>92</v>
      </c>
      <c r="AF15" s="315">
        <v>136</v>
      </c>
      <c r="AG15" s="312">
        <v>621</v>
      </c>
      <c r="AH15" s="317">
        <v>722</v>
      </c>
      <c r="AI15" s="311">
        <v>0</v>
      </c>
      <c r="AJ15" s="315">
        <v>0</v>
      </c>
      <c r="AK15" s="312">
        <v>0</v>
      </c>
      <c r="AL15" s="314">
        <v>0</v>
      </c>
      <c r="AM15" s="315">
        <v>0</v>
      </c>
      <c r="AN15" s="315">
        <v>26</v>
      </c>
      <c r="AO15" s="315">
        <v>10</v>
      </c>
      <c r="AP15" s="315">
        <v>0</v>
      </c>
      <c r="AQ15" s="315">
        <v>21</v>
      </c>
      <c r="AR15" s="312">
        <v>57</v>
      </c>
      <c r="AS15" s="317">
        <v>57</v>
      </c>
      <c r="AT15" s="311">
        <v>0</v>
      </c>
      <c r="AU15" s="315">
        <v>0</v>
      </c>
      <c r="AV15" s="312">
        <v>0</v>
      </c>
      <c r="AW15" s="314">
        <v>0</v>
      </c>
      <c r="AX15" s="315">
        <v>337</v>
      </c>
      <c r="AY15" s="315">
        <v>146</v>
      </c>
      <c r="AZ15" s="315">
        <v>59</v>
      </c>
      <c r="BA15" s="315">
        <v>144</v>
      </c>
      <c r="BB15" s="315">
        <v>40</v>
      </c>
      <c r="BC15" s="316">
        <v>726</v>
      </c>
      <c r="BD15" s="317">
        <v>726</v>
      </c>
      <c r="BE15" s="311">
        <v>0</v>
      </c>
      <c r="BF15" s="315">
        <v>0</v>
      </c>
      <c r="BG15" s="312">
        <v>0</v>
      </c>
      <c r="BH15" s="314">
        <v>0</v>
      </c>
      <c r="BI15" s="315">
        <v>46</v>
      </c>
      <c r="BJ15" s="315">
        <v>68</v>
      </c>
      <c r="BK15" s="315">
        <v>49</v>
      </c>
      <c r="BL15" s="315">
        <v>33</v>
      </c>
      <c r="BM15" s="315">
        <v>21</v>
      </c>
      <c r="BN15" s="312">
        <v>217</v>
      </c>
      <c r="BO15" s="317">
        <v>217</v>
      </c>
      <c r="BP15" s="311">
        <v>0</v>
      </c>
      <c r="BQ15" s="315">
        <v>0</v>
      </c>
      <c r="BR15" s="312">
        <v>0</v>
      </c>
      <c r="BS15" s="314">
        <v>0</v>
      </c>
      <c r="BT15" s="315">
        <v>20</v>
      </c>
      <c r="BU15" s="315">
        <v>31</v>
      </c>
      <c r="BV15" s="315">
        <v>74</v>
      </c>
      <c r="BW15" s="315">
        <v>58</v>
      </c>
      <c r="BX15" s="315">
        <v>16</v>
      </c>
      <c r="BY15" s="312">
        <v>199</v>
      </c>
      <c r="BZ15" s="317">
        <v>199</v>
      </c>
      <c r="CA15" s="311">
        <v>0</v>
      </c>
      <c r="CB15" s="315">
        <v>0</v>
      </c>
      <c r="CC15" s="312">
        <v>0</v>
      </c>
      <c r="CD15" s="314">
        <v>0</v>
      </c>
      <c r="CE15" s="315">
        <v>0</v>
      </c>
      <c r="CF15" s="315">
        <v>0</v>
      </c>
      <c r="CG15" s="315">
        <v>0</v>
      </c>
      <c r="CH15" s="315">
        <v>0</v>
      </c>
      <c r="CI15" s="315">
        <v>7</v>
      </c>
      <c r="CJ15" s="312">
        <v>7</v>
      </c>
      <c r="CK15" s="317">
        <v>7</v>
      </c>
      <c r="CL15" s="311">
        <v>0</v>
      </c>
      <c r="CM15" s="315">
        <v>0</v>
      </c>
      <c r="CN15" s="312">
        <v>0</v>
      </c>
      <c r="CO15" s="314">
        <v>0</v>
      </c>
      <c r="CP15" s="315">
        <v>0</v>
      </c>
      <c r="CQ15" s="315">
        <v>0</v>
      </c>
      <c r="CR15" s="315">
        <v>0</v>
      </c>
      <c r="CS15" s="315">
        <v>0</v>
      </c>
      <c r="CT15" s="315">
        <v>0</v>
      </c>
      <c r="CU15" s="312">
        <v>0</v>
      </c>
      <c r="CV15" s="317">
        <v>0</v>
      </c>
      <c r="CW15" s="311">
        <v>0</v>
      </c>
      <c r="CX15" s="315">
        <v>0</v>
      </c>
      <c r="CY15" s="312">
        <v>0</v>
      </c>
      <c r="CZ15" s="314">
        <v>0</v>
      </c>
      <c r="DA15" s="315">
        <v>0</v>
      </c>
      <c r="DB15" s="315">
        <v>0</v>
      </c>
      <c r="DC15" s="315">
        <v>0</v>
      </c>
      <c r="DD15" s="315">
        <v>0</v>
      </c>
      <c r="DE15" s="315">
        <v>0</v>
      </c>
      <c r="DF15" s="312">
        <v>0</v>
      </c>
      <c r="DG15" s="317">
        <v>0</v>
      </c>
    </row>
    <row r="16" spans="1:111" ht="18.75" customHeight="1" x14ac:dyDescent="0.2">
      <c r="A16" s="296" t="s">
        <v>13</v>
      </c>
      <c r="B16" s="311">
        <v>0</v>
      </c>
      <c r="C16" s="312">
        <v>0</v>
      </c>
      <c r="D16" s="313">
        <v>0</v>
      </c>
      <c r="E16" s="314">
        <v>0</v>
      </c>
      <c r="F16" s="315">
        <v>74</v>
      </c>
      <c r="G16" s="315">
        <v>379</v>
      </c>
      <c r="H16" s="315">
        <v>598</v>
      </c>
      <c r="I16" s="315">
        <v>513</v>
      </c>
      <c r="J16" s="315">
        <v>605</v>
      </c>
      <c r="K16" s="316">
        <v>2169</v>
      </c>
      <c r="L16" s="317">
        <v>2169</v>
      </c>
      <c r="M16" s="311">
        <v>0</v>
      </c>
      <c r="N16" s="315">
        <v>0</v>
      </c>
      <c r="O16" s="312">
        <v>0</v>
      </c>
      <c r="P16" s="314">
        <v>0</v>
      </c>
      <c r="Q16" s="315">
        <v>0</v>
      </c>
      <c r="R16" s="315">
        <v>0</v>
      </c>
      <c r="S16" s="315">
        <v>8</v>
      </c>
      <c r="T16" s="315">
        <v>7</v>
      </c>
      <c r="U16" s="315">
        <v>0</v>
      </c>
      <c r="V16" s="312">
        <v>15</v>
      </c>
      <c r="W16" s="317">
        <v>15</v>
      </c>
      <c r="X16" s="311">
        <v>6</v>
      </c>
      <c r="Y16" s="315">
        <v>20</v>
      </c>
      <c r="Z16" s="312">
        <v>26</v>
      </c>
      <c r="AA16" s="314">
        <v>0</v>
      </c>
      <c r="AB16" s="315">
        <v>-96</v>
      </c>
      <c r="AC16" s="315">
        <v>116</v>
      </c>
      <c r="AD16" s="315">
        <v>149</v>
      </c>
      <c r="AE16" s="315">
        <v>115</v>
      </c>
      <c r="AF16" s="315">
        <v>71</v>
      </c>
      <c r="AG16" s="312">
        <v>355</v>
      </c>
      <c r="AH16" s="317">
        <v>381</v>
      </c>
      <c r="AI16" s="311">
        <v>0</v>
      </c>
      <c r="AJ16" s="315">
        <v>0</v>
      </c>
      <c r="AK16" s="312">
        <v>0</v>
      </c>
      <c r="AL16" s="314">
        <v>0</v>
      </c>
      <c r="AM16" s="315">
        <v>0</v>
      </c>
      <c r="AN16" s="315">
        <v>48</v>
      </c>
      <c r="AO16" s="315">
        <v>11</v>
      </c>
      <c r="AP16" s="315">
        <v>8</v>
      </c>
      <c r="AQ16" s="315">
        <v>30</v>
      </c>
      <c r="AR16" s="312">
        <v>97</v>
      </c>
      <c r="AS16" s="317">
        <v>97</v>
      </c>
      <c r="AT16" s="311">
        <v>0</v>
      </c>
      <c r="AU16" s="315">
        <v>0</v>
      </c>
      <c r="AV16" s="312">
        <v>0</v>
      </c>
      <c r="AW16" s="314">
        <v>0</v>
      </c>
      <c r="AX16" s="315">
        <v>97</v>
      </c>
      <c r="AY16" s="315">
        <v>112</v>
      </c>
      <c r="AZ16" s="315">
        <v>15</v>
      </c>
      <c r="BA16" s="315">
        <v>52</v>
      </c>
      <c r="BB16" s="315">
        <v>8</v>
      </c>
      <c r="BC16" s="316">
        <v>284</v>
      </c>
      <c r="BD16" s="317">
        <v>284</v>
      </c>
      <c r="BE16" s="311">
        <v>0</v>
      </c>
      <c r="BF16" s="315">
        <v>0</v>
      </c>
      <c r="BG16" s="312">
        <v>0</v>
      </c>
      <c r="BH16" s="314">
        <v>0</v>
      </c>
      <c r="BI16" s="315">
        <v>4</v>
      </c>
      <c r="BJ16" s="315">
        <v>15</v>
      </c>
      <c r="BK16" s="315">
        <v>28</v>
      </c>
      <c r="BL16" s="315">
        <v>9</v>
      </c>
      <c r="BM16" s="315">
        <v>0</v>
      </c>
      <c r="BN16" s="312">
        <v>56</v>
      </c>
      <c r="BO16" s="317">
        <v>56</v>
      </c>
      <c r="BP16" s="311">
        <v>0</v>
      </c>
      <c r="BQ16" s="315">
        <v>0</v>
      </c>
      <c r="BR16" s="312">
        <v>0</v>
      </c>
      <c r="BS16" s="314">
        <v>0</v>
      </c>
      <c r="BT16" s="315">
        <v>4</v>
      </c>
      <c r="BU16" s="315">
        <v>9</v>
      </c>
      <c r="BV16" s="315">
        <v>48</v>
      </c>
      <c r="BW16" s="315">
        <v>20</v>
      </c>
      <c r="BX16" s="315">
        <v>30</v>
      </c>
      <c r="BY16" s="312">
        <v>111</v>
      </c>
      <c r="BZ16" s="317">
        <v>111</v>
      </c>
      <c r="CA16" s="311">
        <v>0</v>
      </c>
      <c r="CB16" s="315">
        <v>0</v>
      </c>
      <c r="CC16" s="312">
        <v>0</v>
      </c>
      <c r="CD16" s="314">
        <v>0</v>
      </c>
      <c r="CE16" s="315">
        <v>0</v>
      </c>
      <c r="CF16" s="315">
        <v>0</v>
      </c>
      <c r="CG16" s="315">
        <v>15</v>
      </c>
      <c r="CH16" s="315">
        <v>7</v>
      </c>
      <c r="CI16" s="315">
        <v>0</v>
      </c>
      <c r="CJ16" s="312">
        <v>22</v>
      </c>
      <c r="CK16" s="317">
        <v>22</v>
      </c>
      <c r="CL16" s="311">
        <v>0</v>
      </c>
      <c r="CM16" s="315">
        <v>0</v>
      </c>
      <c r="CN16" s="312">
        <v>0</v>
      </c>
      <c r="CO16" s="314">
        <v>0</v>
      </c>
      <c r="CP16" s="315">
        <v>0</v>
      </c>
      <c r="CQ16" s="315">
        <v>0</v>
      </c>
      <c r="CR16" s="315">
        <v>0</v>
      </c>
      <c r="CS16" s="315">
        <v>0</v>
      </c>
      <c r="CT16" s="315">
        <v>0</v>
      </c>
      <c r="CU16" s="312">
        <v>0</v>
      </c>
      <c r="CV16" s="317">
        <v>0</v>
      </c>
      <c r="CW16" s="311">
        <v>0</v>
      </c>
      <c r="CX16" s="315">
        <v>0</v>
      </c>
      <c r="CY16" s="312">
        <v>0</v>
      </c>
      <c r="CZ16" s="314">
        <v>0</v>
      </c>
      <c r="DA16" s="315">
        <v>0</v>
      </c>
      <c r="DB16" s="315">
        <v>0</v>
      </c>
      <c r="DC16" s="315">
        <v>0</v>
      </c>
      <c r="DD16" s="315">
        <v>0</v>
      </c>
      <c r="DE16" s="315">
        <v>0</v>
      </c>
      <c r="DF16" s="312">
        <v>0</v>
      </c>
      <c r="DG16" s="317">
        <v>0</v>
      </c>
    </row>
    <row r="17" spans="1:111" ht="18.75" customHeight="1" x14ac:dyDescent="0.2">
      <c r="A17" s="296" t="s">
        <v>15</v>
      </c>
      <c r="B17" s="311">
        <v>0</v>
      </c>
      <c r="C17" s="312">
        <v>0</v>
      </c>
      <c r="D17" s="313">
        <v>0</v>
      </c>
      <c r="E17" s="314">
        <v>0</v>
      </c>
      <c r="F17" s="315">
        <v>27</v>
      </c>
      <c r="G17" s="315">
        <v>17</v>
      </c>
      <c r="H17" s="315">
        <v>0</v>
      </c>
      <c r="I17" s="315">
        <v>18</v>
      </c>
      <c r="J17" s="315">
        <v>99</v>
      </c>
      <c r="K17" s="316">
        <v>161</v>
      </c>
      <c r="L17" s="317">
        <v>161</v>
      </c>
      <c r="M17" s="311">
        <v>0</v>
      </c>
      <c r="N17" s="315">
        <v>0</v>
      </c>
      <c r="O17" s="312">
        <v>0</v>
      </c>
      <c r="P17" s="314">
        <v>0</v>
      </c>
      <c r="Q17" s="315">
        <v>0</v>
      </c>
      <c r="R17" s="315">
        <v>0</v>
      </c>
      <c r="S17" s="315">
        <v>0</v>
      </c>
      <c r="T17" s="315">
        <v>0</v>
      </c>
      <c r="U17" s="315">
        <v>19</v>
      </c>
      <c r="V17" s="312">
        <v>19</v>
      </c>
      <c r="W17" s="317">
        <v>19</v>
      </c>
      <c r="X17" s="311">
        <v>0</v>
      </c>
      <c r="Y17" s="315">
        <v>0</v>
      </c>
      <c r="Z17" s="312">
        <v>0</v>
      </c>
      <c r="AA17" s="314">
        <v>0</v>
      </c>
      <c r="AB17" s="315">
        <v>26</v>
      </c>
      <c r="AC17" s="315">
        <v>10</v>
      </c>
      <c r="AD17" s="315">
        <v>28</v>
      </c>
      <c r="AE17" s="315">
        <v>15</v>
      </c>
      <c r="AF17" s="315">
        <v>34</v>
      </c>
      <c r="AG17" s="312">
        <v>113</v>
      </c>
      <c r="AH17" s="317">
        <v>113</v>
      </c>
      <c r="AI17" s="311">
        <v>0</v>
      </c>
      <c r="AJ17" s="315">
        <v>0</v>
      </c>
      <c r="AK17" s="312">
        <v>0</v>
      </c>
      <c r="AL17" s="314">
        <v>0</v>
      </c>
      <c r="AM17" s="315">
        <v>0</v>
      </c>
      <c r="AN17" s="315">
        <v>4</v>
      </c>
      <c r="AO17" s="315">
        <v>0</v>
      </c>
      <c r="AP17" s="315">
        <v>24</v>
      </c>
      <c r="AQ17" s="315">
        <v>12</v>
      </c>
      <c r="AR17" s="312">
        <v>40</v>
      </c>
      <c r="AS17" s="317">
        <v>40</v>
      </c>
      <c r="AT17" s="311">
        <v>0</v>
      </c>
      <c r="AU17" s="315">
        <v>0</v>
      </c>
      <c r="AV17" s="312">
        <v>0</v>
      </c>
      <c r="AW17" s="314">
        <v>0</v>
      </c>
      <c r="AX17" s="315">
        <v>18</v>
      </c>
      <c r="AY17" s="315">
        <v>13</v>
      </c>
      <c r="AZ17" s="315">
        <v>33</v>
      </c>
      <c r="BA17" s="315">
        <v>10</v>
      </c>
      <c r="BB17" s="315">
        <v>0</v>
      </c>
      <c r="BC17" s="316">
        <v>74</v>
      </c>
      <c r="BD17" s="317">
        <v>74</v>
      </c>
      <c r="BE17" s="311">
        <v>0</v>
      </c>
      <c r="BF17" s="315">
        <v>0</v>
      </c>
      <c r="BG17" s="312">
        <v>0</v>
      </c>
      <c r="BH17" s="314">
        <v>0</v>
      </c>
      <c r="BI17" s="315">
        <v>9</v>
      </c>
      <c r="BJ17" s="315">
        <v>8</v>
      </c>
      <c r="BK17" s="315">
        <v>9</v>
      </c>
      <c r="BL17" s="315">
        <v>8</v>
      </c>
      <c r="BM17" s="315">
        <v>8</v>
      </c>
      <c r="BN17" s="312">
        <v>42</v>
      </c>
      <c r="BO17" s="317">
        <v>42</v>
      </c>
      <c r="BP17" s="311">
        <v>0</v>
      </c>
      <c r="BQ17" s="315">
        <v>0</v>
      </c>
      <c r="BR17" s="312">
        <v>0</v>
      </c>
      <c r="BS17" s="314">
        <v>0</v>
      </c>
      <c r="BT17" s="315">
        <v>0</v>
      </c>
      <c r="BU17" s="315">
        <v>21</v>
      </c>
      <c r="BV17" s="315">
        <v>0</v>
      </c>
      <c r="BW17" s="315">
        <v>48</v>
      </c>
      <c r="BX17" s="315">
        <v>15</v>
      </c>
      <c r="BY17" s="312">
        <v>84</v>
      </c>
      <c r="BZ17" s="317">
        <v>84</v>
      </c>
      <c r="CA17" s="311">
        <v>0</v>
      </c>
      <c r="CB17" s="315">
        <v>0</v>
      </c>
      <c r="CC17" s="312">
        <v>0</v>
      </c>
      <c r="CD17" s="314">
        <v>0</v>
      </c>
      <c r="CE17" s="315">
        <v>0</v>
      </c>
      <c r="CF17" s="315">
        <v>0</v>
      </c>
      <c r="CG17" s="315">
        <v>0</v>
      </c>
      <c r="CH17" s="315">
        <v>0</v>
      </c>
      <c r="CI17" s="315">
        <v>0</v>
      </c>
      <c r="CJ17" s="312">
        <v>0</v>
      </c>
      <c r="CK17" s="317">
        <v>0</v>
      </c>
      <c r="CL17" s="311">
        <v>0</v>
      </c>
      <c r="CM17" s="315">
        <v>0</v>
      </c>
      <c r="CN17" s="312">
        <v>0</v>
      </c>
      <c r="CO17" s="314">
        <v>0</v>
      </c>
      <c r="CP17" s="315">
        <v>0</v>
      </c>
      <c r="CQ17" s="315">
        <v>0</v>
      </c>
      <c r="CR17" s="315">
        <v>0</v>
      </c>
      <c r="CS17" s="315">
        <v>0</v>
      </c>
      <c r="CT17" s="315">
        <v>0</v>
      </c>
      <c r="CU17" s="312">
        <v>0</v>
      </c>
      <c r="CV17" s="317">
        <v>0</v>
      </c>
      <c r="CW17" s="311">
        <v>0</v>
      </c>
      <c r="CX17" s="315">
        <v>0</v>
      </c>
      <c r="CY17" s="312">
        <v>0</v>
      </c>
      <c r="CZ17" s="314">
        <v>0</v>
      </c>
      <c r="DA17" s="315">
        <v>0</v>
      </c>
      <c r="DB17" s="315">
        <v>0</v>
      </c>
      <c r="DC17" s="315">
        <v>0</v>
      </c>
      <c r="DD17" s="315">
        <v>0</v>
      </c>
      <c r="DE17" s="315">
        <v>0</v>
      </c>
      <c r="DF17" s="312">
        <v>0</v>
      </c>
      <c r="DG17" s="317">
        <v>0</v>
      </c>
    </row>
    <row r="18" spans="1:111" ht="18.75" customHeight="1" x14ac:dyDescent="0.2">
      <c r="A18" s="296" t="s">
        <v>16</v>
      </c>
      <c r="B18" s="311">
        <v>0</v>
      </c>
      <c r="C18" s="312">
        <v>0</v>
      </c>
      <c r="D18" s="313">
        <v>0</v>
      </c>
      <c r="E18" s="314">
        <v>0</v>
      </c>
      <c r="F18" s="315">
        <v>86</v>
      </c>
      <c r="G18" s="315">
        <v>159</v>
      </c>
      <c r="H18" s="315">
        <v>176</v>
      </c>
      <c r="I18" s="315">
        <v>30</v>
      </c>
      <c r="J18" s="315">
        <v>40</v>
      </c>
      <c r="K18" s="316">
        <v>491</v>
      </c>
      <c r="L18" s="317">
        <v>491</v>
      </c>
      <c r="M18" s="311">
        <v>0</v>
      </c>
      <c r="N18" s="315">
        <v>0</v>
      </c>
      <c r="O18" s="312">
        <v>0</v>
      </c>
      <c r="P18" s="314">
        <v>0</v>
      </c>
      <c r="Q18" s="315">
        <v>0</v>
      </c>
      <c r="R18" s="315">
        <v>4</v>
      </c>
      <c r="S18" s="315">
        <v>2</v>
      </c>
      <c r="T18" s="315">
        <v>0</v>
      </c>
      <c r="U18" s="315">
        <v>7</v>
      </c>
      <c r="V18" s="312">
        <v>13</v>
      </c>
      <c r="W18" s="317">
        <v>13</v>
      </c>
      <c r="X18" s="311">
        <v>5</v>
      </c>
      <c r="Y18" s="315">
        <v>3</v>
      </c>
      <c r="Z18" s="312">
        <v>8</v>
      </c>
      <c r="AA18" s="314">
        <v>0</v>
      </c>
      <c r="AB18" s="315">
        <v>32</v>
      </c>
      <c r="AC18" s="315">
        <v>140</v>
      </c>
      <c r="AD18" s="315">
        <v>78</v>
      </c>
      <c r="AE18" s="315">
        <v>21</v>
      </c>
      <c r="AF18" s="315">
        <v>9</v>
      </c>
      <c r="AG18" s="312">
        <v>280</v>
      </c>
      <c r="AH18" s="317">
        <v>288</v>
      </c>
      <c r="AI18" s="311">
        <v>0</v>
      </c>
      <c r="AJ18" s="315">
        <v>12</v>
      </c>
      <c r="AK18" s="312">
        <v>12</v>
      </c>
      <c r="AL18" s="314">
        <v>0</v>
      </c>
      <c r="AM18" s="315">
        <v>0</v>
      </c>
      <c r="AN18" s="315">
        <v>0</v>
      </c>
      <c r="AO18" s="315">
        <v>24</v>
      </c>
      <c r="AP18" s="315">
        <v>0</v>
      </c>
      <c r="AQ18" s="315">
        <v>0</v>
      </c>
      <c r="AR18" s="312">
        <v>24</v>
      </c>
      <c r="AS18" s="317">
        <v>36</v>
      </c>
      <c r="AT18" s="311">
        <v>0</v>
      </c>
      <c r="AU18" s="315">
        <v>0</v>
      </c>
      <c r="AV18" s="312">
        <v>0</v>
      </c>
      <c r="AW18" s="314">
        <v>0</v>
      </c>
      <c r="AX18" s="315">
        <v>132</v>
      </c>
      <c r="AY18" s="315">
        <v>150</v>
      </c>
      <c r="AZ18" s="315">
        <v>71</v>
      </c>
      <c r="BA18" s="315">
        <v>20</v>
      </c>
      <c r="BB18" s="315">
        <v>12</v>
      </c>
      <c r="BC18" s="316">
        <v>385</v>
      </c>
      <c r="BD18" s="317">
        <v>385</v>
      </c>
      <c r="BE18" s="311">
        <v>0</v>
      </c>
      <c r="BF18" s="315">
        <v>0</v>
      </c>
      <c r="BG18" s="312">
        <v>0</v>
      </c>
      <c r="BH18" s="314">
        <v>0</v>
      </c>
      <c r="BI18" s="315">
        <v>70</v>
      </c>
      <c r="BJ18" s="315">
        <v>111</v>
      </c>
      <c r="BK18" s="315">
        <v>33</v>
      </c>
      <c r="BL18" s="315">
        <v>0</v>
      </c>
      <c r="BM18" s="315">
        <v>0</v>
      </c>
      <c r="BN18" s="312">
        <v>214</v>
      </c>
      <c r="BO18" s="317">
        <v>214</v>
      </c>
      <c r="BP18" s="311">
        <v>0</v>
      </c>
      <c r="BQ18" s="315">
        <v>0</v>
      </c>
      <c r="BR18" s="312">
        <v>0</v>
      </c>
      <c r="BS18" s="314">
        <v>0</v>
      </c>
      <c r="BT18" s="315">
        <v>26</v>
      </c>
      <c r="BU18" s="315">
        <v>18</v>
      </c>
      <c r="BV18" s="315">
        <v>16</v>
      </c>
      <c r="BW18" s="315">
        <v>0</v>
      </c>
      <c r="BX18" s="315">
        <v>22</v>
      </c>
      <c r="BY18" s="312">
        <v>82</v>
      </c>
      <c r="BZ18" s="317">
        <v>82</v>
      </c>
      <c r="CA18" s="311">
        <v>0</v>
      </c>
      <c r="CB18" s="315">
        <v>0</v>
      </c>
      <c r="CC18" s="312">
        <v>0</v>
      </c>
      <c r="CD18" s="314">
        <v>0</v>
      </c>
      <c r="CE18" s="315">
        <v>0</v>
      </c>
      <c r="CF18" s="315">
        <v>0</v>
      </c>
      <c r="CG18" s="315">
        <v>3</v>
      </c>
      <c r="CH18" s="315">
        <v>0</v>
      </c>
      <c r="CI18" s="315">
        <v>0</v>
      </c>
      <c r="CJ18" s="312">
        <v>3</v>
      </c>
      <c r="CK18" s="317">
        <v>3</v>
      </c>
      <c r="CL18" s="311">
        <v>0</v>
      </c>
      <c r="CM18" s="315">
        <v>0</v>
      </c>
      <c r="CN18" s="312">
        <v>0</v>
      </c>
      <c r="CO18" s="314">
        <v>0</v>
      </c>
      <c r="CP18" s="315">
        <v>0</v>
      </c>
      <c r="CQ18" s="315">
        <v>0</v>
      </c>
      <c r="CR18" s="315">
        <v>0</v>
      </c>
      <c r="CS18" s="315">
        <v>0</v>
      </c>
      <c r="CT18" s="315">
        <v>0</v>
      </c>
      <c r="CU18" s="312">
        <v>0</v>
      </c>
      <c r="CV18" s="317">
        <v>0</v>
      </c>
      <c r="CW18" s="311">
        <v>0</v>
      </c>
      <c r="CX18" s="315">
        <v>0</v>
      </c>
      <c r="CY18" s="312">
        <v>0</v>
      </c>
      <c r="CZ18" s="314">
        <v>0</v>
      </c>
      <c r="DA18" s="315">
        <v>0</v>
      </c>
      <c r="DB18" s="315">
        <v>0</v>
      </c>
      <c r="DC18" s="315">
        <v>0</v>
      </c>
      <c r="DD18" s="315">
        <v>0</v>
      </c>
      <c r="DE18" s="315">
        <v>0</v>
      </c>
      <c r="DF18" s="312">
        <v>0</v>
      </c>
      <c r="DG18" s="317">
        <v>0</v>
      </c>
    </row>
    <row r="19" spans="1:111" ht="18.75" customHeight="1" x14ac:dyDescent="0.2">
      <c r="A19" s="296" t="s">
        <v>17</v>
      </c>
      <c r="B19" s="311">
        <v>0</v>
      </c>
      <c r="C19" s="312">
        <v>0</v>
      </c>
      <c r="D19" s="313">
        <v>0</v>
      </c>
      <c r="E19" s="314">
        <v>0</v>
      </c>
      <c r="F19" s="315">
        <v>40</v>
      </c>
      <c r="G19" s="315">
        <v>428</v>
      </c>
      <c r="H19" s="315">
        <v>294</v>
      </c>
      <c r="I19" s="315">
        <v>145</v>
      </c>
      <c r="J19" s="315">
        <v>306</v>
      </c>
      <c r="K19" s="316">
        <v>1213</v>
      </c>
      <c r="L19" s="317">
        <v>1213</v>
      </c>
      <c r="M19" s="311">
        <v>0</v>
      </c>
      <c r="N19" s="315">
        <v>0</v>
      </c>
      <c r="O19" s="312">
        <v>0</v>
      </c>
      <c r="P19" s="314">
        <v>0</v>
      </c>
      <c r="Q19" s="315">
        <v>0</v>
      </c>
      <c r="R19" s="315">
        <v>13</v>
      </c>
      <c r="S19" s="315">
        <v>2</v>
      </c>
      <c r="T19" s="315">
        <v>19</v>
      </c>
      <c r="U19" s="315">
        <v>22</v>
      </c>
      <c r="V19" s="312">
        <v>56</v>
      </c>
      <c r="W19" s="317">
        <v>56</v>
      </c>
      <c r="X19" s="311">
        <v>30</v>
      </c>
      <c r="Y19" s="315">
        <v>52</v>
      </c>
      <c r="Z19" s="312">
        <v>82</v>
      </c>
      <c r="AA19" s="314">
        <v>0</v>
      </c>
      <c r="AB19" s="315">
        <v>107</v>
      </c>
      <c r="AC19" s="315">
        <v>194</v>
      </c>
      <c r="AD19" s="315">
        <v>74</v>
      </c>
      <c r="AE19" s="315">
        <v>88</v>
      </c>
      <c r="AF19" s="315">
        <v>64</v>
      </c>
      <c r="AG19" s="312">
        <v>527</v>
      </c>
      <c r="AH19" s="317">
        <v>609</v>
      </c>
      <c r="AI19" s="311">
        <v>0</v>
      </c>
      <c r="AJ19" s="315">
        <v>0</v>
      </c>
      <c r="AK19" s="312">
        <v>0</v>
      </c>
      <c r="AL19" s="314">
        <v>0</v>
      </c>
      <c r="AM19" s="315">
        <v>0</v>
      </c>
      <c r="AN19" s="315">
        <v>12</v>
      </c>
      <c r="AO19" s="315">
        <v>30</v>
      </c>
      <c r="AP19" s="315">
        <v>15</v>
      </c>
      <c r="AQ19" s="315">
        <v>0</v>
      </c>
      <c r="AR19" s="312">
        <v>57</v>
      </c>
      <c r="AS19" s="317">
        <v>57</v>
      </c>
      <c r="AT19" s="311">
        <v>0</v>
      </c>
      <c r="AU19" s="315">
        <v>0</v>
      </c>
      <c r="AV19" s="312">
        <v>0</v>
      </c>
      <c r="AW19" s="314">
        <v>0</v>
      </c>
      <c r="AX19" s="315">
        <v>211</v>
      </c>
      <c r="AY19" s="315">
        <v>291</v>
      </c>
      <c r="AZ19" s="315">
        <v>174</v>
      </c>
      <c r="BA19" s="315">
        <v>56</v>
      </c>
      <c r="BB19" s="315">
        <v>30</v>
      </c>
      <c r="BC19" s="316">
        <v>762</v>
      </c>
      <c r="BD19" s="317">
        <v>762</v>
      </c>
      <c r="BE19" s="311">
        <v>0</v>
      </c>
      <c r="BF19" s="315">
        <v>0</v>
      </c>
      <c r="BG19" s="312">
        <v>0</v>
      </c>
      <c r="BH19" s="314">
        <v>0</v>
      </c>
      <c r="BI19" s="315">
        <v>61</v>
      </c>
      <c r="BJ19" s="315">
        <v>33</v>
      </c>
      <c r="BK19" s="315">
        <v>54</v>
      </c>
      <c r="BL19" s="315">
        <v>12</v>
      </c>
      <c r="BM19" s="315">
        <v>0</v>
      </c>
      <c r="BN19" s="312">
        <v>160</v>
      </c>
      <c r="BO19" s="317">
        <v>160</v>
      </c>
      <c r="BP19" s="311">
        <v>0</v>
      </c>
      <c r="BQ19" s="315">
        <v>0</v>
      </c>
      <c r="BR19" s="312">
        <v>0</v>
      </c>
      <c r="BS19" s="314">
        <v>0</v>
      </c>
      <c r="BT19" s="315">
        <v>7</v>
      </c>
      <c r="BU19" s="315">
        <v>72</v>
      </c>
      <c r="BV19" s="315">
        <v>69</v>
      </c>
      <c r="BW19" s="315">
        <v>56</v>
      </c>
      <c r="BX19" s="315">
        <v>0</v>
      </c>
      <c r="BY19" s="312">
        <v>204</v>
      </c>
      <c r="BZ19" s="317">
        <v>204</v>
      </c>
      <c r="CA19" s="311">
        <v>0</v>
      </c>
      <c r="CB19" s="315">
        <v>0</v>
      </c>
      <c r="CC19" s="312">
        <v>0</v>
      </c>
      <c r="CD19" s="314">
        <v>0</v>
      </c>
      <c r="CE19" s="315">
        <v>0</v>
      </c>
      <c r="CF19" s="315">
        <v>0</v>
      </c>
      <c r="CG19" s="315">
        <v>19</v>
      </c>
      <c r="CH19" s="315">
        <v>0</v>
      </c>
      <c r="CI19" s="315">
        <v>0</v>
      </c>
      <c r="CJ19" s="312">
        <v>19</v>
      </c>
      <c r="CK19" s="317">
        <v>19</v>
      </c>
      <c r="CL19" s="311">
        <v>0</v>
      </c>
      <c r="CM19" s="315">
        <v>0</v>
      </c>
      <c r="CN19" s="312">
        <v>0</v>
      </c>
      <c r="CO19" s="314">
        <v>0</v>
      </c>
      <c r="CP19" s="315">
        <v>0</v>
      </c>
      <c r="CQ19" s="315">
        <v>0</v>
      </c>
      <c r="CR19" s="315">
        <v>0</v>
      </c>
      <c r="CS19" s="315">
        <v>0</v>
      </c>
      <c r="CT19" s="315">
        <v>0</v>
      </c>
      <c r="CU19" s="312">
        <v>0</v>
      </c>
      <c r="CV19" s="317">
        <v>0</v>
      </c>
      <c r="CW19" s="311">
        <v>0</v>
      </c>
      <c r="CX19" s="315">
        <v>0</v>
      </c>
      <c r="CY19" s="312">
        <v>0</v>
      </c>
      <c r="CZ19" s="314">
        <v>0</v>
      </c>
      <c r="DA19" s="315">
        <v>0</v>
      </c>
      <c r="DB19" s="315">
        <v>0</v>
      </c>
      <c r="DC19" s="315">
        <v>0</v>
      </c>
      <c r="DD19" s="315">
        <v>0</v>
      </c>
      <c r="DE19" s="315">
        <v>0</v>
      </c>
      <c r="DF19" s="312">
        <v>0</v>
      </c>
      <c r="DG19" s="317">
        <v>0</v>
      </c>
    </row>
    <row r="20" spans="1:111" ht="18.75" customHeight="1" x14ac:dyDescent="0.2">
      <c r="A20" s="296" t="s">
        <v>18</v>
      </c>
      <c r="B20" s="311">
        <v>2</v>
      </c>
      <c r="C20" s="312">
        <v>0</v>
      </c>
      <c r="D20" s="313">
        <v>2</v>
      </c>
      <c r="E20" s="314">
        <v>0</v>
      </c>
      <c r="F20" s="315">
        <v>176</v>
      </c>
      <c r="G20" s="315">
        <v>412</v>
      </c>
      <c r="H20" s="315">
        <v>600</v>
      </c>
      <c r="I20" s="315">
        <v>728</v>
      </c>
      <c r="J20" s="315">
        <v>416</v>
      </c>
      <c r="K20" s="316">
        <v>2332</v>
      </c>
      <c r="L20" s="317">
        <v>2334</v>
      </c>
      <c r="M20" s="311">
        <v>0</v>
      </c>
      <c r="N20" s="315">
        <v>0</v>
      </c>
      <c r="O20" s="312">
        <v>0</v>
      </c>
      <c r="P20" s="314">
        <v>0</v>
      </c>
      <c r="Q20" s="315">
        <v>0</v>
      </c>
      <c r="R20" s="315">
        <v>8</v>
      </c>
      <c r="S20" s="315">
        <v>2</v>
      </c>
      <c r="T20" s="315">
        <v>11</v>
      </c>
      <c r="U20" s="315">
        <v>19</v>
      </c>
      <c r="V20" s="312">
        <v>40</v>
      </c>
      <c r="W20" s="317">
        <v>40</v>
      </c>
      <c r="X20" s="311">
        <v>27</v>
      </c>
      <c r="Y20" s="315">
        <v>69</v>
      </c>
      <c r="Z20" s="312">
        <v>96</v>
      </c>
      <c r="AA20" s="314">
        <v>0</v>
      </c>
      <c r="AB20" s="315">
        <v>108</v>
      </c>
      <c r="AC20" s="315">
        <v>236</v>
      </c>
      <c r="AD20" s="315">
        <v>132</v>
      </c>
      <c r="AE20" s="315">
        <v>298</v>
      </c>
      <c r="AF20" s="315">
        <v>86</v>
      </c>
      <c r="AG20" s="312">
        <v>860</v>
      </c>
      <c r="AH20" s="317">
        <v>956</v>
      </c>
      <c r="AI20" s="311">
        <v>0</v>
      </c>
      <c r="AJ20" s="315">
        <v>9</v>
      </c>
      <c r="AK20" s="312">
        <v>9</v>
      </c>
      <c r="AL20" s="314">
        <v>0</v>
      </c>
      <c r="AM20" s="315">
        <v>32</v>
      </c>
      <c r="AN20" s="315">
        <v>59</v>
      </c>
      <c r="AO20" s="315">
        <v>20</v>
      </c>
      <c r="AP20" s="315">
        <v>-45</v>
      </c>
      <c r="AQ20" s="315">
        <v>18</v>
      </c>
      <c r="AR20" s="312">
        <v>84</v>
      </c>
      <c r="AS20" s="317">
        <v>93</v>
      </c>
      <c r="AT20" s="311">
        <v>0</v>
      </c>
      <c r="AU20" s="315">
        <v>0</v>
      </c>
      <c r="AV20" s="312">
        <v>0</v>
      </c>
      <c r="AW20" s="314">
        <v>0</v>
      </c>
      <c r="AX20" s="315">
        <v>214</v>
      </c>
      <c r="AY20" s="315">
        <v>467</v>
      </c>
      <c r="AZ20" s="315">
        <v>143</v>
      </c>
      <c r="BA20" s="315">
        <v>125</v>
      </c>
      <c r="BB20" s="315">
        <v>37</v>
      </c>
      <c r="BC20" s="316">
        <v>986</v>
      </c>
      <c r="BD20" s="317">
        <v>986</v>
      </c>
      <c r="BE20" s="311">
        <v>0</v>
      </c>
      <c r="BF20" s="315">
        <v>0</v>
      </c>
      <c r="BG20" s="312">
        <v>0</v>
      </c>
      <c r="BH20" s="314">
        <v>0</v>
      </c>
      <c r="BI20" s="315">
        <v>39</v>
      </c>
      <c r="BJ20" s="315">
        <v>91</v>
      </c>
      <c r="BK20" s="315">
        <v>43</v>
      </c>
      <c r="BL20" s="315">
        <v>16</v>
      </c>
      <c r="BM20" s="315">
        <v>16</v>
      </c>
      <c r="BN20" s="312">
        <v>205</v>
      </c>
      <c r="BO20" s="317">
        <v>205</v>
      </c>
      <c r="BP20" s="311">
        <v>0</v>
      </c>
      <c r="BQ20" s="315">
        <v>0</v>
      </c>
      <c r="BR20" s="312">
        <v>0</v>
      </c>
      <c r="BS20" s="314">
        <v>0</v>
      </c>
      <c r="BT20" s="315">
        <v>17</v>
      </c>
      <c r="BU20" s="315">
        <v>64</v>
      </c>
      <c r="BV20" s="315">
        <v>49</v>
      </c>
      <c r="BW20" s="315">
        <v>70</v>
      </c>
      <c r="BX20" s="315">
        <v>27</v>
      </c>
      <c r="BY20" s="312">
        <v>227</v>
      </c>
      <c r="BZ20" s="317">
        <v>227</v>
      </c>
      <c r="CA20" s="311">
        <v>0</v>
      </c>
      <c r="CB20" s="315">
        <v>0</v>
      </c>
      <c r="CC20" s="312">
        <v>0</v>
      </c>
      <c r="CD20" s="314">
        <v>0</v>
      </c>
      <c r="CE20" s="315">
        <v>0</v>
      </c>
      <c r="CF20" s="315">
        <v>0</v>
      </c>
      <c r="CG20" s="315">
        <v>0</v>
      </c>
      <c r="CH20" s="315">
        <v>0</v>
      </c>
      <c r="CI20" s="315">
        <v>4</v>
      </c>
      <c r="CJ20" s="312">
        <v>4</v>
      </c>
      <c r="CK20" s="317">
        <v>4</v>
      </c>
      <c r="CL20" s="311">
        <v>0</v>
      </c>
      <c r="CM20" s="315">
        <v>0</v>
      </c>
      <c r="CN20" s="312">
        <v>0</v>
      </c>
      <c r="CO20" s="314">
        <v>0</v>
      </c>
      <c r="CP20" s="315">
        <v>0</v>
      </c>
      <c r="CQ20" s="315">
        <v>0</v>
      </c>
      <c r="CR20" s="315">
        <v>0</v>
      </c>
      <c r="CS20" s="315">
        <v>0</v>
      </c>
      <c r="CT20" s="315">
        <v>0</v>
      </c>
      <c r="CU20" s="312">
        <v>0</v>
      </c>
      <c r="CV20" s="317">
        <v>0</v>
      </c>
      <c r="CW20" s="311">
        <v>0</v>
      </c>
      <c r="CX20" s="315">
        <v>0</v>
      </c>
      <c r="CY20" s="312">
        <v>0</v>
      </c>
      <c r="CZ20" s="314">
        <v>0</v>
      </c>
      <c r="DA20" s="315">
        <v>0</v>
      </c>
      <c r="DB20" s="315">
        <v>0</v>
      </c>
      <c r="DC20" s="315">
        <v>0</v>
      </c>
      <c r="DD20" s="315">
        <v>0</v>
      </c>
      <c r="DE20" s="315">
        <v>0</v>
      </c>
      <c r="DF20" s="312">
        <v>0</v>
      </c>
      <c r="DG20" s="317">
        <v>0</v>
      </c>
    </row>
    <row r="21" spans="1:111" ht="18.75" customHeight="1" x14ac:dyDescent="0.2">
      <c r="A21" s="296" t="s">
        <v>19</v>
      </c>
      <c r="B21" s="311">
        <v>0</v>
      </c>
      <c r="C21" s="312">
        <v>0</v>
      </c>
      <c r="D21" s="313">
        <v>0</v>
      </c>
      <c r="E21" s="314">
        <v>0</v>
      </c>
      <c r="F21" s="315">
        <v>49</v>
      </c>
      <c r="G21" s="315">
        <v>164</v>
      </c>
      <c r="H21" s="315">
        <v>165</v>
      </c>
      <c r="I21" s="315">
        <v>92</v>
      </c>
      <c r="J21" s="315">
        <v>0</v>
      </c>
      <c r="K21" s="316">
        <v>470</v>
      </c>
      <c r="L21" s="317">
        <v>470</v>
      </c>
      <c r="M21" s="311">
        <v>0</v>
      </c>
      <c r="N21" s="315">
        <v>0</v>
      </c>
      <c r="O21" s="312">
        <v>0</v>
      </c>
      <c r="P21" s="314">
        <v>0</v>
      </c>
      <c r="Q21" s="315">
        <v>0</v>
      </c>
      <c r="R21" s="315">
        <v>0</v>
      </c>
      <c r="S21" s="315">
        <v>8</v>
      </c>
      <c r="T21" s="315">
        <v>4</v>
      </c>
      <c r="U21" s="315">
        <v>4</v>
      </c>
      <c r="V21" s="312">
        <v>16</v>
      </c>
      <c r="W21" s="317">
        <v>16</v>
      </c>
      <c r="X21" s="311">
        <v>13</v>
      </c>
      <c r="Y21" s="315">
        <v>28</v>
      </c>
      <c r="Z21" s="312">
        <v>41</v>
      </c>
      <c r="AA21" s="314">
        <v>0</v>
      </c>
      <c r="AB21" s="315">
        <v>59</v>
      </c>
      <c r="AC21" s="315">
        <v>99</v>
      </c>
      <c r="AD21" s="315">
        <v>38</v>
      </c>
      <c r="AE21" s="315">
        <v>59</v>
      </c>
      <c r="AF21" s="315">
        <v>106</v>
      </c>
      <c r="AG21" s="312">
        <v>361</v>
      </c>
      <c r="AH21" s="317">
        <v>402</v>
      </c>
      <c r="AI21" s="311">
        <v>0</v>
      </c>
      <c r="AJ21" s="315">
        <v>0</v>
      </c>
      <c r="AK21" s="312">
        <v>0</v>
      </c>
      <c r="AL21" s="314">
        <v>0</v>
      </c>
      <c r="AM21" s="315">
        <v>12</v>
      </c>
      <c r="AN21" s="315">
        <v>0</v>
      </c>
      <c r="AO21" s="315">
        <v>26</v>
      </c>
      <c r="AP21" s="315">
        <v>0</v>
      </c>
      <c r="AQ21" s="315">
        <v>0</v>
      </c>
      <c r="AR21" s="312">
        <v>38</v>
      </c>
      <c r="AS21" s="317">
        <v>38</v>
      </c>
      <c r="AT21" s="311">
        <v>0</v>
      </c>
      <c r="AU21" s="315">
        <v>0</v>
      </c>
      <c r="AV21" s="312">
        <v>0</v>
      </c>
      <c r="AW21" s="314">
        <v>0</v>
      </c>
      <c r="AX21" s="315">
        <v>149</v>
      </c>
      <c r="AY21" s="315">
        <v>57</v>
      </c>
      <c r="AZ21" s="315">
        <v>57</v>
      </c>
      <c r="BA21" s="315">
        <v>8</v>
      </c>
      <c r="BB21" s="315">
        <v>21</v>
      </c>
      <c r="BC21" s="316">
        <v>292</v>
      </c>
      <c r="BD21" s="317">
        <v>292</v>
      </c>
      <c r="BE21" s="311">
        <v>0</v>
      </c>
      <c r="BF21" s="315">
        <v>0</v>
      </c>
      <c r="BG21" s="312">
        <v>0</v>
      </c>
      <c r="BH21" s="314">
        <v>0</v>
      </c>
      <c r="BI21" s="315">
        <v>37</v>
      </c>
      <c r="BJ21" s="315">
        <v>21</v>
      </c>
      <c r="BK21" s="315">
        <v>19</v>
      </c>
      <c r="BL21" s="315">
        <v>40</v>
      </c>
      <c r="BM21" s="315">
        <v>12</v>
      </c>
      <c r="BN21" s="312">
        <v>129</v>
      </c>
      <c r="BO21" s="317">
        <v>129</v>
      </c>
      <c r="BP21" s="311">
        <v>0</v>
      </c>
      <c r="BQ21" s="315">
        <v>3</v>
      </c>
      <c r="BR21" s="312">
        <v>3</v>
      </c>
      <c r="BS21" s="314">
        <v>0</v>
      </c>
      <c r="BT21" s="315">
        <v>3</v>
      </c>
      <c r="BU21" s="315">
        <v>17</v>
      </c>
      <c r="BV21" s="315">
        <v>22</v>
      </c>
      <c r="BW21" s="315">
        <v>0</v>
      </c>
      <c r="BX21" s="315">
        <v>0</v>
      </c>
      <c r="BY21" s="312">
        <v>42</v>
      </c>
      <c r="BZ21" s="317">
        <v>45</v>
      </c>
      <c r="CA21" s="311">
        <v>0</v>
      </c>
      <c r="CB21" s="315">
        <v>0</v>
      </c>
      <c r="CC21" s="312">
        <v>0</v>
      </c>
      <c r="CD21" s="314">
        <v>0</v>
      </c>
      <c r="CE21" s="315">
        <v>0</v>
      </c>
      <c r="CF21" s="315">
        <v>10</v>
      </c>
      <c r="CG21" s="315">
        <v>3</v>
      </c>
      <c r="CH21" s="315">
        <v>6</v>
      </c>
      <c r="CI21" s="315">
        <v>0</v>
      </c>
      <c r="CJ21" s="312">
        <v>19</v>
      </c>
      <c r="CK21" s="317">
        <v>19</v>
      </c>
      <c r="CL21" s="311">
        <v>0</v>
      </c>
      <c r="CM21" s="315">
        <v>0</v>
      </c>
      <c r="CN21" s="312">
        <v>0</v>
      </c>
      <c r="CO21" s="314">
        <v>0</v>
      </c>
      <c r="CP21" s="315">
        <v>0</v>
      </c>
      <c r="CQ21" s="315">
        <v>0</v>
      </c>
      <c r="CR21" s="315">
        <v>0</v>
      </c>
      <c r="CS21" s="315">
        <v>0</v>
      </c>
      <c r="CT21" s="315">
        <v>0</v>
      </c>
      <c r="CU21" s="312">
        <v>0</v>
      </c>
      <c r="CV21" s="317">
        <v>0</v>
      </c>
      <c r="CW21" s="311">
        <v>0</v>
      </c>
      <c r="CX21" s="315">
        <v>0</v>
      </c>
      <c r="CY21" s="312">
        <v>0</v>
      </c>
      <c r="CZ21" s="314">
        <v>0</v>
      </c>
      <c r="DA21" s="315">
        <v>0</v>
      </c>
      <c r="DB21" s="315">
        <v>0</v>
      </c>
      <c r="DC21" s="315">
        <v>0</v>
      </c>
      <c r="DD21" s="315">
        <v>0</v>
      </c>
      <c r="DE21" s="315">
        <v>0</v>
      </c>
      <c r="DF21" s="312">
        <v>0</v>
      </c>
      <c r="DG21" s="317">
        <v>0</v>
      </c>
    </row>
    <row r="22" spans="1:111" ht="18.75" customHeight="1" x14ac:dyDescent="0.2">
      <c r="A22" s="296" t="s">
        <v>20</v>
      </c>
      <c r="B22" s="311">
        <v>0</v>
      </c>
      <c r="C22" s="312">
        <v>0</v>
      </c>
      <c r="D22" s="313">
        <v>0</v>
      </c>
      <c r="E22" s="314">
        <v>0</v>
      </c>
      <c r="F22" s="315">
        <v>264</v>
      </c>
      <c r="G22" s="315">
        <v>116</v>
      </c>
      <c r="H22" s="315">
        <v>84</v>
      </c>
      <c r="I22" s="315">
        <v>205</v>
      </c>
      <c r="J22" s="315">
        <v>118</v>
      </c>
      <c r="K22" s="316">
        <v>787</v>
      </c>
      <c r="L22" s="317">
        <v>787</v>
      </c>
      <c r="M22" s="311">
        <v>0</v>
      </c>
      <c r="N22" s="315">
        <v>0</v>
      </c>
      <c r="O22" s="312">
        <v>0</v>
      </c>
      <c r="P22" s="314">
        <v>0</v>
      </c>
      <c r="Q22" s="315">
        <v>4</v>
      </c>
      <c r="R22" s="315">
        <v>0</v>
      </c>
      <c r="S22" s="315">
        <v>4</v>
      </c>
      <c r="T22" s="315">
        <v>0</v>
      </c>
      <c r="U22" s="315">
        <v>20</v>
      </c>
      <c r="V22" s="312">
        <v>28</v>
      </c>
      <c r="W22" s="317">
        <v>28</v>
      </c>
      <c r="X22" s="311">
        <v>3</v>
      </c>
      <c r="Y22" s="315">
        <v>57</v>
      </c>
      <c r="Z22" s="312">
        <v>60</v>
      </c>
      <c r="AA22" s="314">
        <v>0</v>
      </c>
      <c r="AB22" s="315">
        <v>118</v>
      </c>
      <c r="AC22" s="315">
        <v>63</v>
      </c>
      <c r="AD22" s="315">
        <v>55</v>
      </c>
      <c r="AE22" s="315">
        <v>37</v>
      </c>
      <c r="AF22" s="315">
        <v>0</v>
      </c>
      <c r="AG22" s="312">
        <v>273</v>
      </c>
      <c r="AH22" s="317">
        <v>333</v>
      </c>
      <c r="AI22" s="311">
        <v>18</v>
      </c>
      <c r="AJ22" s="315">
        <v>14</v>
      </c>
      <c r="AK22" s="312">
        <v>32</v>
      </c>
      <c r="AL22" s="314">
        <v>0</v>
      </c>
      <c r="AM22" s="315">
        <v>20</v>
      </c>
      <c r="AN22" s="315">
        <v>46</v>
      </c>
      <c r="AO22" s="315">
        <v>36</v>
      </c>
      <c r="AP22" s="315">
        <v>0</v>
      </c>
      <c r="AQ22" s="315">
        <v>6</v>
      </c>
      <c r="AR22" s="312">
        <v>108</v>
      </c>
      <c r="AS22" s="317">
        <v>140</v>
      </c>
      <c r="AT22" s="311">
        <v>0</v>
      </c>
      <c r="AU22" s="315">
        <v>0</v>
      </c>
      <c r="AV22" s="312">
        <v>0</v>
      </c>
      <c r="AW22" s="314">
        <v>0</v>
      </c>
      <c r="AX22" s="315">
        <v>47</v>
      </c>
      <c r="AY22" s="315">
        <v>78</v>
      </c>
      <c r="AZ22" s="315">
        <v>59</v>
      </c>
      <c r="BA22" s="315">
        <v>34</v>
      </c>
      <c r="BB22" s="315">
        <v>30</v>
      </c>
      <c r="BC22" s="316">
        <v>248</v>
      </c>
      <c r="BD22" s="317">
        <v>248</v>
      </c>
      <c r="BE22" s="311">
        <v>0</v>
      </c>
      <c r="BF22" s="315">
        <v>0</v>
      </c>
      <c r="BG22" s="312">
        <v>0</v>
      </c>
      <c r="BH22" s="314">
        <v>0</v>
      </c>
      <c r="BI22" s="315">
        <v>75</v>
      </c>
      <c r="BJ22" s="315">
        <v>103</v>
      </c>
      <c r="BK22" s="315">
        <v>25</v>
      </c>
      <c r="BL22" s="315">
        <v>11</v>
      </c>
      <c r="BM22" s="315">
        <v>12</v>
      </c>
      <c r="BN22" s="312">
        <v>226</v>
      </c>
      <c r="BO22" s="317">
        <v>226</v>
      </c>
      <c r="BP22" s="311">
        <v>0</v>
      </c>
      <c r="BQ22" s="315">
        <v>7</v>
      </c>
      <c r="BR22" s="312">
        <v>7</v>
      </c>
      <c r="BS22" s="314">
        <v>0</v>
      </c>
      <c r="BT22" s="315">
        <v>8</v>
      </c>
      <c r="BU22" s="315">
        <v>7</v>
      </c>
      <c r="BV22" s="315">
        <v>85</v>
      </c>
      <c r="BW22" s="315">
        <v>13</v>
      </c>
      <c r="BX22" s="315">
        <v>0</v>
      </c>
      <c r="BY22" s="312">
        <v>113</v>
      </c>
      <c r="BZ22" s="317">
        <v>120</v>
      </c>
      <c r="CA22" s="311">
        <v>0</v>
      </c>
      <c r="CB22" s="315">
        <v>0</v>
      </c>
      <c r="CC22" s="312">
        <v>0</v>
      </c>
      <c r="CD22" s="314">
        <v>0</v>
      </c>
      <c r="CE22" s="315">
        <v>0</v>
      </c>
      <c r="CF22" s="315">
        <v>9</v>
      </c>
      <c r="CG22" s="315">
        <v>10</v>
      </c>
      <c r="CH22" s="315">
        <v>0</v>
      </c>
      <c r="CI22" s="315">
        <v>0</v>
      </c>
      <c r="CJ22" s="312">
        <v>19</v>
      </c>
      <c r="CK22" s="317">
        <v>19</v>
      </c>
      <c r="CL22" s="311">
        <v>0</v>
      </c>
      <c r="CM22" s="315">
        <v>0</v>
      </c>
      <c r="CN22" s="312">
        <v>0</v>
      </c>
      <c r="CO22" s="314">
        <v>0</v>
      </c>
      <c r="CP22" s="315">
        <v>0</v>
      </c>
      <c r="CQ22" s="315">
        <v>0</v>
      </c>
      <c r="CR22" s="315">
        <v>0</v>
      </c>
      <c r="CS22" s="315">
        <v>0</v>
      </c>
      <c r="CT22" s="315">
        <v>0</v>
      </c>
      <c r="CU22" s="312">
        <v>0</v>
      </c>
      <c r="CV22" s="317">
        <v>0</v>
      </c>
      <c r="CW22" s="311">
        <v>0</v>
      </c>
      <c r="CX22" s="315">
        <v>0</v>
      </c>
      <c r="CY22" s="312">
        <v>0</v>
      </c>
      <c r="CZ22" s="314">
        <v>0</v>
      </c>
      <c r="DA22" s="315">
        <v>0</v>
      </c>
      <c r="DB22" s="315">
        <v>0</v>
      </c>
      <c r="DC22" s="315">
        <v>0</v>
      </c>
      <c r="DD22" s="315">
        <v>0</v>
      </c>
      <c r="DE22" s="315">
        <v>0</v>
      </c>
      <c r="DF22" s="312">
        <v>0</v>
      </c>
      <c r="DG22" s="317">
        <v>0</v>
      </c>
    </row>
    <row r="23" spans="1:111" ht="18.75" customHeight="1" x14ac:dyDescent="0.2">
      <c r="A23" s="296" t="s">
        <v>21</v>
      </c>
      <c r="B23" s="311">
        <v>0</v>
      </c>
      <c r="C23" s="312">
        <v>0</v>
      </c>
      <c r="D23" s="313">
        <v>0</v>
      </c>
      <c r="E23" s="314">
        <v>0</v>
      </c>
      <c r="F23" s="315">
        <v>185</v>
      </c>
      <c r="G23" s="315">
        <v>115</v>
      </c>
      <c r="H23" s="315">
        <v>132</v>
      </c>
      <c r="I23" s="315">
        <v>73</v>
      </c>
      <c r="J23" s="315">
        <v>7</v>
      </c>
      <c r="K23" s="316">
        <v>512</v>
      </c>
      <c r="L23" s="317">
        <v>512</v>
      </c>
      <c r="M23" s="311">
        <v>0</v>
      </c>
      <c r="N23" s="315">
        <v>0</v>
      </c>
      <c r="O23" s="312">
        <v>0</v>
      </c>
      <c r="P23" s="314">
        <v>0</v>
      </c>
      <c r="Q23" s="315">
        <v>0</v>
      </c>
      <c r="R23" s="315">
        <v>0</v>
      </c>
      <c r="S23" s="315">
        <v>8</v>
      </c>
      <c r="T23" s="315">
        <v>8</v>
      </c>
      <c r="U23" s="315">
        <v>9</v>
      </c>
      <c r="V23" s="312">
        <v>25</v>
      </c>
      <c r="W23" s="317">
        <v>25</v>
      </c>
      <c r="X23" s="311">
        <v>17</v>
      </c>
      <c r="Y23" s="315">
        <v>8</v>
      </c>
      <c r="Z23" s="312">
        <v>25</v>
      </c>
      <c r="AA23" s="314">
        <v>0</v>
      </c>
      <c r="AB23" s="315">
        <v>101</v>
      </c>
      <c r="AC23" s="315">
        <v>114</v>
      </c>
      <c r="AD23" s="315">
        <v>56</v>
      </c>
      <c r="AE23" s="315">
        <v>45</v>
      </c>
      <c r="AF23" s="315">
        <v>34</v>
      </c>
      <c r="AG23" s="312">
        <v>350</v>
      </c>
      <c r="AH23" s="317">
        <v>375</v>
      </c>
      <c r="AI23" s="311">
        <v>6</v>
      </c>
      <c r="AJ23" s="315">
        <v>0</v>
      </c>
      <c r="AK23" s="312">
        <v>6</v>
      </c>
      <c r="AL23" s="314">
        <v>0</v>
      </c>
      <c r="AM23" s="315">
        <v>0</v>
      </c>
      <c r="AN23" s="315">
        <v>18</v>
      </c>
      <c r="AO23" s="315">
        <v>0</v>
      </c>
      <c r="AP23" s="315">
        <v>0</v>
      </c>
      <c r="AQ23" s="315">
        <v>12</v>
      </c>
      <c r="AR23" s="312">
        <v>30</v>
      </c>
      <c r="AS23" s="317">
        <v>36</v>
      </c>
      <c r="AT23" s="311">
        <v>0</v>
      </c>
      <c r="AU23" s="315">
        <v>0</v>
      </c>
      <c r="AV23" s="312">
        <v>0</v>
      </c>
      <c r="AW23" s="314">
        <v>0</v>
      </c>
      <c r="AX23" s="315">
        <v>132</v>
      </c>
      <c r="AY23" s="315">
        <v>161</v>
      </c>
      <c r="AZ23" s="315">
        <v>44</v>
      </c>
      <c r="BA23" s="315">
        <v>50</v>
      </c>
      <c r="BB23" s="315">
        <v>0</v>
      </c>
      <c r="BC23" s="316">
        <v>387</v>
      </c>
      <c r="BD23" s="317">
        <v>387</v>
      </c>
      <c r="BE23" s="311">
        <v>0</v>
      </c>
      <c r="BF23" s="315">
        <v>0</v>
      </c>
      <c r="BG23" s="312">
        <v>0</v>
      </c>
      <c r="BH23" s="314">
        <v>0</v>
      </c>
      <c r="BI23" s="315">
        <v>1</v>
      </c>
      <c r="BJ23" s="315">
        <v>20</v>
      </c>
      <c r="BK23" s="315">
        <v>8</v>
      </c>
      <c r="BL23" s="315">
        <v>5</v>
      </c>
      <c r="BM23" s="315">
        <v>11</v>
      </c>
      <c r="BN23" s="312">
        <v>45</v>
      </c>
      <c r="BO23" s="317">
        <v>45</v>
      </c>
      <c r="BP23" s="311">
        <v>7</v>
      </c>
      <c r="BQ23" s="315">
        <v>0</v>
      </c>
      <c r="BR23" s="312">
        <v>7</v>
      </c>
      <c r="BS23" s="314">
        <v>0</v>
      </c>
      <c r="BT23" s="315">
        <v>2</v>
      </c>
      <c r="BU23" s="315">
        <v>12</v>
      </c>
      <c r="BV23" s="315">
        <v>34</v>
      </c>
      <c r="BW23" s="315">
        <v>20</v>
      </c>
      <c r="BX23" s="315">
        <v>0</v>
      </c>
      <c r="BY23" s="312">
        <v>68</v>
      </c>
      <c r="BZ23" s="317">
        <v>75</v>
      </c>
      <c r="CA23" s="311">
        <v>0</v>
      </c>
      <c r="CB23" s="315">
        <v>0</v>
      </c>
      <c r="CC23" s="312">
        <v>0</v>
      </c>
      <c r="CD23" s="314">
        <v>0</v>
      </c>
      <c r="CE23" s="315">
        <v>0</v>
      </c>
      <c r="CF23" s="315">
        <v>11</v>
      </c>
      <c r="CG23" s="315">
        <v>0</v>
      </c>
      <c r="CH23" s="315">
        <v>0</v>
      </c>
      <c r="CI23" s="315">
        <v>14</v>
      </c>
      <c r="CJ23" s="312">
        <v>25</v>
      </c>
      <c r="CK23" s="317">
        <v>25</v>
      </c>
      <c r="CL23" s="311">
        <v>0</v>
      </c>
      <c r="CM23" s="315">
        <v>0</v>
      </c>
      <c r="CN23" s="312">
        <v>0</v>
      </c>
      <c r="CO23" s="314">
        <v>0</v>
      </c>
      <c r="CP23" s="315">
        <v>0</v>
      </c>
      <c r="CQ23" s="315">
        <v>0</v>
      </c>
      <c r="CR23" s="315">
        <v>0</v>
      </c>
      <c r="CS23" s="315">
        <v>0</v>
      </c>
      <c r="CT23" s="315">
        <v>0</v>
      </c>
      <c r="CU23" s="312">
        <v>0</v>
      </c>
      <c r="CV23" s="317">
        <v>0</v>
      </c>
      <c r="CW23" s="311">
        <v>0</v>
      </c>
      <c r="CX23" s="315">
        <v>0</v>
      </c>
      <c r="CY23" s="312">
        <v>0</v>
      </c>
      <c r="CZ23" s="314">
        <v>0</v>
      </c>
      <c r="DA23" s="315">
        <v>0</v>
      </c>
      <c r="DB23" s="315">
        <v>0</v>
      </c>
      <c r="DC23" s="315">
        <v>0</v>
      </c>
      <c r="DD23" s="315">
        <v>0</v>
      </c>
      <c r="DE23" s="315">
        <v>0</v>
      </c>
      <c r="DF23" s="312">
        <v>0</v>
      </c>
      <c r="DG23" s="317">
        <v>0</v>
      </c>
    </row>
    <row r="24" spans="1:111" ht="18.75" customHeight="1" x14ac:dyDescent="0.2">
      <c r="A24" s="296" t="s">
        <v>22</v>
      </c>
      <c r="B24" s="311">
        <v>0</v>
      </c>
      <c r="C24" s="312">
        <v>0</v>
      </c>
      <c r="D24" s="313">
        <v>0</v>
      </c>
      <c r="E24" s="314">
        <v>0</v>
      </c>
      <c r="F24" s="315">
        <v>31</v>
      </c>
      <c r="G24" s="315">
        <v>0</v>
      </c>
      <c r="H24" s="315">
        <v>131</v>
      </c>
      <c r="I24" s="315">
        <v>190</v>
      </c>
      <c r="J24" s="315">
        <v>138</v>
      </c>
      <c r="K24" s="316">
        <v>490</v>
      </c>
      <c r="L24" s="317">
        <v>490</v>
      </c>
      <c r="M24" s="311">
        <v>0</v>
      </c>
      <c r="N24" s="315">
        <v>0</v>
      </c>
      <c r="O24" s="312">
        <v>0</v>
      </c>
      <c r="P24" s="314">
        <v>0</v>
      </c>
      <c r="Q24" s="315">
        <v>0</v>
      </c>
      <c r="R24" s="315">
        <v>0</v>
      </c>
      <c r="S24" s="315">
        <v>0</v>
      </c>
      <c r="T24" s="315">
        <v>7</v>
      </c>
      <c r="U24" s="315">
        <v>29</v>
      </c>
      <c r="V24" s="312">
        <v>36</v>
      </c>
      <c r="W24" s="317">
        <v>36</v>
      </c>
      <c r="X24" s="311">
        <v>2</v>
      </c>
      <c r="Y24" s="315">
        <v>4</v>
      </c>
      <c r="Z24" s="312">
        <v>6</v>
      </c>
      <c r="AA24" s="314">
        <v>0</v>
      </c>
      <c r="AB24" s="315">
        <v>2</v>
      </c>
      <c r="AC24" s="315">
        <v>42</v>
      </c>
      <c r="AD24" s="315">
        <v>0</v>
      </c>
      <c r="AE24" s="315">
        <v>47</v>
      </c>
      <c r="AF24" s="315">
        <v>89</v>
      </c>
      <c r="AG24" s="312">
        <v>180</v>
      </c>
      <c r="AH24" s="317">
        <v>186</v>
      </c>
      <c r="AI24" s="311">
        <v>0</v>
      </c>
      <c r="AJ24" s="315">
        <v>0</v>
      </c>
      <c r="AK24" s="312">
        <v>0</v>
      </c>
      <c r="AL24" s="314">
        <v>0</v>
      </c>
      <c r="AM24" s="315">
        <v>12</v>
      </c>
      <c r="AN24" s="315">
        <v>0</v>
      </c>
      <c r="AO24" s="315">
        <v>0</v>
      </c>
      <c r="AP24" s="315">
        <v>0</v>
      </c>
      <c r="AQ24" s="315">
        <v>0</v>
      </c>
      <c r="AR24" s="312">
        <v>12</v>
      </c>
      <c r="AS24" s="317">
        <v>12</v>
      </c>
      <c r="AT24" s="311">
        <v>0</v>
      </c>
      <c r="AU24" s="315">
        <v>0</v>
      </c>
      <c r="AV24" s="312">
        <v>0</v>
      </c>
      <c r="AW24" s="314">
        <v>0</v>
      </c>
      <c r="AX24" s="315">
        <v>76</v>
      </c>
      <c r="AY24" s="315">
        <v>53</v>
      </c>
      <c r="AZ24" s="315">
        <v>0</v>
      </c>
      <c r="BA24" s="315">
        <v>52</v>
      </c>
      <c r="BB24" s="315">
        <v>25</v>
      </c>
      <c r="BC24" s="316">
        <v>206</v>
      </c>
      <c r="BD24" s="317">
        <v>206</v>
      </c>
      <c r="BE24" s="311">
        <v>0</v>
      </c>
      <c r="BF24" s="315">
        <v>0</v>
      </c>
      <c r="BG24" s="312">
        <v>0</v>
      </c>
      <c r="BH24" s="314">
        <v>0</v>
      </c>
      <c r="BI24" s="315">
        <v>0</v>
      </c>
      <c r="BJ24" s="315">
        <v>4</v>
      </c>
      <c r="BK24" s="315">
        <v>3</v>
      </c>
      <c r="BL24" s="315">
        <v>7</v>
      </c>
      <c r="BM24" s="315">
        <v>0</v>
      </c>
      <c r="BN24" s="312">
        <v>14</v>
      </c>
      <c r="BO24" s="317">
        <v>14</v>
      </c>
      <c r="BP24" s="311">
        <v>2</v>
      </c>
      <c r="BQ24" s="315">
        <v>0</v>
      </c>
      <c r="BR24" s="312">
        <v>2</v>
      </c>
      <c r="BS24" s="314">
        <v>0</v>
      </c>
      <c r="BT24" s="315">
        <v>0</v>
      </c>
      <c r="BU24" s="315">
        <v>0</v>
      </c>
      <c r="BV24" s="315">
        <v>0</v>
      </c>
      <c r="BW24" s="315">
        <v>6</v>
      </c>
      <c r="BX24" s="315">
        <v>30</v>
      </c>
      <c r="BY24" s="312">
        <v>36</v>
      </c>
      <c r="BZ24" s="317">
        <v>38</v>
      </c>
      <c r="CA24" s="311">
        <v>0</v>
      </c>
      <c r="CB24" s="315">
        <v>0</v>
      </c>
      <c r="CC24" s="312">
        <v>0</v>
      </c>
      <c r="CD24" s="314">
        <v>0</v>
      </c>
      <c r="CE24" s="315">
        <v>0</v>
      </c>
      <c r="CF24" s="315">
        <v>0</v>
      </c>
      <c r="CG24" s="315">
        <v>0</v>
      </c>
      <c r="CH24" s="315">
        <v>0</v>
      </c>
      <c r="CI24" s="315">
        <v>0</v>
      </c>
      <c r="CJ24" s="312">
        <v>0</v>
      </c>
      <c r="CK24" s="317">
        <v>0</v>
      </c>
      <c r="CL24" s="311">
        <v>0</v>
      </c>
      <c r="CM24" s="315">
        <v>0</v>
      </c>
      <c r="CN24" s="312">
        <v>0</v>
      </c>
      <c r="CO24" s="314">
        <v>0</v>
      </c>
      <c r="CP24" s="315">
        <v>0</v>
      </c>
      <c r="CQ24" s="315">
        <v>0</v>
      </c>
      <c r="CR24" s="315">
        <v>0</v>
      </c>
      <c r="CS24" s="315">
        <v>0</v>
      </c>
      <c r="CT24" s="315">
        <v>0</v>
      </c>
      <c r="CU24" s="312">
        <v>0</v>
      </c>
      <c r="CV24" s="317">
        <v>0</v>
      </c>
      <c r="CW24" s="311">
        <v>0</v>
      </c>
      <c r="CX24" s="315">
        <v>0</v>
      </c>
      <c r="CY24" s="312">
        <v>0</v>
      </c>
      <c r="CZ24" s="314">
        <v>0</v>
      </c>
      <c r="DA24" s="315">
        <v>0</v>
      </c>
      <c r="DB24" s="315">
        <v>0</v>
      </c>
      <c r="DC24" s="315">
        <v>0</v>
      </c>
      <c r="DD24" s="315">
        <v>0</v>
      </c>
      <c r="DE24" s="315">
        <v>0</v>
      </c>
      <c r="DF24" s="312">
        <v>0</v>
      </c>
      <c r="DG24" s="317">
        <v>0</v>
      </c>
    </row>
    <row r="25" spans="1:111" ht="18.75" customHeight="1" x14ac:dyDescent="0.2">
      <c r="A25" s="296" t="s">
        <v>23</v>
      </c>
      <c r="B25" s="311">
        <v>0</v>
      </c>
      <c r="C25" s="312">
        <v>0</v>
      </c>
      <c r="D25" s="313">
        <v>0</v>
      </c>
      <c r="E25" s="314">
        <v>0</v>
      </c>
      <c r="F25" s="315">
        <v>31</v>
      </c>
      <c r="G25" s="315">
        <v>89</v>
      </c>
      <c r="H25" s="315">
        <v>180</v>
      </c>
      <c r="I25" s="315">
        <v>35</v>
      </c>
      <c r="J25" s="315">
        <v>0</v>
      </c>
      <c r="K25" s="316">
        <v>335</v>
      </c>
      <c r="L25" s="317">
        <v>335</v>
      </c>
      <c r="M25" s="311">
        <v>0</v>
      </c>
      <c r="N25" s="315">
        <v>0</v>
      </c>
      <c r="O25" s="312">
        <v>0</v>
      </c>
      <c r="P25" s="314">
        <v>0</v>
      </c>
      <c r="Q25" s="315">
        <v>0</v>
      </c>
      <c r="R25" s="315">
        <v>4</v>
      </c>
      <c r="S25" s="315">
        <v>6</v>
      </c>
      <c r="T25" s="315">
        <v>4</v>
      </c>
      <c r="U25" s="315">
        <v>0</v>
      </c>
      <c r="V25" s="312">
        <v>14</v>
      </c>
      <c r="W25" s="317">
        <v>14</v>
      </c>
      <c r="X25" s="311">
        <v>23</v>
      </c>
      <c r="Y25" s="315">
        <v>0</v>
      </c>
      <c r="Z25" s="312">
        <v>23</v>
      </c>
      <c r="AA25" s="314">
        <v>0</v>
      </c>
      <c r="AB25" s="315">
        <v>6</v>
      </c>
      <c r="AC25" s="315">
        <v>27</v>
      </c>
      <c r="AD25" s="315">
        <v>35</v>
      </c>
      <c r="AE25" s="315">
        <v>8</v>
      </c>
      <c r="AF25" s="315">
        <v>0</v>
      </c>
      <c r="AG25" s="312">
        <v>76</v>
      </c>
      <c r="AH25" s="317">
        <v>99</v>
      </c>
      <c r="AI25" s="311">
        <v>0</v>
      </c>
      <c r="AJ25" s="315">
        <v>12</v>
      </c>
      <c r="AK25" s="312">
        <v>12</v>
      </c>
      <c r="AL25" s="314">
        <v>0</v>
      </c>
      <c r="AM25" s="315">
        <v>0</v>
      </c>
      <c r="AN25" s="315">
        <v>33</v>
      </c>
      <c r="AO25" s="315">
        <v>0</v>
      </c>
      <c r="AP25" s="315">
        <v>0</v>
      </c>
      <c r="AQ25" s="315">
        <v>0</v>
      </c>
      <c r="AR25" s="312">
        <v>33</v>
      </c>
      <c r="AS25" s="317">
        <v>45</v>
      </c>
      <c r="AT25" s="311">
        <v>0</v>
      </c>
      <c r="AU25" s="315">
        <v>0</v>
      </c>
      <c r="AV25" s="312">
        <v>0</v>
      </c>
      <c r="AW25" s="314">
        <v>0</v>
      </c>
      <c r="AX25" s="315">
        <v>83</v>
      </c>
      <c r="AY25" s="315">
        <v>136</v>
      </c>
      <c r="AZ25" s="315">
        <v>35</v>
      </c>
      <c r="BA25" s="315">
        <v>25</v>
      </c>
      <c r="BB25" s="315">
        <v>0</v>
      </c>
      <c r="BC25" s="316">
        <v>279</v>
      </c>
      <c r="BD25" s="317">
        <v>279</v>
      </c>
      <c r="BE25" s="311">
        <v>0</v>
      </c>
      <c r="BF25" s="315">
        <v>0</v>
      </c>
      <c r="BG25" s="312">
        <v>0</v>
      </c>
      <c r="BH25" s="314">
        <v>0</v>
      </c>
      <c r="BI25" s="315">
        <v>21</v>
      </c>
      <c r="BJ25" s="315">
        <v>25</v>
      </c>
      <c r="BK25" s="315">
        <v>43</v>
      </c>
      <c r="BL25" s="315">
        <v>18</v>
      </c>
      <c r="BM25" s="315">
        <v>0</v>
      </c>
      <c r="BN25" s="312">
        <v>107</v>
      </c>
      <c r="BO25" s="317">
        <v>107</v>
      </c>
      <c r="BP25" s="311">
        <v>0</v>
      </c>
      <c r="BQ25" s="315">
        <v>0</v>
      </c>
      <c r="BR25" s="312">
        <v>0</v>
      </c>
      <c r="BS25" s="314">
        <v>0</v>
      </c>
      <c r="BT25" s="315">
        <v>9</v>
      </c>
      <c r="BU25" s="315">
        <v>9</v>
      </c>
      <c r="BV25" s="315">
        <v>15</v>
      </c>
      <c r="BW25" s="315">
        <v>3</v>
      </c>
      <c r="BX25" s="315">
        <v>0</v>
      </c>
      <c r="BY25" s="312">
        <v>36</v>
      </c>
      <c r="BZ25" s="317">
        <v>36</v>
      </c>
      <c r="CA25" s="311">
        <v>0</v>
      </c>
      <c r="CB25" s="315">
        <v>0</v>
      </c>
      <c r="CC25" s="312">
        <v>0</v>
      </c>
      <c r="CD25" s="314">
        <v>0</v>
      </c>
      <c r="CE25" s="315">
        <v>0</v>
      </c>
      <c r="CF25" s="315">
        <v>0</v>
      </c>
      <c r="CG25" s="315">
        <v>0</v>
      </c>
      <c r="CH25" s="315">
        <v>0</v>
      </c>
      <c r="CI25" s="315">
        <v>0</v>
      </c>
      <c r="CJ25" s="312">
        <v>0</v>
      </c>
      <c r="CK25" s="317">
        <v>0</v>
      </c>
      <c r="CL25" s="311">
        <v>0</v>
      </c>
      <c r="CM25" s="315">
        <v>0</v>
      </c>
      <c r="CN25" s="312">
        <v>0</v>
      </c>
      <c r="CO25" s="314">
        <v>0</v>
      </c>
      <c r="CP25" s="315">
        <v>0</v>
      </c>
      <c r="CQ25" s="315">
        <v>0</v>
      </c>
      <c r="CR25" s="315">
        <v>0</v>
      </c>
      <c r="CS25" s="315">
        <v>0</v>
      </c>
      <c r="CT25" s="315">
        <v>0</v>
      </c>
      <c r="CU25" s="312">
        <v>0</v>
      </c>
      <c r="CV25" s="317">
        <v>0</v>
      </c>
      <c r="CW25" s="311">
        <v>0</v>
      </c>
      <c r="CX25" s="315">
        <v>0</v>
      </c>
      <c r="CY25" s="312">
        <v>0</v>
      </c>
      <c r="CZ25" s="314">
        <v>0</v>
      </c>
      <c r="DA25" s="315">
        <v>0</v>
      </c>
      <c r="DB25" s="315">
        <v>0</v>
      </c>
      <c r="DC25" s="315">
        <v>0</v>
      </c>
      <c r="DD25" s="315">
        <v>0</v>
      </c>
      <c r="DE25" s="315">
        <v>0</v>
      </c>
      <c r="DF25" s="312">
        <v>0</v>
      </c>
      <c r="DG25" s="317">
        <v>0</v>
      </c>
    </row>
    <row r="26" spans="1:111" ht="18.75" customHeight="1" x14ac:dyDescent="0.2">
      <c r="A26" s="296" t="s">
        <v>24</v>
      </c>
      <c r="B26" s="311">
        <v>0</v>
      </c>
      <c r="C26" s="312">
        <v>0</v>
      </c>
      <c r="D26" s="313">
        <v>0</v>
      </c>
      <c r="E26" s="314">
        <v>0</v>
      </c>
      <c r="F26" s="315">
        <v>57</v>
      </c>
      <c r="G26" s="315">
        <v>111</v>
      </c>
      <c r="H26" s="315">
        <v>18</v>
      </c>
      <c r="I26" s="315">
        <v>221</v>
      </c>
      <c r="J26" s="315">
        <v>159</v>
      </c>
      <c r="K26" s="316">
        <v>566</v>
      </c>
      <c r="L26" s="317">
        <v>566</v>
      </c>
      <c r="M26" s="311">
        <v>0</v>
      </c>
      <c r="N26" s="315">
        <v>0</v>
      </c>
      <c r="O26" s="312">
        <v>0</v>
      </c>
      <c r="P26" s="314">
        <v>0</v>
      </c>
      <c r="Q26" s="315">
        <v>0</v>
      </c>
      <c r="R26" s="315">
        <v>0</v>
      </c>
      <c r="S26" s="315">
        <v>0</v>
      </c>
      <c r="T26" s="315">
        <v>0</v>
      </c>
      <c r="U26" s="315">
        <v>7</v>
      </c>
      <c r="V26" s="312">
        <v>7</v>
      </c>
      <c r="W26" s="317">
        <v>7</v>
      </c>
      <c r="X26" s="311">
        <v>0</v>
      </c>
      <c r="Y26" s="315">
        <v>5</v>
      </c>
      <c r="Z26" s="312">
        <v>5</v>
      </c>
      <c r="AA26" s="314">
        <v>0</v>
      </c>
      <c r="AB26" s="315">
        <v>64</v>
      </c>
      <c r="AC26" s="315">
        <v>24</v>
      </c>
      <c r="AD26" s="315">
        <v>14</v>
      </c>
      <c r="AE26" s="315">
        <v>12</v>
      </c>
      <c r="AF26" s="315">
        <v>55</v>
      </c>
      <c r="AG26" s="312">
        <v>169</v>
      </c>
      <c r="AH26" s="317">
        <v>174</v>
      </c>
      <c r="AI26" s="311">
        <v>0</v>
      </c>
      <c r="AJ26" s="315">
        <v>0</v>
      </c>
      <c r="AK26" s="312">
        <v>0</v>
      </c>
      <c r="AL26" s="314">
        <v>0</v>
      </c>
      <c r="AM26" s="315">
        <v>0</v>
      </c>
      <c r="AN26" s="315">
        <v>18</v>
      </c>
      <c r="AO26" s="315">
        <v>0</v>
      </c>
      <c r="AP26" s="315">
        <v>0</v>
      </c>
      <c r="AQ26" s="315">
        <v>20</v>
      </c>
      <c r="AR26" s="312">
        <v>38</v>
      </c>
      <c r="AS26" s="317">
        <v>38</v>
      </c>
      <c r="AT26" s="311">
        <v>0</v>
      </c>
      <c r="AU26" s="315">
        <v>0</v>
      </c>
      <c r="AV26" s="312">
        <v>0</v>
      </c>
      <c r="AW26" s="314">
        <v>0</v>
      </c>
      <c r="AX26" s="315">
        <v>71</v>
      </c>
      <c r="AY26" s="315">
        <v>58</v>
      </c>
      <c r="AZ26" s="315">
        <v>0</v>
      </c>
      <c r="BA26" s="315">
        <v>3</v>
      </c>
      <c r="BB26" s="315">
        <v>0</v>
      </c>
      <c r="BC26" s="316">
        <v>132</v>
      </c>
      <c r="BD26" s="317">
        <v>132</v>
      </c>
      <c r="BE26" s="311">
        <v>0</v>
      </c>
      <c r="BF26" s="315">
        <v>0</v>
      </c>
      <c r="BG26" s="312">
        <v>0</v>
      </c>
      <c r="BH26" s="314">
        <v>0</v>
      </c>
      <c r="BI26" s="315">
        <v>38</v>
      </c>
      <c r="BJ26" s="315">
        <v>14</v>
      </c>
      <c r="BK26" s="315">
        <v>5</v>
      </c>
      <c r="BL26" s="315">
        <v>35</v>
      </c>
      <c r="BM26" s="315">
        <v>13</v>
      </c>
      <c r="BN26" s="312">
        <v>105</v>
      </c>
      <c r="BO26" s="317">
        <v>105</v>
      </c>
      <c r="BP26" s="311">
        <v>0</v>
      </c>
      <c r="BQ26" s="315">
        <v>2</v>
      </c>
      <c r="BR26" s="312">
        <v>2</v>
      </c>
      <c r="BS26" s="314">
        <v>0</v>
      </c>
      <c r="BT26" s="315">
        <v>0</v>
      </c>
      <c r="BU26" s="315">
        <v>5</v>
      </c>
      <c r="BV26" s="315">
        <v>0</v>
      </c>
      <c r="BW26" s="315">
        <v>0</v>
      </c>
      <c r="BX26" s="315">
        <v>6</v>
      </c>
      <c r="BY26" s="312">
        <v>11</v>
      </c>
      <c r="BZ26" s="317">
        <v>13</v>
      </c>
      <c r="CA26" s="311">
        <v>0</v>
      </c>
      <c r="CB26" s="315">
        <v>0</v>
      </c>
      <c r="CC26" s="312">
        <v>0</v>
      </c>
      <c r="CD26" s="314">
        <v>0</v>
      </c>
      <c r="CE26" s="315">
        <v>0</v>
      </c>
      <c r="CF26" s="315">
        <v>0</v>
      </c>
      <c r="CG26" s="315">
        <v>0</v>
      </c>
      <c r="CH26" s="315">
        <v>0</v>
      </c>
      <c r="CI26" s="315">
        <v>0</v>
      </c>
      <c r="CJ26" s="312">
        <v>0</v>
      </c>
      <c r="CK26" s="317">
        <v>0</v>
      </c>
      <c r="CL26" s="311">
        <v>0</v>
      </c>
      <c r="CM26" s="315">
        <v>0</v>
      </c>
      <c r="CN26" s="312">
        <v>0</v>
      </c>
      <c r="CO26" s="314">
        <v>0</v>
      </c>
      <c r="CP26" s="315">
        <v>0</v>
      </c>
      <c r="CQ26" s="315">
        <v>0</v>
      </c>
      <c r="CR26" s="315">
        <v>0</v>
      </c>
      <c r="CS26" s="315">
        <v>0</v>
      </c>
      <c r="CT26" s="315">
        <v>0</v>
      </c>
      <c r="CU26" s="312">
        <v>0</v>
      </c>
      <c r="CV26" s="317">
        <v>0</v>
      </c>
      <c r="CW26" s="311">
        <v>0</v>
      </c>
      <c r="CX26" s="315">
        <v>0</v>
      </c>
      <c r="CY26" s="312">
        <v>0</v>
      </c>
      <c r="CZ26" s="314">
        <v>0</v>
      </c>
      <c r="DA26" s="315">
        <v>0</v>
      </c>
      <c r="DB26" s="315">
        <v>0</v>
      </c>
      <c r="DC26" s="315">
        <v>0</v>
      </c>
      <c r="DD26" s="315">
        <v>0</v>
      </c>
      <c r="DE26" s="315">
        <v>0</v>
      </c>
      <c r="DF26" s="312">
        <v>0</v>
      </c>
      <c r="DG26" s="317">
        <v>0</v>
      </c>
    </row>
    <row r="27" spans="1:111" ht="18.75" customHeight="1" x14ac:dyDescent="0.2">
      <c r="A27" s="296" t="s">
        <v>25</v>
      </c>
      <c r="B27" s="311">
        <v>0</v>
      </c>
      <c r="C27" s="312">
        <v>0</v>
      </c>
      <c r="D27" s="313">
        <v>0</v>
      </c>
      <c r="E27" s="314">
        <v>0</v>
      </c>
      <c r="F27" s="315">
        <v>27</v>
      </c>
      <c r="G27" s="315">
        <v>35</v>
      </c>
      <c r="H27" s="315">
        <v>20</v>
      </c>
      <c r="I27" s="315">
        <v>7</v>
      </c>
      <c r="J27" s="315">
        <v>4</v>
      </c>
      <c r="K27" s="316">
        <v>93</v>
      </c>
      <c r="L27" s="317">
        <v>93</v>
      </c>
      <c r="M27" s="311">
        <v>0</v>
      </c>
      <c r="N27" s="315">
        <v>0</v>
      </c>
      <c r="O27" s="312">
        <v>0</v>
      </c>
      <c r="P27" s="314">
        <v>0</v>
      </c>
      <c r="Q27" s="315">
        <v>0</v>
      </c>
      <c r="R27" s="315">
        <v>3</v>
      </c>
      <c r="S27" s="315">
        <v>0</v>
      </c>
      <c r="T27" s="315">
        <v>0</v>
      </c>
      <c r="U27" s="315">
        <v>24</v>
      </c>
      <c r="V27" s="312">
        <v>27</v>
      </c>
      <c r="W27" s="317">
        <v>27</v>
      </c>
      <c r="X27" s="311">
        <v>4</v>
      </c>
      <c r="Y27" s="315">
        <v>16</v>
      </c>
      <c r="Z27" s="312">
        <v>20</v>
      </c>
      <c r="AA27" s="314">
        <v>0</v>
      </c>
      <c r="AB27" s="315">
        <v>23</v>
      </c>
      <c r="AC27" s="315">
        <v>13</v>
      </c>
      <c r="AD27" s="315">
        <v>8</v>
      </c>
      <c r="AE27" s="315">
        <v>0</v>
      </c>
      <c r="AF27" s="315">
        <v>20</v>
      </c>
      <c r="AG27" s="312">
        <v>64</v>
      </c>
      <c r="AH27" s="317">
        <v>84</v>
      </c>
      <c r="AI27" s="311">
        <v>0</v>
      </c>
      <c r="AJ27" s="315">
        <v>0</v>
      </c>
      <c r="AK27" s="312">
        <v>0</v>
      </c>
      <c r="AL27" s="314">
        <v>0</v>
      </c>
      <c r="AM27" s="315">
        <v>0</v>
      </c>
      <c r="AN27" s="315">
        <v>0</v>
      </c>
      <c r="AO27" s="315">
        <v>0</v>
      </c>
      <c r="AP27" s="315">
        <v>6</v>
      </c>
      <c r="AQ27" s="315">
        <v>0</v>
      </c>
      <c r="AR27" s="312">
        <v>6</v>
      </c>
      <c r="AS27" s="317">
        <v>6</v>
      </c>
      <c r="AT27" s="311">
        <v>0</v>
      </c>
      <c r="AU27" s="315">
        <v>0</v>
      </c>
      <c r="AV27" s="312">
        <v>0</v>
      </c>
      <c r="AW27" s="314">
        <v>0</v>
      </c>
      <c r="AX27" s="315">
        <v>73</v>
      </c>
      <c r="AY27" s="315">
        <v>19</v>
      </c>
      <c r="AZ27" s="315">
        <v>22</v>
      </c>
      <c r="BA27" s="315">
        <v>31</v>
      </c>
      <c r="BB27" s="315">
        <v>0</v>
      </c>
      <c r="BC27" s="316">
        <v>145</v>
      </c>
      <c r="BD27" s="317">
        <v>145</v>
      </c>
      <c r="BE27" s="311">
        <v>0</v>
      </c>
      <c r="BF27" s="315">
        <v>0</v>
      </c>
      <c r="BG27" s="312">
        <v>0</v>
      </c>
      <c r="BH27" s="314">
        <v>0</v>
      </c>
      <c r="BI27" s="315">
        <v>0</v>
      </c>
      <c r="BJ27" s="315">
        <v>34</v>
      </c>
      <c r="BK27" s="315">
        <v>23</v>
      </c>
      <c r="BL27" s="315">
        <v>10</v>
      </c>
      <c r="BM27" s="315">
        <v>0</v>
      </c>
      <c r="BN27" s="312">
        <v>67</v>
      </c>
      <c r="BO27" s="317">
        <v>67</v>
      </c>
      <c r="BP27" s="311">
        <v>0</v>
      </c>
      <c r="BQ27" s="315">
        <v>0</v>
      </c>
      <c r="BR27" s="312">
        <v>0</v>
      </c>
      <c r="BS27" s="314">
        <v>0</v>
      </c>
      <c r="BT27" s="315">
        <v>13</v>
      </c>
      <c r="BU27" s="315">
        <v>5</v>
      </c>
      <c r="BV27" s="315">
        <v>2</v>
      </c>
      <c r="BW27" s="315">
        <v>5</v>
      </c>
      <c r="BX27" s="315">
        <v>0</v>
      </c>
      <c r="BY27" s="312">
        <v>25</v>
      </c>
      <c r="BZ27" s="317">
        <v>25</v>
      </c>
      <c r="CA27" s="311">
        <v>0</v>
      </c>
      <c r="CB27" s="315">
        <v>0</v>
      </c>
      <c r="CC27" s="312">
        <v>0</v>
      </c>
      <c r="CD27" s="314">
        <v>0</v>
      </c>
      <c r="CE27" s="315">
        <v>0</v>
      </c>
      <c r="CF27" s="315">
        <v>0</v>
      </c>
      <c r="CG27" s="315">
        <v>0</v>
      </c>
      <c r="CH27" s="315">
        <v>0</v>
      </c>
      <c r="CI27" s="315">
        <v>0</v>
      </c>
      <c r="CJ27" s="312">
        <v>0</v>
      </c>
      <c r="CK27" s="317">
        <v>0</v>
      </c>
      <c r="CL27" s="311">
        <v>0</v>
      </c>
      <c r="CM27" s="315">
        <v>0</v>
      </c>
      <c r="CN27" s="312">
        <v>0</v>
      </c>
      <c r="CO27" s="314">
        <v>0</v>
      </c>
      <c r="CP27" s="315">
        <v>0</v>
      </c>
      <c r="CQ27" s="315">
        <v>0</v>
      </c>
      <c r="CR27" s="315">
        <v>0</v>
      </c>
      <c r="CS27" s="315">
        <v>0</v>
      </c>
      <c r="CT27" s="315">
        <v>0</v>
      </c>
      <c r="CU27" s="312">
        <v>0</v>
      </c>
      <c r="CV27" s="317">
        <v>0</v>
      </c>
      <c r="CW27" s="311">
        <v>0</v>
      </c>
      <c r="CX27" s="315">
        <v>0</v>
      </c>
      <c r="CY27" s="312">
        <v>0</v>
      </c>
      <c r="CZ27" s="314">
        <v>0</v>
      </c>
      <c r="DA27" s="315">
        <v>0</v>
      </c>
      <c r="DB27" s="315">
        <v>0</v>
      </c>
      <c r="DC27" s="315">
        <v>0</v>
      </c>
      <c r="DD27" s="315">
        <v>0</v>
      </c>
      <c r="DE27" s="315">
        <v>0</v>
      </c>
      <c r="DF27" s="312">
        <v>0</v>
      </c>
      <c r="DG27" s="317">
        <v>0</v>
      </c>
    </row>
    <row r="28" spans="1:111" ht="18.75" customHeight="1" x14ac:dyDescent="0.2">
      <c r="A28" s="296" t="s">
        <v>26</v>
      </c>
      <c r="B28" s="311">
        <v>0</v>
      </c>
      <c r="C28" s="312">
        <v>0</v>
      </c>
      <c r="D28" s="313">
        <v>0</v>
      </c>
      <c r="E28" s="314">
        <v>0</v>
      </c>
      <c r="F28" s="315">
        <v>51</v>
      </c>
      <c r="G28" s="315">
        <v>96</v>
      </c>
      <c r="H28" s="315">
        <v>76</v>
      </c>
      <c r="I28" s="315">
        <v>73</v>
      </c>
      <c r="J28" s="315">
        <v>134</v>
      </c>
      <c r="K28" s="316">
        <v>430</v>
      </c>
      <c r="L28" s="317">
        <v>430</v>
      </c>
      <c r="M28" s="311">
        <v>0</v>
      </c>
      <c r="N28" s="315">
        <v>0</v>
      </c>
      <c r="O28" s="312">
        <v>0</v>
      </c>
      <c r="P28" s="314">
        <v>0</v>
      </c>
      <c r="Q28" s="315">
        <v>0</v>
      </c>
      <c r="R28" s="315">
        <v>0</v>
      </c>
      <c r="S28" s="315">
        <v>0</v>
      </c>
      <c r="T28" s="315">
        <v>0</v>
      </c>
      <c r="U28" s="315">
        <v>14</v>
      </c>
      <c r="V28" s="312">
        <v>14</v>
      </c>
      <c r="W28" s="317">
        <v>14</v>
      </c>
      <c r="X28" s="311">
        <v>0</v>
      </c>
      <c r="Y28" s="315">
        <v>18</v>
      </c>
      <c r="Z28" s="312">
        <v>18</v>
      </c>
      <c r="AA28" s="314">
        <v>0</v>
      </c>
      <c r="AB28" s="315">
        <v>19</v>
      </c>
      <c r="AC28" s="315">
        <v>52</v>
      </c>
      <c r="AD28" s="315">
        <v>21</v>
      </c>
      <c r="AE28" s="315">
        <v>10</v>
      </c>
      <c r="AF28" s="315">
        <v>42</v>
      </c>
      <c r="AG28" s="312">
        <v>144</v>
      </c>
      <c r="AH28" s="317">
        <v>162</v>
      </c>
      <c r="AI28" s="311">
        <v>0</v>
      </c>
      <c r="AJ28" s="315">
        <v>0</v>
      </c>
      <c r="AK28" s="312">
        <v>0</v>
      </c>
      <c r="AL28" s="314">
        <v>0</v>
      </c>
      <c r="AM28" s="315">
        <v>0</v>
      </c>
      <c r="AN28" s="315">
        <v>0</v>
      </c>
      <c r="AO28" s="315">
        <v>0</v>
      </c>
      <c r="AP28" s="315">
        <v>0</v>
      </c>
      <c r="AQ28" s="315">
        <v>0</v>
      </c>
      <c r="AR28" s="312">
        <v>0</v>
      </c>
      <c r="AS28" s="317">
        <v>0</v>
      </c>
      <c r="AT28" s="311">
        <v>0</v>
      </c>
      <c r="AU28" s="315">
        <v>0</v>
      </c>
      <c r="AV28" s="312">
        <v>0</v>
      </c>
      <c r="AW28" s="314">
        <v>0</v>
      </c>
      <c r="AX28" s="315">
        <v>97</v>
      </c>
      <c r="AY28" s="315">
        <v>6</v>
      </c>
      <c r="AZ28" s="315">
        <v>12</v>
      </c>
      <c r="BA28" s="315">
        <v>0</v>
      </c>
      <c r="BB28" s="315">
        <v>0</v>
      </c>
      <c r="BC28" s="316">
        <v>115</v>
      </c>
      <c r="BD28" s="317">
        <v>115</v>
      </c>
      <c r="BE28" s="311">
        <v>0</v>
      </c>
      <c r="BF28" s="315">
        <v>0</v>
      </c>
      <c r="BG28" s="312">
        <v>0</v>
      </c>
      <c r="BH28" s="314">
        <v>0</v>
      </c>
      <c r="BI28" s="315">
        <v>15</v>
      </c>
      <c r="BJ28" s="315">
        <v>28</v>
      </c>
      <c r="BK28" s="315">
        <v>10</v>
      </c>
      <c r="BL28" s="315">
        <v>0</v>
      </c>
      <c r="BM28" s="315">
        <v>0</v>
      </c>
      <c r="BN28" s="312">
        <v>53</v>
      </c>
      <c r="BO28" s="317">
        <v>53</v>
      </c>
      <c r="BP28" s="311">
        <v>0</v>
      </c>
      <c r="BQ28" s="315">
        <v>0</v>
      </c>
      <c r="BR28" s="312">
        <v>0</v>
      </c>
      <c r="BS28" s="314">
        <v>0</v>
      </c>
      <c r="BT28" s="315">
        <v>0</v>
      </c>
      <c r="BU28" s="315">
        <v>0</v>
      </c>
      <c r="BV28" s="315">
        <v>17</v>
      </c>
      <c r="BW28" s="315">
        <v>0</v>
      </c>
      <c r="BX28" s="315">
        <v>0</v>
      </c>
      <c r="BY28" s="312">
        <v>17</v>
      </c>
      <c r="BZ28" s="317">
        <v>17</v>
      </c>
      <c r="CA28" s="311">
        <v>0</v>
      </c>
      <c r="CB28" s="315">
        <v>0</v>
      </c>
      <c r="CC28" s="312">
        <v>0</v>
      </c>
      <c r="CD28" s="314">
        <v>0</v>
      </c>
      <c r="CE28" s="315">
        <v>0</v>
      </c>
      <c r="CF28" s="315">
        <v>0</v>
      </c>
      <c r="CG28" s="315">
        <v>0</v>
      </c>
      <c r="CH28" s="315">
        <v>0</v>
      </c>
      <c r="CI28" s="315">
        <v>0</v>
      </c>
      <c r="CJ28" s="312">
        <v>0</v>
      </c>
      <c r="CK28" s="317">
        <v>0</v>
      </c>
      <c r="CL28" s="311">
        <v>0</v>
      </c>
      <c r="CM28" s="315">
        <v>0</v>
      </c>
      <c r="CN28" s="312">
        <v>0</v>
      </c>
      <c r="CO28" s="314">
        <v>0</v>
      </c>
      <c r="CP28" s="315">
        <v>0</v>
      </c>
      <c r="CQ28" s="315">
        <v>0</v>
      </c>
      <c r="CR28" s="315">
        <v>0</v>
      </c>
      <c r="CS28" s="315">
        <v>0</v>
      </c>
      <c r="CT28" s="315">
        <v>0</v>
      </c>
      <c r="CU28" s="312">
        <v>0</v>
      </c>
      <c r="CV28" s="317">
        <v>0</v>
      </c>
      <c r="CW28" s="311">
        <v>0</v>
      </c>
      <c r="CX28" s="315">
        <v>0</v>
      </c>
      <c r="CY28" s="312">
        <v>0</v>
      </c>
      <c r="CZ28" s="314">
        <v>0</v>
      </c>
      <c r="DA28" s="315">
        <v>0</v>
      </c>
      <c r="DB28" s="315">
        <v>0</v>
      </c>
      <c r="DC28" s="315">
        <v>0</v>
      </c>
      <c r="DD28" s="315">
        <v>0</v>
      </c>
      <c r="DE28" s="315">
        <v>0</v>
      </c>
      <c r="DF28" s="312">
        <v>0</v>
      </c>
      <c r="DG28" s="317">
        <v>0</v>
      </c>
    </row>
    <row r="29" spans="1:111" ht="18.75" customHeight="1" x14ac:dyDescent="0.2">
      <c r="A29" s="296" t="s">
        <v>27</v>
      </c>
      <c r="B29" s="311">
        <v>0</v>
      </c>
      <c r="C29" s="312">
        <v>0</v>
      </c>
      <c r="D29" s="313">
        <v>0</v>
      </c>
      <c r="E29" s="314">
        <v>0</v>
      </c>
      <c r="F29" s="315">
        <v>43</v>
      </c>
      <c r="G29" s="315">
        <v>43</v>
      </c>
      <c r="H29" s="315">
        <v>67</v>
      </c>
      <c r="I29" s="315">
        <v>0</v>
      </c>
      <c r="J29" s="315">
        <v>184</v>
      </c>
      <c r="K29" s="316">
        <v>337</v>
      </c>
      <c r="L29" s="317">
        <v>337</v>
      </c>
      <c r="M29" s="311">
        <v>0</v>
      </c>
      <c r="N29" s="315">
        <v>0</v>
      </c>
      <c r="O29" s="312">
        <v>0</v>
      </c>
      <c r="P29" s="314">
        <v>0</v>
      </c>
      <c r="Q29" s="315">
        <v>0</v>
      </c>
      <c r="R29" s="315">
        <v>0</v>
      </c>
      <c r="S29" s="315">
        <v>0</v>
      </c>
      <c r="T29" s="315">
        <v>0</v>
      </c>
      <c r="U29" s="315">
        <v>0</v>
      </c>
      <c r="V29" s="312">
        <v>0</v>
      </c>
      <c r="W29" s="317">
        <v>0</v>
      </c>
      <c r="X29" s="311">
        <v>24</v>
      </c>
      <c r="Y29" s="315">
        <v>15</v>
      </c>
      <c r="Z29" s="312">
        <v>39</v>
      </c>
      <c r="AA29" s="314">
        <v>0</v>
      </c>
      <c r="AB29" s="315">
        <v>30</v>
      </c>
      <c r="AC29" s="315">
        <v>20</v>
      </c>
      <c r="AD29" s="315">
        <v>18</v>
      </c>
      <c r="AE29" s="315">
        <v>4</v>
      </c>
      <c r="AF29" s="315">
        <v>4</v>
      </c>
      <c r="AG29" s="312">
        <v>76</v>
      </c>
      <c r="AH29" s="317">
        <v>115</v>
      </c>
      <c r="AI29" s="311">
        <v>0</v>
      </c>
      <c r="AJ29" s="315">
        <v>12</v>
      </c>
      <c r="AK29" s="312">
        <v>12</v>
      </c>
      <c r="AL29" s="314">
        <v>0</v>
      </c>
      <c r="AM29" s="315">
        <v>0</v>
      </c>
      <c r="AN29" s="315">
        <v>0</v>
      </c>
      <c r="AO29" s="315">
        <v>0</v>
      </c>
      <c r="AP29" s="315">
        <v>0</v>
      </c>
      <c r="AQ29" s="315">
        <v>0</v>
      </c>
      <c r="AR29" s="312">
        <v>0</v>
      </c>
      <c r="AS29" s="317">
        <v>12</v>
      </c>
      <c r="AT29" s="311">
        <v>0</v>
      </c>
      <c r="AU29" s="315">
        <v>0</v>
      </c>
      <c r="AV29" s="312">
        <v>0</v>
      </c>
      <c r="AW29" s="314">
        <v>0</v>
      </c>
      <c r="AX29" s="315">
        <v>10</v>
      </c>
      <c r="AY29" s="315">
        <v>5</v>
      </c>
      <c r="AZ29" s="315">
        <v>30</v>
      </c>
      <c r="BA29" s="315">
        <v>10</v>
      </c>
      <c r="BB29" s="315">
        <v>0</v>
      </c>
      <c r="BC29" s="316">
        <v>55</v>
      </c>
      <c r="BD29" s="317">
        <v>55</v>
      </c>
      <c r="BE29" s="311">
        <v>0</v>
      </c>
      <c r="BF29" s="315">
        <v>0</v>
      </c>
      <c r="BG29" s="312">
        <v>0</v>
      </c>
      <c r="BH29" s="314">
        <v>0</v>
      </c>
      <c r="BI29" s="315">
        <v>4</v>
      </c>
      <c r="BJ29" s="315">
        <v>4</v>
      </c>
      <c r="BK29" s="315">
        <v>8</v>
      </c>
      <c r="BL29" s="315">
        <v>0</v>
      </c>
      <c r="BM29" s="315">
        <v>0</v>
      </c>
      <c r="BN29" s="312">
        <v>16</v>
      </c>
      <c r="BO29" s="317">
        <v>16</v>
      </c>
      <c r="BP29" s="311">
        <v>0</v>
      </c>
      <c r="BQ29" s="315">
        <v>0</v>
      </c>
      <c r="BR29" s="312">
        <v>0</v>
      </c>
      <c r="BS29" s="314">
        <v>0</v>
      </c>
      <c r="BT29" s="315">
        <v>0</v>
      </c>
      <c r="BU29" s="315">
        <v>5</v>
      </c>
      <c r="BV29" s="315">
        <v>12</v>
      </c>
      <c r="BW29" s="315">
        <v>2</v>
      </c>
      <c r="BX29" s="315">
        <v>0</v>
      </c>
      <c r="BY29" s="312">
        <v>19</v>
      </c>
      <c r="BZ29" s="317">
        <v>19</v>
      </c>
      <c r="CA29" s="311">
        <v>0</v>
      </c>
      <c r="CB29" s="315">
        <v>0</v>
      </c>
      <c r="CC29" s="312">
        <v>0</v>
      </c>
      <c r="CD29" s="314">
        <v>0</v>
      </c>
      <c r="CE29" s="315">
        <v>7</v>
      </c>
      <c r="CF29" s="315">
        <v>0</v>
      </c>
      <c r="CG29" s="315">
        <v>0</v>
      </c>
      <c r="CH29" s="315">
        <v>0</v>
      </c>
      <c r="CI29" s="315">
        <v>1</v>
      </c>
      <c r="CJ29" s="312">
        <v>8</v>
      </c>
      <c r="CK29" s="317">
        <v>8</v>
      </c>
      <c r="CL29" s="311">
        <v>0</v>
      </c>
      <c r="CM29" s="315">
        <v>0</v>
      </c>
      <c r="CN29" s="312">
        <v>0</v>
      </c>
      <c r="CO29" s="314">
        <v>0</v>
      </c>
      <c r="CP29" s="315">
        <v>0</v>
      </c>
      <c r="CQ29" s="315">
        <v>0</v>
      </c>
      <c r="CR29" s="315">
        <v>0</v>
      </c>
      <c r="CS29" s="315">
        <v>0</v>
      </c>
      <c r="CT29" s="315">
        <v>0</v>
      </c>
      <c r="CU29" s="312">
        <v>0</v>
      </c>
      <c r="CV29" s="317">
        <v>0</v>
      </c>
      <c r="CW29" s="311">
        <v>0</v>
      </c>
      <c r="CX29" s="315">
        <v>0</v>
      </c>
      <c r="CY29" s="312">
        <v>0</v>
      </c>
      <c r="CZ29" s="314">
        <v>0</v>
      </c>
      <c r="DA29" s="315">
        <v>0</v>
      </c>
      <c r="DB29" s="315">
        <v>0</v>
      </c>
      <c r="DC29" s="315">
        <v>0</v>
      </c>
      <c r="DD29" s="315">
        <v>0</v>
      </c>
      <c r="DE29" s="315">
        <v>0</v>
      </c>
      <c r="DF29" s="312">
        <v>0</v>
      </c>
      <c r="DG29" s="317">
        <v>0</v>
      </c>
    </row>
    <row r="30" spans="1:111" ht="18.75" customHeight="1" x14ac:dyDescent="0.2">
      <c r="A30" s="296" t="s">
        <v>28</v>
      </c>
      <c r="B30" s="311">
        <v>0</v>
      </c>
      <c r="C30" s="312">
        <v>0</v>
      </c>
      <c r="D30" s="313">
        <v>0</v>
      </c>
      <c r="E30" s="314">
        <v>0</v>
      </c>
      <c r="F30" s="315">
        <v>9</v>
      </c>
      <c r="G30" s="315">
        <v>26</v>
      </c>
      <c r="H30" s="315">
        <v>0</v>
      </c>
      <c r="I30" s="315">
        <v>110</v>
      </c>
      <c r="J30" s="315">
        <v>0</v>
      </c>
      <c r="K30" s="316">
        <v>145</v>
      </c>
      <c r="L30" s="317">
        <v>145</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0</v>
      </c>
      <c r="AC30" s="315">
        <v>5</v>
      </c>
      <c r="AD30" s="315">
        <v>2</v>
      </c>
      <c r="AE30" s="315">
        <v>0</v>
      </c>
      <c r="AF30" s="315">
        <v>0</v>
      </c>
      <c r="AG30" s="312">
        <v>7</v>
      </c>
      <c r="AH30" s="317">
        <v>7</v>
      </c>
      <c r="AI30" s="311">
        <v>0</v>
      </c>
      <c r="AJ30" s="315">
        <v>0</v>
      </c>
      <c r="AK30" s="312">
        <v>0</v>
      </c>
      <c r="AL30" s="314">
        <v>0</v>
      </c>
      <c r="AM30" s="315">
        <v>24</v>
      </c>
      <c r="AN30" s="315">
        <v>0</v>
      </c>
      <c r="AO30" s="315">
        <v>0</v>
      </c>
      <c r="AP30" s="315">
        <v>0</v>
      </c>
      <c r="AQ30" s="315">
        <v>0</v>
      </c>
      <c r="AR30" s="312">
        <v>24</v>
      </c>
      <c r="AS30" s="317">
        <v>24</v>
      </c>
      <c r="AT30" s="311">
        <v>0</v>
      </c>
      <c r="AU30" s="315">
        <v>0</v>
      </c>
      <c r="AV30" s="312">
        <v>0</v>
      </c>
      <c r="AW30" s="314">
        <v>0</v>
      </c>
      <c r="AX30" s="315">
        <v>11</v>
      </c>
      <c r="AY30" s="315">
        <v>18</v>
      </c>
      <c r="AZ30" s="315">
        <v>0</v>
      </c>
      <c r="BA30" s="315">
        <v>0</v>
      </c>
      <c r="BB30" s="315">
        <v>0</v>
      </c>
      <c r="BC30" s="316">
        <v>29</v>
      </c>
      <c r="BD30" s="317">
        <v>29</v>
      </c>
      <c r="BE30" s="311">
        <v>0</v>
      </c>
      <c r="BF30" s="315">
        <v>0</v>
      </c>
      <c r="BG30" s="312">
        <v>0</v>
      </c>
      <c r="BH30" s="314">
        <v>0</v>
      </c>
      <c r="BI30" s="315">
        <v>11</v>
      </c>
      <c r="BJ30" s="315">
        <v>4</v>
      </c>
      <c r="BK30" s="315">
        <v>1</v>
      </c>
      <c r="BL30" s="315">
        <v>0</v>
      </c>
      <c r="BM30" s="315">
        <v>3</v>
      </c>
      <c r="BN30" s="312">
        <v>19</v>
      </c>
      <c r="BO30" s="317">
        <v>19</v>
      </c>
      <c r="BP30" s="311">
        <v>0</v>
      </c>
      <c r="BQ30" s="315">
        <v>0</v>
      </c>
      <c r="BR30" s="312">
        <v>0</v>
      </c>
      <c r="BS30" s="314">
        <v>0</v>
      </c>
      <c r="BT30" s="315">
        <v>0</v>
      </c>
      <c r="BU30" s="315">
        <v>0</v>
      </c>
      <c r="BV30" s="315">
        <v>2</v>
      </c>
      <c r="BW30" s="315">
        <v>0</v>
      </c>
      <c r="BX30" s="315">
        <v>0</v>
      </c>
      <c r="BY30" s="312">
        <v>2</v>
      </c>
      <c r="BZ30" s="317">
        <v>2</v>
      </c>
      <c r="CA30" s="311">
        <v>0</v>
      </c>
      <c r="CB30" s="315">
        <v>0</v>
      </c>
      <c r="CC30" s="312">
        <v>0</v>
      </c>
      <c r="CD30" s="314">
        <v>0</v>
      </c>
      <c r="CE30" s="315">
        <v>0</v>
      </c>
      <c r="CF30" s="315">
        <v>0</v>
      </c>
      <c r="CG30" s="315">
        <v>0</v>
      </c>
      <c r="CH30" s="315">
        <v>0</v>
      </c>
      <c r="CI30" s="315">
        <v>0</v>
      </c>
      <c r="CJ30" s="312">
        <v>0</v>
      </c>
      <c r="CK30" s="317">
        <v>0</v>
      </c>
      <c r="CL30" s="311">
        <v>0</v>
      </c>
      <c r="CM30" s="315">
        <v>0</v>
      </c>
      <c r="CN30" s="312">
        <v>0</v>
      </c>
      <c r="CO30" s="314">
        <v>0</v>
      </c>
      <c r="CP30" s="315">
        <v>0</v>
      </c>
      <c r="CQ30" s="315">
        <v>0</v>
      </c>
      <c r="CR30" s="315">
        <v>0</v>
      </c>
      <c r="CS30" s="315">
        <v>0</v>
      </c>
      <c r="CT30" s="315">
        <v>0</v>
      </c>
      <c r="CU30" s="312">
        <v>0</v>
      </c>
      <c r="CV30" s="317">
        <v>0</v>
      </c>
      <c r="CW30" s="311">
        <v>0</v>
      </c>
      <c r="CX30" s="315">
        <v>0</v>
      </c>
      <c r="CY30" s="312">
        <v>0</v>
      </c>
      <c r="CZ30" s="314">
        <v>0</v>
      </c>
      <c r="DA30" s="315">
        <v>0</v>
      </c>
      <c r="DB30" s="315">
        <v>0</v>
      </c>
      <c r="DC30" s="315">
        <v>0</v>
      </c>
      <c r="DD30" s="315">
        <v>0</v>
      </c>
      <c r="DE30" s="315">
        <v>0</v>
      </c>
      <c r="DF30" s="312">
        <v>0</v>
      </c>
      <c r="DG30" s="317">
        <v>0</v>
      </c>
    </row>
    <row r="31" spans="1:111" ht="18.75" customHeight="1" x14ac:dyDescent="0.2">
      <c r="A31" s="296" t="s">
        <v>29</v>
      </c>
      <c r="B31" s="311">
        <v>0</v>
      </c>
      <c r="C31" s="312">
        <v>0</v>
      </c>
      <c r="D31" s="313">
        <v>0</v>
      </c>
      <c r="E31" s="314">
        <v>0</v>
      </c>
      <c r="F31" s="315">
        <v>4</v>
      </c>
      <c r="G31" s="315">
        <v>35</v>
      </c>
      <c r="H31" s="315">
        <v>0</v>
      </c>
      <c r="I31" s="315">
        <v>0</v>
      </c>
      <c r="J31" s="315">
        <v>0</v>
      </c>
      <c r="K31" s="316">
        <v>39</v>
      </c>
      <c r="L31" s="317">
        <v>39</v>
      </c>
      <c r="M31" s="311">
        <v>0</v>
      </c>
      <c r="N31" s="315">
        <v>0</v>
      </c>
      <c r="O31" s="312">
        <v>0</v>
      </c>
      <c r="P31" s="314">
        <v>0</v>
      </c>
      <c r="Q31" s="315">
        <v>0</v>
      </c>
      <c r="R31" s="315">
        <v>0</v>
      </c>
      <c r="S31" s="315">
        <v>4</v>
      </c>
      <c r="T31" s="315">
        <v>0</v>
      </c>
      <c r="U31" s="315">
        <v>0</v>
      </c>
      <c r="V31" s="312">
        <v>4</v>
      </c>
      <c r="W31" s="317">
        <v>4</v>
      </c>
      <c r="X31" s="311">
        <v>6</v>
      </c>
      <c r="Y31" s="315">
        <v>0</v>
      </c>
      <c r="Z31" s="312">
        <v>6</v>
      </c>
      <c r="AA31" s="314">
        <v>0</v>
      </c>
      <c r="AB31" s="315">
        <v>16</v>
      </c>
      <c r="AC31" s="315">
        <v>17</v>
      </c>
      <c r="AD31" s="315">
        <v>37</v>
      </c>
      <c r="AE31" s="315">
        <v>0</v>
      </c>
      <c r="AF31" s="315">
        <v>0</v>
      </c>
      <c r="AG31" s="312">
        <v>70</v>
      </c>
      <c r="AH31" s="317">
        <v>76</v>
      </c>
      <c r="AI31" s="311">
        <v>0</v>
      </c>
      <c r="AJ31" s="315">
        <v>0</v>
      </c>
      <c r="AK31" s="312">
        <v>0</v>
      </c>
      <c r="AL31" s="314">
        <v>0</v>
      </c>
      <c r="AM31" s="315">
        <v>0</v>
      </c>
      <c r="AN31" s="315">
        <v>9</v>
      </c>
      <c r="AO31" s="315">
        <v>0</v>
      </c>
      <c r="AP31" s="315">
        <v>0</v>
      </c>
      <c r="AQ31" s="315">
        <v>0</v>
      </c>
      <c r="AR31" s="312">
        <v>9</v>
      </c>
      <c r="AS31" s="317">
        <v>9</v>
      </c>
      <c r="AT31" s="311">
        <v>0</v>
      </c>
      <c r="AU31" s="315">
        <v>0</v>
      </c>
      <c r="AV31" s="312">
        <v>0</v>
      </c>
      <c r="AW31" s="314">
        <v>0</v>
      </c>
      <c r="AX31" s="315">
        <v>0</v>
      </c>
      <c r="AY31" s="315">
        <v>0</v>
      </c>
      <c r="AZ31" s="315">
        <v>5</v>
      </c>
      <c r="BA31" s="315">
        <v>0</v>
      </c>
      <c r="BB31" s="315">
        <v>0</v>
      </c>
      <c r="BC31" s="316">
        <v>5</v>
      </c>
      <c r="BD31" s="317">
        <v>5</v>
      </c>
      <c r="BE31" s="311">
        <v>0</v>
      </c>
      <c r="BF31" s="315">
        <v>0</v>
      </c>
      <c r="BG31" s="312">
        <v>0</v>
      </c>
      <c r="BH31" s="314">
        <v>0</v>
      </c>
      <c r="BI31" s="315">
        <v>0</v>
      </c>
      <c r="BJ31" s="315">
        <v>4</v>
      </c>
      <c r="BK31" s="315">
        <v>10</v>
      </c>
      <c r="BL31" s="315">
        <v>0</v>
      </c>
      <c r="BM31" s="315">
        <v>0</v>
      </c>
      <c r="BN31" s="312">
        <v>14</v>
      </c>
      <c r="BO31" s="317">
        <v>14</v>
      </c>
      <c r="BP31" s="311">
        <v>0</v>
      </c>
      <c r="BQ31" s="315">
        <v>0</v>
      </c>
      <c r="BR31" s="312">
        <v>0</v>
      </c>
      <c r="BS31" s="314">
        <v>0</v>
      </c>
      <c r="BT31" s="315">
        <v>0</v>
      </c>
      <c r="BU31" s="315">
        <v>0</v>
      </c>
      <c r="BV31" s="315">
        <v>2</v>
      </c>
      <c r="BW31" s="315">
        <v>0</v>
      </c>
      <c r="BX31" s="315">
        <v>0</v>
      </c>
      <c r="BY31" s="312">
        <v>2</v>
      </c>
      <c r="BZ31" s="317">
        <v>2</v>
      </c>
      <c r="CA31" s="311">
        <v>0</v>
      </c>
      <c r="CB31" s="315">
        <v>0</v>
      </c>
      <c r="CC31" s="312">
        <v>0</v>
      </c>
      <c r="CD31" s="314">
        <v>0</v>
      </c>
      <c r="CE31" s="315">
        <v>0</v>
      </c>
      <c r="CF31" s="315">
        <v>0</v>
      </c>
      <c r="CG31" s="315">
        <v>0</v>
      </c>
      <c r="CH31" s="315">
        <v>0</v>
      </c>
      <c r="CI31" s="315">
        <v>0</v>
      </c>
      <c r="CJ31" s="312">
        <v>0</v>
      </c>
      <c r="CK31" s="317">
        <v>0</v>
      </c>
      <c r="CL31" s="311">
        <v>0</v>
      </c>
      <c r="CM31" s="315">
        <v>0</v>
      </c>
      <c r="CN31" s="312">
        <v>0</v>
      </c>
      <c r="CO31" s="314">
        <v>0</v>
      </c>
      <c r="CP31" s="315">
        <v>0</v>
      </c>
      <c r="CQ31" s="315">
        <v>0</v>
      </c>
      <c r="CR31" s="315">
        <v>0</v>
      </c>
      <c r="CS31" s="315">
        <v>0</v>
      </c>
      <c r="CT31" s="315">
        <v>0</v>
      </c>
      <c r="CU31" s="312">
        <v>0</v>
      </c>
      <c r="CV31" s="317">
        <v>0</v>
      </c>
      <c r="CW31" s="311">
        <v>0</v>
      </c>
      <c r="CX31" s="315">
        <v>0</v>
      </c>
      <c r="CY31" s="312">
        <v>0</v>
      </c>
      <c r="CZ31" s="314">
        <v>0</v>
      </c>
      <c r="DA31" s="315">
        <v>0</v>
      </c>
      <c r="DB31" s="315">
        <v>0</v>
      </c>
      <c r="DC31" s="315">
        <v>0</v>
      </c>
      <c r="DD31" s="315">
        <v>0</v>
      </c>
      <c r="DE31" s="315">
        <v>0</v>
      </c>
      <c r="DF31" s="312">
        <v>0</v>
      </c>
      <c r="DG31" s="317">
        <v>0</v>
      </c>
    </row>
    <row r="32" spans="1:111" ht="18.75" customHeight="1" x14ac:dyDescent="0.2">
      <c r="A32" s="296" t="s">
        <v>30</v>
      </c>
      <c r="B32" s="311">
        <v>0</v>
      </c>
      <c r="C32" s="312">
        <v>0</v>
      </c>
      <c r="D32" s="313">
        <v>0</v>
      </c>
      <c r="E32" s="314">
        <v>0</v>
      </c>
      <c r="F32" s="315">
        <v>0</v>
      </c>
      <c r="G32" s="315">
        <v>5</v>
      </c>
      <c r="H32" s="315">
        <v>93</v>
      </c>
      <c r="I32" s="315">
        <v>70</v>
      </c>
      <c r="J32" s="315">
        <v>0</v>
      </c>
      <c r="K32" s="316">
        <v>168</v>
      </c>
      <c r="L32" s="317">
        <v>168</v>
      </c>
      <c r="M32" s="311">
        <v>0</v>
      </c>
      <c r="N32" s="315">
        <v>0</v>
      </c>
      <c r="O32" s="312">
        <v>0</v>
      </c>
      <c r="P32" s="314">
        <v>0</v>
      </c>
      <c r="Q32" s="315">
        <v>0</v>
      </c>
      <c r="R32" s="315">
        <v>0</v>
      </c>
      <c r="S32" s="315">
        <v>0</v>
      </c>
      <c r="T32" s="315">
        <v>5</v>
      </c>
      <c r="U32" s="315">
        <v>0</v>
      </c>
      <c r="V32" s="312">
        <v>5</v>
      </c>
      <c r="W32" s="317">
        <v>5</v>
      </c>
      <c r="X32" s="311">
        <v>0</v>
      </c>
      <c r="Y32" s="315">
        <v>0</v>
      </c>
      <c r="Z32" s="312">
        <v>0</v>
      </c>
      <c r="AA32" s="314">
        <v>0</v>
      </c>
      <c r="AB32" s="315">
        <v>0</v>
      </c>
      <c r="AC32" s="315">
        <v>4</v>
      </c>
      <c r="AD32" s="315">
        <v>0</v>
      </c>
      <c r="AE32" s="315">
        <v>4</v>
      </c>
      <c r="AF32" s="315">
        <v>0</v>
      </c>
      <c r="AG32" s="312">
        <v>8</v>
      </c>
      <c r="AH32" s="317">
        <v>8</v>
      </c>
      <c r="AI32" s="311">
        <v>0</v>
      </c>
      <c r="AJ32" s="315">
        <v>0</v>
      </c>
      <c r="AK32" s="312">
        <v>0</v>
      </c>
      <c r="AL32" s="314">
        <v>0</v>
      </c>
      <c r="AM32" s="315">
        <v>0</v>
      </c>
      <c r="AN32" s="315">
        <v>0</v>
      </c>
      <c r="AO32" s="315">
        <v>0</v>
      </c>
      <c r="AP32" s="315">
        <v>24</v>
      </c>
      <c r="AQ32" s="315">
        <v>0</v>
      </c>
      <c r="AR32" s="312">
        <v>24</v>
      </c>
      <c r="AS32" s="317">
        <v>24</v>
      </c>
      <c r="AT32" s="311">
        <v>0</v>
      </c>
      <c r="AU32" s="315">
        <v>0</v>
      </c>
      <c r="AV32" s="312">
        <v>0</v>
      </c>
      <c r="AW32" s="314">
        <v>0</v>
      </c>
      <c r="AX32" s="315">
        <v>0</v>
      </c>
      <c r="AY32" s="315">
        <v>12</v>
      </c>
      <c r="AZ32" s="315">
        <v>12</v>
      </c>
      <c r="BA32" s="315">
        <v>0</v>
      </c>
      <c r="BB32" s="315">
        <v>0</v>
      </c>
      <c r="BC32" s="316">
        <v>24</v>
      </c>
      <c r="BD32" s="317">
        <v>24</v>
      </c>
      <c r="BE32" s="311">
        <v>0</v>
      </c>
      <c r="BF32" s="315">
        <v>0</v>
      </c>
      <c r="BG32" s="312">
        <v>0</v>
      </c>
      <c r="BH32" s="314">
        <v>0</v>
      </c>
      <c r="BI32" s="315">
        <v>0</v>
      </c>
      <c r="BJ32" s="315">
        <v>15</v>
      </c>
      <c r="BK32" s="315">
        <v>0</v>
      </c>
      <c r="BL32" s="315">
        <v>0</v>
      </c>
      <c r="BM32" s="315">
        <v>0</v>
      </c>
      <c r="BN32" s="312">
        <v>15</v>
      </c>
      <c r="BO32" s="317">
        <v>15</v>
      </c>
      <c r="BP32" s="311">
        <v>0</v>
      </c>
      <c r="BQ32" s="315">
        <v>0</v>
      </c>
      <c r="BR32" s="312">
        <v>0</v>
      </c>
      <c r="BS32" s="314">
        <v>0</v>
      </c>
      <c r="BT32" s="315">
        <v>0</v>
      </c>
      <c r="BU32" s="315">
        <v>0</v>
      </c>
      <c r="BV32" s="315">
        <v>38</v>
      </c>
      <c r="BW32" s="315">
        <v>0</v>
      </c>
      <c r="BX32" s="315">
        <v>0</v>
      </c>
      <c r="BY32" s="312">
        <v>38</v>
      </c>
      <c r="BZ32" s="317">
        <v>38</v>
      </c>
      <c r="CA32" s="311">
        <v>0</v>
      </c>
      <c r="CB32" s="315">
        <v>0</v>
      </c>
      <c r="CC32" s="312">
        <v>0</v>
      </c>
      <c r="CD32" s="314">
        <v>0</v>
      </c>
      <c r="CE32" s="315">
        <v>0</v>
      </c>
      <c r="CF32" s="315">
        <v>2</v>
      </c>
      <c r="CG32" s="315">
        <v>0</v>
      </c>
      <c r="CH32" s="315">
        <v>0</v>
      </c>
      <c r="CI32" s="315">
        <v>0</v>
      </c>
      <c r="CJ32" s="312">
        <v>2</v>
      </c>
      <c r="CK32" s="317">
        <v>2</v>
      </c>
      <c r="CL32" s="311">
        <v>0</v>
      </c>
      <c r="CM32" s="315">
        <v>0</v>
      </c>
      <c r="CN32" s="312">
        <v>0</v>
      </c>
      <c r="CO32" s="314">
        <v>0</v>
      </c>
      <c r="CP32" s="315">
        <v>0</v>
      </c>
      <c r="CQ32" s="315">
        <v>0</v>
      </c>
      <c r="CR32" s="315">
        <v>0</v>
      </c>
      <c r="CS32" s="315">
        <v>0</v>
      </c>
      <c r="CT32" s="315">
        <v>0</v>
      </c>
      <c r="CU32" s="312">
        <v>0</v>
      </c>
      <c r="CV32" s="317">
        <v>0</v>
      </c>
      <c r="CW32" s="311">
        <v>0</v>
      </c>
      <c r="CX32" s="315">
        <v>0</v>
      </c>
      <c r="CY32" s="312">
        <v>0</v>
      </c>
      <c r="CZ32" s="314">
        <v>0</v>
      </c>
      <c r="DA32" s="315">
        <v>0</v>
      </c>
      <c r="DB32" s="315">
        <v>0</v>
      </c>
      <c r="DC32" s="315">
        <v>0</v>
      </c>
      <c r="DD32" s="315">
        <v>0</v>
      </c>
      <c r="DE32" s="315">
        <v>0</v>
      </c>
      <c r="DF32" s="312">
        <v>0</v>
      </c>
      <c r="DG32" s="317">
        <v>0</v>
      </c>
    </row>
    <row r="33" spans="1:111" ht="18.75" customHeight="1" x14ac:dyDescent="0.2">
      <c r="A33" s="296" t="s">
        <v>31</v>
      </c>
      <c r="B33" s="311">
        <v>0</v>
      </c>
      <c r="C33" s="312">
        <v>0</v>
      </c>
      <c r="D33" s="313">
        <v>0</v>
      </c>
      <c r="E33" s="314">
        <v>0</v>
      </c>
      <c r="F33" s="315">
        <v>8</v>
      </c>
      <c r="G33" s="315">
        <v>0</v>
      </c>
      <c r="H33" s="315">
        <v>0</v>
      </c>
      <c r="I33" s="315">
        <v>90</v>
      </c>
      <c r="J33" s="315">
        <v>0</v>
      </c>
      <c r="K33" s="316">
        <v>98</v>
      </c>
      <c r="L33" s="317">
        <v>98</v>
      </c>
      <c r="M33" s="311">
        <v>0</v>
      </c>
      <c r="N33" s="315">
        <v>0</v>
      </c>
      <c r="O33" s="312">
        <v>0</v>
      </c>
      <c r="P33" s="314">
        <v>0</v>
      </c>
      <c r="Q33" s="315">
        <v>0</v>
      </c>
      <c r="R33" s="315">
        <v>0</v>
      </c>
      <c r="S33" s="315">
        <v>0</v>
      </c>
      <c r="T33" s="315">
        <v>0</v>
      </c>
      <c r="U33" s="315">
        <v>11</v>
      </c>
      <c r="V33" s="312">
        <v>11</v>
      </c>
      <c r="W33" s="317">
        <v>11</v>
      </c>
      <c r="X33" s="311">
        <v>2</v>
      </c>
      <c r="Y33" s="315">
        <v>0</v>
      </c>
      <c r="Z33" s="312">
        <v>2</v>
      </c>
      <c r="AA33" s="314">
        <v>0</v>
      </c>
      <c r="AB33" s="315">
        <v>8</v>
      </c>
      <c r="AC33" s="315">
        <v>0</v>
      </c>
      <c r="AD33" s="315">
        <v>0</v>
      </c>
      <c r="AE33" s="315">
        <v>18</v>
      </c>
      <c r="AF33" s="315">
        <v>26</v>
      </c>
      <c r="AG33" s="312">
        <v>52</v>
      </c>
      <c r="AH33" s="317">
        <v>54</v>
      </c>
      <c r="AI33" s="311">
        <v>0</v>
      </c>
      <c r="AJ33" s="315">
        <v>0</v>
      </c>
      <c r="AK33" s="312">
        <v>0</v>
      </c>
      <c r="AL33" s="314">
        <v>0</v>
      </c>
      <c r="AM33" s="315">
        <v>0</v>
      </c>
      <c r="AN33" s="315">
        <v>0</v>
      </c>
      <c r="AO33" s="315">
        <v>20</v>
      </c>
      <c r="AP33" s="315">
        <v>0</v>
      </c>
      <c r="AQ33" s="315">
        <v>0</v>
      </c>
      <c r="AR33" s="312">
        <v>20</v>
      </c>
      <c r="AS33" s="317">
        <v>20</v>
      </c>
      <c r="AT33" s="311">
        <v>0</v>
      </c>
      <c r="AU33" s="315">
        <v>0</v>
      </c>
      <c r="AV33" s="312">
        <v>0</v>
      </c>
      <c r="AW33" s="314">
        <v>0</v>
      </c>
      <c r="AX33" s="315">
        <v>0</v>
      </c>
      <c r="AY33" s="315">
        <v>7</v>
      </c>
      <c r="AZ33" s="315">
        <v>17</v>
      </c>
      <c r="BA33" s="315">
        <v>12</v>
      </c>
      <c r="BB33" s="315">
        <v>0</v>
      </c>
      <c r="BC33" s="316">
        <v>36</v>
      </c>
      <c r="BD33" s="317">
        <v>36</v>
      </c>
      <c r="BE33" s="311">
        <v>0</v>
      </c>
      <c r="BF33" s="315">
        <v>0</v>
      </c>
      <c r="BG33" s="312">
        <v>0</v>
      </c>
      <c r="BH33" s="314">
        <v>0</v>
      </c>
      <c r="BI33" s="315">
        <v>0</v>
      </c>
      <c r="BJ33" s="315">
        <v>0</v>
      </c>
      <c r="BK33" s="315">
        <v>0</v>
      </c>
      <c r="BL33" s="315">
        <v>0</v>
      </c>
      <c r="BM33" s="315">
        <v>0</v>
      </c>
      <c r="BN33" s="312">
        <v>0</v>
      </c>
      <c r="BO33" s="317">
        <v>0</v>
      </c>
      <c r="BP33" s="311">
        <v>0</v>
      </c>
      <c r="BQ33" s="315">
        <v>0</v>
      </c>
      <c r="BR33" s="312">
        <v>0</v>
      </c>
      <c r="BS33" s="314">
        <v>0</v>
      </c>
      <c r="BT33" s="315">
        <v>0</v>
      </c>
      <c r="BU33" s="315">
        <v>0</v>
      </c>
      <c r="BV33" s="315">
        <v>0</v>
      </c>
      <c r="BW33" s="315">
        <v>10</v>
      </c>
      <c r="BX33" s="315">
        <v>0</v>
      </c>
      <c r="BY33" s="312">
        <v>10</v>
      </c>
      <c r="BZ33" s="317">
        <v>10</v>
      </c>
      <c r="CA33" s="311">
        <v>0</v>
      </c>
      <c r="CB33" s="315">
        <v>0</v>
      </c>
      <c r="CC33" s="312">
        <v>0</v>
      </c>
      <c r="CD33" s="314">
        <v>0</v>
      </c>
      <c r="CE33" s="315">
        <v>0</v>
      </c>
      <c r="CF33" s="315">
        <v>0</v>
      </c>
      <c r="CG33" s="315">
        <v>0</v>
      </c>
      <c r="CH33" s="315">
        <v>0</v>
      </c>
      <c r="CI33" s="315">
        <v>0</v>
      </c>
      <c r="CJ33" s="312">
        <v>0</v>
      </c>
      <c r="CK33" s="317">
        <v>0</v>
      </c>
      <c r="CL33" s="311">
        <v>0</v>
      </c>
      <c r="CM33" s="315">
        <v>0</v>
      </c>
      <c r="CN33" s="312">
        <v>0</v>
      </c>
      <c r="CO33" s="314">
        <v>0</v>
      </c>
      <c r="CP33" s="315">
        <v>0</v>
      </c>
      <c r="CQ33" s="315">
        <v>0</v>
      </c>
      <c r="CR33" s="315">
        <v>0</v>
      </c>
      <c r="CS33" s="315">
        <v>0</v>
      </c>
      <c r="CT33" s="315">
        <v>0</v>
      </c>
      <c r="CU33" s="312">
        <v>0</v>
      </c>
      <c r="CV33" s="317">
        <v>0</v>
      </c>
      <c r="CW33" s="311">
        <v>0</v>
      </c>
      <c r="CX33" s="315">
        <v>0</v>
      </c>
      <c r="CY33" s="312">
        <v>0</v>
      </c>
      <c r="CZ33" s="314">
        <v>0</v>
      </c>
      <c r="DA33" s="315">
        <v>0</v>
      </c>
      <c r="DB33" s="315">
        <v>0</v>
      </c>
      <c r="DC33" s="315">
        <v>0</v>
      </c>
      <c r="DD33" s="315">
        <v>0</v>
      </c>
      <c r="DE33" s="315">
        <v>0</v>
      </c>
      <c r="DF33" s="312">
        <v>0</v>
      </c>
      <c r="DG33" s="317">
        <v>0</v>
      </c>
    </row>
    <row r="34" spans="1:111" ht="18.75" customHeight="1" x14ac:dyDescent="0.2">
      <c r="A34" s="296" t="s">
        <v>32</v>
      </c>
      <c r="B34" s="311">
        <v>0</v>
      </c>
      <c r="C34" s="312">
        <v>0</v>
      </c>
      <c r="D34" s="313">
        <v>0</v>
      </c>
      <c r="E34" s="314">
        <v>0</v>
      </c>
      <c r="F34" s="315">
        <v>23</v>
      </c>
      <c r="G34" s="315">
        <v>3</v>
      </c>
      <c r="H34" s="315">
        <v>0</v>
      </c>
      <c r="I34" s="315">
        <v>124</v>
      </c>
      <c r="J34" s="315">
        <v>0</v>
      </c>
      <c r="K34" s="316">
        <v>150</v>
      </c>
      <c r="L34" s="317">
        <v>150</v>
      </c>
      <c r="M34" s="311">
        <v>0</v>
      </c>
      <c r="N34" s="315">
        <v>0</v>
      </c>
      <c r="O34" s="312">
        <v>0</v>
      </c>
      <c r="P34" s="314">
        <v>0</v>
      </c>
      <c r="Q34" s="315">
        <v>0</v>
      </c>
      <c r="R34" s="315">
        <v>0</v>
      </c>
      <c r="S34" s="315">
        <v>0</v>
      </c>
      <c r="T34" s="315">
        <v>0</v>
      </c>
      <c r="U34" s="315">
        <v>0</v>
      </c>
      <c r="V34" s="312">
        <v>0</v>
      </c>
      <c r="W34" s="317">
        <v>0</v>
      </c>
      <c r="X34" s="311">
        <v>0</v>
      </c>
      <c r="Y34" s="315">
        <v>0</v>
      </c>
      <c r="Z34" s="312">
        <v>0</v>
      </c>
      <c r="AA34" s="314">
        <v>0</v>
      </c>
      <c r="AB34" s="315">
        <v>0</v>
      </c>
      <c r="AC34" s="315">
        <v>4</v>
      </c>
      <c r="AD34" s="315">
        <v>0</v>
      </c>
      <c r="AE34" s="315">
        <v>4</v>
      </c>
      <c r="AF34" s="315">
        <v>0</v>
      </c>
      <c r="AG34" s="312">
        <v>8</v>
      </c>
      <c r="AH34" s="317">
        <v>8</v>
      </c>
      <c r="AI34" s="311">
        <v>0</v>
      </c>
      <c r="AJ34" s="315">
        <v>0</v>
      </c>
      <c r="AK34" s="312">
        <v>0</v>
      </c>
      <c r="AL34" s="314">
        <v>0</v>
      </c>
      <c r="AM34" s="315">
        <v>0</v>
      </c>
      <c r="AN34" s="315">
        <v>0</v>
      </c>
      <c r="AO34" s="315">
        <v>6</v>
      </c>
      <c r="AP34" s="315">
        <v>0</v>
      </c>
      <c r="AQ34" s="315">
        <v>0</v>
      </c>
      <c r="AR34" s="312">
        <v>6</v>
      </c>
      <c r="AS34" s="317">
        <v>6</v>
      </c>
      <c r="AT34" s="311">
        <v>0</v>
      </c>
      <c r="AU34" s="315">
        <v>0</v>
      </c>
      <c r="AV34" s="312">
        <v>0</v>
      </c>
      <c r="AW34" s="314">
        <v>0</v>
      </c>
      <c r="AX34" s="315">
        <v>30</v>
      </c>
      <c r="AY34" s="315">
        <v>0</v>
      </c>
      <c r="AZ34" s="315">
        <v>0</v>
      </c>
      <c r="BA34" s="315">
        <v>0</v>
      </c>
      <c r="BB34" s="315">
        <v>0</v>
      </c>
      <c r="BC34" s="316">
        <v>30</v>
      </c>
      <c r="BD34" s="317">
        <v>30</v>
      </c>
      <c r="BE34" s="311">
        <v>0</v>
      </c>
      <c r="BF34" s="315">
        <v>0</v>
      </c>
      <c r="BG34" s="312">
        <v>0</v>
      </c>
      <c r="BH34" s="314">
        <v>0</v>
      </c>
      <c r="BI34" s="315">
        <v>0</v>
      </c>
      <c r="BJ34" s="315">
        <v>11</v>
      </c>
      <c r="BK34" s="315">
        <v>7</v>
      </c>
      <c r="BL34" s="315">
        <v>0</v>
      </c>
      <c r="BM34" s="315">
        <v>0</v>
      </c>
      <c r="BN34" s="312">
        <v>18</v>
      </c>
      <c r="BO34" s="317">
        <v>18</v>
      </c>
      <c r="BP34" s="311">
        <v>0</v>
      </c>
      <c r="BQ34" s="315">
        <v>0</v>
      </c>
      <c r="BR34" s="312">
        <v>0</v>
      </c>
      <c r="BS34" s="314">
        <v>0</v>
      </c>
      <c r="BT34" s="315">
        <v>17</v>
      </c>
      <c r="BU34" s="315">
        <v>3</v>
      </c>
      <c r="BV34" s="315">
        <v>0</v>
      </c>
      <c r="BW34" s="315">
        <v>0</v>
      </c>
      <c r="BX34" s="315">
        <v>0</v>
      </c>
      <c r="BY34" s="312">
        <v>20</v>
      </c>
      <c r="BZ34" s="317">
        <v>20</v>
      </c>
      <c r="CA34" s="311">
        <v>0</v>
      </c>
      <c r="CB34" s="315">
        <v>0</v>
      </c>
      <c r="CC34" s="312">
        <v>0</v>
      </c>
      <c r="CD34" s="314">
        <v>0</v>
      </c>
      <c r="CE34" s="315">
        <v>0</v>
      </c>
      <c r="CF34" s="315">
        <v>3</v>
      </c>
      <c r="CG34" s="315">
        <v>2</v>
      </c>
      <c r="CH34" s="315">
        <v>0</v>
      </c>
      <c r="CI34" s="315">
        <v>0</v>
      </c>
      <c r="CJ34" s="312">
        <v>5</v>
      </c>
      <c r="CK34" s="317">
        <v>5</v>
      </c>
      <c r="CL34" s="311">
        <v>0</v>
      </c>
      <c r="CM34" s="315">
        <v>0</v>
      </c>
      <c r="CN34" s="312">
        <v>0</v>
      </c>
      <c r="CO34" s="314">
        <v>0</v>
      </c>
      <c r="CP34" s="315">
        <v>0</v>
      </c>
      <c r="CQ34" s="315">
        <v>0</v>
      </c>
      <c r="CR34" s="315">
        <v>0</v>
      </c>
      <c r="CS34" s="315">
        <v>0</v>
      </c>
      <c r="CT34" s="315">
        <v>0</v>
      </c>
      <c r="CU34" s="312">
        <v>0</v>
      </c>
      <c r="CV34" s="317">
        <v>0</v>
      </c>
      <c r="CW34" s="311">
        <v>0</v>
      </c>
      <c r="CX34" s="315">
        <v>0</v>
      </c>
      <c r="CY34" s="312">
        <v>0</v>
      </c>
      <c r="CZ34" s="314">
        <v>0</v>
      </c>
      <c r="DA34" s="315">
        <v>0</v>
      </c>
      <c r="DB34" s="315">
        <v>0</v>
      </c>
      <c r="DC34" s="315">
        <v>0</v>
      </c>
      <c r="DD34" s="315">
        <v>0</v>
      </c>
      <c r="DE34" s="315">
        <v>0</v>
      </c>
      <c r="DF34" s="312">
        <v>0</v>
      </c>
      <c r="DG34" s="317">
        <v>0</v>
      </c>
    </row>
    <row r="35" spans="1:111" ht="18.75" customHeight="1" x14ac:dyDescent="0.2">
      <c r="A35" s="296" t="s">
        <v>33</v>
      </c>
      <c r="B35" s="311">
        <v>0</v>
      </c>
      <c r="C35" s="312">
        <v>0</v>
      </c>
      <c r="D35" s="313">
        <v>0</v>
      </c>
      <c r="E35" s="314">
        <v>0</v>
      </c>
      <c r="F35" s="315">
        <v>7</v>
      </c>
      <c r="G35" s="315">
        <v>0</v>
      </c>
      <c r="H35" s="315">
        <v>27</v>
      </c>
      <c r="I35" s="315">
        <v>0</v>
      </c>
      <c r="J35" s="315">
        <v>0</v>
      </c>
      <c r="K35" s="316">
        <v>34</v>
      </c>
      <c r="L35" s="317">
        <v>34</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8</v>
      </c>
      <c r="AC35" s="315">
        <v>0</v>
      </c>
      <c r="AD35" s="315">
        <v>33</v>
      </c>
      <c r="AE35" s="315">
        <v>0</v>
      </c>
      <c r="AF35" s="315">
        <v>14</v>
      </c>
      <c r="AG35" s="312">
        <v>55</v>
      </c>
      <c r="AH35" s="317">
        <v>55</v>
      </c>
      <c r="AI35" s="311">
        <v>3</v>
      </c>
      <c r="AJ35" s="315">
        <v>12</v>
      </c>
      <c r="AK35" s="312">
        <v>15</v>
      </c>
      <c r="AL35" s="314">
        <v>0</v>
      </c>
      <c r="AM35" s="315">
        <v>12</v>
      </c>
      <c r="AN35" s="315">
        <v>0</v>
      </c>
      <c r="AO35" s="315">
        <v>9</v>
      </c>
      <c r="AP35" s="315">
        <v>0</v>
      </c>
      <c r="AQ35" s="315">
        <v>21</v>
      </c>
      <c r="AR35" s="312">
        <v>42</v>
      </c>
      <c r="AS35" s="317">
        <v>57</v>
      </c>
      <c r="AT35" s="311">
        <v>0</v>
      </c>
      <c r="AU35" s="315">
        <v>0</v>
      </c>
      <c r="AV35" s="312">
        <v>0</v>
      </c>
      <c r="AW35" s="314">
        <v>0</v>
      </c>
      <c r="AX35" s="315">
        <v>10</v>
      </c>
      <c r="AY35" s="315">
        <v>0</v>
      </c>
      <c r="AZ35" s="315">
        <v>0</v>
      </c>
      <c r="BA35" s="315">
        <v>0</v>
      </c>
      <c r="BB35" s="315">
        <v>0</v>
      </c>
      <c r="BC35" s="316">
        <v>10</v>
      </c>
      <c r="BD35" s="317">
        <v>10</v>
      </c>
      <c r="BE35" s="311">
        <v>0</v>
      </c>
      <c r="BF35" s="315">
        <v>0</v>
      </c>
      <c r="BG35" s="312">
        <v>0</v>
      </c>
      <c r="BH35" s="314">
        <v>0</v>
      </c>
      <c r="BI35" s="315">
        <v>0</v>
      </c>
      <c r="BJ35" s="315">
        <v>0</v>
      </c>
      <c r="BK35" s="315">
        <v>0</v>
      </c>
      <c r="BL35" s="315">
        <v>0</v>
      </c>
      <c r="BM35" s="315">
        <v>0</v>
      </c>
      <c r="BN35" s="312">
        <v>0</v>
      </c>
      <c r="BO35" s="317">
        <v>0</v>
      </c>
      <c r="BP35" s="311">
        <v>0</v>
      </c>
      <c r="BQ35" s="315">
        <v>0</v>
      </c>
      <c r="BR35" s="312">
        <v>0</v>
      </c>
      <c r="BS35" s="314">
        <v>0</v>
      </c>
      <c r="BT35" s="315">
        <v>0</v>
      </c>
      <c r="BU35" s="315">
        <v>0</v>
      </c>
      <c r="BV35" s="315">
        <v>3</v>
      </c>
      <c r="BW35" s="315">
        <v>0</v>
      </c>
      <c r="BX35" s="315">
        <v>0</v>
      </c>
      <c r="BY35" s="312">
        <v>3</v>
      </c>
      <c r="BZ35" s="317">
        <v>3</v>
      </c>
      <c r="CA35" s="311">
        <v>0</v>
      </c>
      <c r="CB35" s="315">
        <v>0</v>
      </c>
      <c r="CC35" s="312">
        <v>0</v>
      </c>
      <c r="CD35" s="314">
        <v>0</v>
      </c>
      <c r="CE35" s="315">
        <v>0</v>
      </c>
      <c r="CF35" s="315">
        <v>0</v>
      </c>
      <c r="CG35" s="315">
        <v>0</v>
      </c>
      <c r="CH35" s="315">
        <v>0</v>
      </c>
      <c r="CI35" s="315">
        <v>0</v>
      </c>
      <c r="CJ35" s="312">
        <v>0</v>
      </c>
      <c r="CK35" s="317">
        <v>0</v>
      </c>
      <c r="CL35" s="311">
        <v>0</v>
      </c>
      <c r="CM35" s="315">
        <v>0</v>
      </c>
      <c r="CN35" s="312">
        <v>0</v>
      </c>
      <c r="CO35" s="314">
        <v>0</v>
      </c>
      <c r="CP35" s="315">
        <v>0</v>
      </c>
      <c r="CQ35" s="315">
        <v>0</v>
      </c>
      <c r="CR35" s="315">
        <v>0</v>
      </c>
      <c r="CS35" s="315">
        <v>0</v>
      </c>
      <c r="CT35" s="315">
        <v>0</v>
      </c>
      <c r="CU35" s="312">
        <v>0</v>
      </c>
      <c r="CV35" s="317">
        <v>0</v>
      </c>
      <c r="CW35" s="311">
        <v>0</v>
      </c>
      <c r="CX35" s="315">
        <v>0</v>
      </c>
      <c r="CY35" s="312">
        <v>0</v>
      </c>
      <c r="CZ35" s="314">
        <v>0</v>
      </c>
      <c r="DA35" s="315">
        <v>0</v>
      </c>
      <c r="DB35" s="315">
        <v>0</v>
      </c>
      <c r="DC35" s="315">
        <v>0</v>
      </c>
      <c r="DD35" s="315">
        <v>0</v>
      </c>
      <c r="DE35" s="315">
        <v>0</v>
      </c>
      <c r="DF35" s="312">
        <v>0</v>
      </c>
      <c r="DG35" s="317">
        <v>0</v>
      </c>
    </row>
    <row r="36" spans="1:111" ht="18.75" customHeight="1" x14ac:dyDescent="0.2">
      <c r="A36" s="296" t="s">
        <v>34</v>
      </c>
      <c r="B36" s="311">
        <v>0</v>
      </c>
      <c r="C36" s="312">
        <v>0</v>
      </c>
      <c r="D36" s="313">
        <v>0</v>
      </c>
      <c r="E36" s="314">
        <v>0</v>
      </c>
      <c r="F36" s="315">
        <v>0</v>
      </c>
      <c r="G36" s="315">
        <v>0</v>
      </c>
      <c r="H36" s="315">
        <v>7</v>
      </c>
      <c r="I36" s="315">
        <v>107</v>
      </c>
      <c r="J36" s="315">
        <v>0</v>
      </c>
      <c r="K36" s="316">
        <v>114</v>
      </c>
      <c r="L36" s="317">
        <v>114</v>
      </c>
      <c r="M36" s="311">
        <v>0</v>
      </c>
      <c r="N36" s="315">
        <v>0</v>
      </c>
      <c r="O36" s="312">
        <v>0</v>
      </c>
      <c r="P36" s="314">
        <v>0</v>
      </c>
      <c r="Q36" s="315">
        <v>0</v>
      </c>
      <c r="R36" s="315">
        <v>0</v>
      </c>
      <c r="S36" s="315">
        <v>0</v>
      </c>
      <c r="T36" s="315">
        <v>0</v>
      </c>
      <c r="U36" s="315">
        <v>0</v>
      </c>
      <c r="V36" s="312">
        <v>0</v>
      </c>
      <c r="W36" s="317">
        <v>0</v>
      </c>
      <c r="X36" s="311">
        <v>0</v>
      </c>
      <c r="Y36" s="315">
        <v>0</v>
      </c>
      <c r="Z36" s="312">
        <v>0</v>
      </c>
      <c r="AA36" s="314">
        <v>0</v>
      </c>
      <c r="AB36" s="315">
        <v>0</v>
      </c>
      <c r="AC36" s="315">
        <v>0</v>
      </c>
      <c r="AD36" s="315">
        <v>0</v>
      </c>
      <c r="AE36" s="315">
        <v>0</v>
      </c>
      <c r="AF36" s="315">
        <v>0</v>
      </c>
      <c r="AG36" s="312">
        <v>0</v>
      </c>
      <c r="AH36" s="317">
        <v>0</v>
      </c>
      <c r="AI36" s="311">
        <v>0</v>
      </c>
      <c r="AJ36" s="315">
        <v>0</v>
      </c>
      <c r="AK36" s="312">
        <v>0</v>
      </c>
      <c r="AL36" s="314">
        <v>0</v>
      </c>
      <c r="AM36" s="315">
        <v>0</v>
      </c>
      <c r="AN36" s="315">
        <v>0</v>
      </c>
      <c r="AO36" s="315">
        <v>0</v>
      </c>
      <c r="AP36" s="315">
        <v>0</v>
      </c>
      <c r="AQ36" s="315">
        <v>8</v>
      </c>
      <c r="AR36" s="312">
        <v>8</v>
      </c>
      <c r="AS36" s="317">
        <v>8</v>
      </c>
      <c r="AT36" s="311">
        <v>0</v>
      </c>
      <c r="AU36" s="315">
        <v>0</v>
      </c>
      <c r="AV36" s="312">
        <v>0</v>
      </c>
      <c r="AW36" s="314">
        <v>0</v>
      </c>
      <c r="AX36" s="315">
        <v>0</v>
      </c>
      <c r="AY36" s="315">
        <v>8</v>
      </c>
      <c r="AZ36" s="315">
        <v>21</v>
      </c>
      <c r="BA36" s="315">
        <v>10</v>
      </c>
      <c r="BB36" s="315">
        <v>0</v>
      </c>
      <c r="BC36" s="316">
        <v>39</v>
      </c>
      <c r="BD36" s="317">
        <v>39</v>
      </c>
      <c r="BE36" s="311">
        <v>0</v>
      </c>
      <c r="BF36" s="315">
        <v>0</v>
      </c>
      <c r="BG36" s="312">
        <v>0</v>
      </c>
      <c r="BH36" s="314">
        <v>0</v>
      </c>
      <c r="BI36" s="315">
        <v>5</v>
      </c>
      <c r="BJ36" s="315">
        <v>0</v>
      </c>
      <c r="BK36" s="315">
        <v>0</v>
      </c>
      <c r="BL36" s="315">
        <v>0</v>
      </c>
      <c r="BM36" s="315">
        <v>0</v>
      </c>
      <c r="BN36" s="312">
        <v>5</v>
      </c>
      <c r="BO36" s="317">
        <v>5</v>
      </c>
      <c r="BP36" s="311">
        <v>0</v>
      </c>
      <c r="BQ36" s="315">
        <v>0</v>
      </c>
      <c r="BR36" s="312">
        <v>0</v>
      </c>
      <c r="BS36" s="314">
        <v>0</v>
      </c>
      <c r="BT36" s="315">
        <v>0</v>
      </c>
      <c r="BU36" s="315">
        <v>0</v>
      </c>
      <c r="BV36" s="315">
        <v>0</v>
      </c>
      <c r="BW36" s="315">
        <v>4</v>
      </c>
      <c r="BX36" s="315">
        <v>0</v>
      </c>
      <c r="BY36" s="312">
        <v>4</v>
      </c>
      <c r="BZ36" s="317">
        <v>4</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0</v>
      </c>
      <c r="CQ36" s="315">
        <v>0</v>
      </c>
      <c r="CR36" s="315">
        <v>0</v>
      </c>
      <c r="CS36" s="315">
        <v>0</v>
      </c>
      <c r="CT36" s="315">
        <v>0</v>
      </c>
      <c r="CU36" s="312">
        <v>0</v>
      </c>
      <c r="CV36" s="317">
        <v>0</v>
      </c>
      <c r="CW36" s="311">
        <v>0</v>
      </c>
      <c r="CX36" s="315">
        <v>0</v>
      </c>
      <c r="CY36" s="312">
        <v>0</v>
      </c>
      <c r="CZ36" s="314">
        <v>0</v>
      </c>
      <c r="DA36" s="315">
        <v>0</v>
      </c>
      <c r="DB36" s="315">
        <v>0</v>
      </c>
      <c r="DC36" s="315">
        <v>0</v>
      </c>
      <c r="DD36" s="315">
        <v>0</v>
      </c>
      <c r="DE36" s="315">
        <v>0</v>
      </c>
      <c r="DF36" s="312">
        <v>0</v>
      </c>
      <c r="DG36" s="317">
        <v>0</v>
      </c>
    </row>
    <row r="37" spans="1:111" ht="18.75" customHeight="1" x14ac:dyDescent="0.2">
      <c r="A37" s="296" t="s">
        <v>35</v>
      </c>
      <c r="B37" s="311">
        <v>0</v>
      </c>
      <c r="C37" s="312">
        <v>0</v>
      </c>
      <c r="D37" s="313">
        <v>0</v>
      </c>
      <c r="E37" s="314">
        <v>0</v>
      </c>
      <c r="F37" s="315">
        <v>137</v>
      </c>
      <c r="G37" s="315">
        <v>36</v>
      </c>
      <c r="H37" s="315">
        <v>76</v>
      </c>
      <c r="I37" s="315">
        <v>88</v>
      </c>
      <c r="J37" s="315">
        <v>0</v>
      </c>
      <c r="K37" s="316">
        <v>337</v>
      </c>
      <c r="L37" s="317">
        <v>337</v>
      </c>
      <c r="M37" s="311">
        <v>0</v>
      </c>
      <c r="N37" s="315">
        <v>0</v>
      </c>
      <c r="O37" s="312">
        <v>0</v>
      </c>
      <c r="P37" s="314">
        <v>0</v>
      </c>
      <c r="Q37" s="315">
        <v>0</v>
      </c>
      <c r="R37" s="315">
        <v>0</v>
      </c>
      <c r="S37" s="315">
        <v>0</v>
      </c>
      <c r="T37" s="315">
        <v>0</v>
      </c>
      <c r="U37" s="315">
        <v>0</v>
      </c>
      <c r="V37" s="312">
        <v>0</v>
      </c>
      <c r="W37" s="317">
        <v>0</v>
      </c>
      <c r="X37" s="311">
        <v>0</v>
      </c>
      <c r="Y37" s="315">
        <v>0</v>
      </c>
      <c r="Z37" s="312">
        <v>0</v>
      </c>
      <c r="AA37" s="314">
        <v>0</v>
      </c>
      <c r="AB37" s="315">
        <v>0</v>
      </c>
      <c r="AC37" s="315">
        <v>16</v>
      </c>
      <c r="AD37" s="315">
        <v>15</v>
      </c>
      <c r="AE37" s="315">
        <v>25</v>
      </c>
      <c r="AF37" s="315">
        <v>62</v>
      </c>
      <c r="AG37" s="312">
        <v>118</v>
      </c>
      <c r="AH37" s="317">
        <v>118</v>
      </c>
      <c r="AI37" s="311">
        <v>0</v>
      </c>
      <c r="AJ37" s="315">
        <v>0</v>
      </c>
      <c r="AK37" s="312">
        <v>0</v>
      </c>
      <c r="AL37" s="314">
        <v>0</v>
      </c>
      <c r="AM37" s="315">
        <v>0</v>
      </c>
      <c r="AN37" s="315">
        <v>8</v>
      </c>
      <c r="AO37" s="315">
        <v>6</v>
      </c>
      <c r="AP37" s="315">
        <v>0</v>
      </c>
      <c r="AQ37" s="315">
        <v>0</v>
      </c>
      <c r="AR37" s="312">
        <v>14</v>
      </c>
      <c r="AS37" s="317">
        <v>14</v>
      </c>
      <c r="AT37" s="311">
        <v>0</v>
      </c>
      <c r="AU37" s="315">
        <v>0</v>
      </c>
      <c r="AV37" s="312">
        <v>0</v>
      </c>
      <c r="AW37" s="314">
        <v>0</v>
      </c>
      <c r="AX37" s="315">
        <v>31</v>
      </c>
      <c r="AY37" s="315">
        <v>41</v>
      </c>
      <c r="AZ37" s="315">
        <v>8</v>
      </c>
      <c r="BA37" s="315">
        <v>0</v>
      </c>
      <c r="BB37" s="315">
        <v>0</v>
      </c>
      <c r="BC37" s="316">
        <v>80</v>
      </c>
      <c r="BD37" s="317">
        <v>80</v>
      </c>
      <c r="BE37" s="311">
        <v>0</v>
      </c>
      <c r="BF37" s="315">
        <v>0</v>
      </c>
      <c r="BG37" s="312">
        <v>0</v>
      </c>
      <c r="BH37" s="314">
        <v>0</v>
      </c>
      <c r="BI37" s="315">
        <v>4</v>
      </c>
      <c r="BJ37" s="315">
        <v>11</v>
      </c>
      <c r="BK37" s="315">
        <v>4</v>
      </c>
      <c r="BL37" s="315">
        <v>8</v>
      </c>
      <c r="BM37" s="315">
        <v>2</v>
      </c>
      <c r="BN37" s="312">
        <v>29</v>
      </c>
      <c r="BO37" s="317">
        <v>29</v>
      </c>
      <c r="BP37" s="311">
        <v>0</v>
      </c>
      <c r="BQ37" s="315">
        <v>0</v>
      </c>
      <c r="BR37" s="312">
        <v>0</v>
      </c>
      <c r="BS37" s="314">
        <v>0</v>
      </c>
      <c r="BT37" s="315">
        <v>0</v>
      </c>
      <c r="BU37" s="315">
        <v>0</v>
      </c>
      <c r="BV37" s="315">
        <v>0</v>
      </c>
      <c r="BW37" s="315">
        <v>0</v>
      </c>
      <c r="BX37" s="315">
        <v>0</v>
      </c>
      <c r="BY37" s="312">
        <v>0</v>
      </c>
      <c r="BZ37" s="317">
        <v>0</v>
      </c>
      <c r="CA37" s="311">
        <v>0</v>
      </c>
      <c r="CB37" s="315">
        <v>0</v>
      </c>
      <c r="CC37" s="312">
        <v>0</v>
      </c>
      <c r="CD37" s="314">
        <v>0</v>
      </c>
      <c r="CE37" s="315">
        <v>0</v>
      </c>
      <c r="CF37" s="315">
        <v>0</v>
      </c>
      <c r="CG37" s="315">
        <v>0</v>
      </c>
      <c r="CH37" s="315">
        <v>0</v>
      </c>
      <c r="CI37" s="315">
        <v>0</v>
      </c>
      <c r="CJ37" s="312">
        <v>0</v>
      </c>
      <c r="CK37" s="317">
        <v>0</v>
      </c>
      <c r="CL37" s="311">
        <v>0</v>
      </c>
      <c r="CM37" s="315">
        <v>0</v>
      </c>
      <c r="CN37" s="312">
        <v>0</v>
      </c>
      <c r="CO37" s="314">
        <v>0</v>
      </c>
      <c r="CP37" s="315">
        <v>0</v>
      </c>
      <c r="CQ37" s="315">
        <v>0</v>
      </c>
      <c r="CR37" s="315">
        <v>0</v>
      </c>
      <c r="CS37" s="315">
        <v>0</v>
      </c>
      <c r="CT37" s="315">
        <v>0</v>
      </c>
      <c r="CU37" s="312">
        <v>0</v>
      </c>
      <c r="CV37" s="317">
        <v>0</v>
      </c>
      <c r="CW37" s="311">
        <v>0</v>
      </c>
      <c r="CX37" s="315">
        <v>0</v>
      </c>
      <c r="CY37" s="312">
        <v>0</v>
      </c>
      <c r="CZ37" s="314">
        <v>0</v>
      </c>
      <c r="DA37" s="315">
        <v>0</v>
      </c>
      <c r="DB37" s="315">
        <v>0</v>
      </c>
      <c r="DC37" s="315">
        <v>0</v>
      </c>
      <c r="DD37" s="315">
        <v>0</v>
      </c>
      <c r="DE37" s="315">
        <v>0</v>
      </c>
      <c r="DF37" s="312">
        <v>0</v>
      </c>
      <c r="DG37" s="317">
        <v>0</v>
      </c>
    </row>
    <row r="38" spans="1:111" ht="18.75" customHeight="1" x14ac:dyDescent="0.2">
      <c r="A38" s="296" t="s">
        <v>36</v>
      </c>
      <c r="B38" s="311">
        <v>0</v>
      </c>
      <c r="C38" s="312">
        <v>0</v>
      </c>
      <c r="D38" s="313">
        <v>0</v>
      </c>
      <c r="E38" s="314">
        <v>0</v>
      </c>
      <c r="F38" s="315">
        <v>40</v>
      </c>
      <c r="G38" s="315">
        <v>4</v>
      </c>
      <c r="H38" s="315">
        <v>0</v>
      </c>
      <c r="I38" s="315">
        <v>115</v>
      </c>
      <c r="J38" s="315">
        <v>0</v>
      </c>
      <c r="K38" s="316">
        <v>159</v>
      </c>
      <c r="L38" s="317">
        <v>159</v>
      </c>
      <c r="M38" s="311">
        <v>0</v>
      </c>
      <c r="N38" s="315">
        <v>0</v>
      </c>
      <c r="O38" s="312">
        <v>0</v>
      </c>
      <c r="P38" s="314">
        <v>0</v>
      </c>
      <c r="Q38" s="315">
        <v>0</v>
      </c>
      <c r="R38" s="315">
        <v>0</v>
      </c>
      <c r="S38" s="315">
        <v>0</v>
      </c>
      <c r="T38" s="315">
        <v>0</v>
      </c>
      <c r="U38" s="315">
        <v>0</v>
      </c>
      <c r="V38" s="312">
        <v>0</v>
      </c>
      <c r="W38" s="317">
        <v>0</v>
      </c>
      <c r="X38" s="311">
        <v>0</v>
      </c>
      <c r="Y38" s="315">
        <v>5</v>
      </c>
      <c r="Z38" s="312">
        <v>5</v>
      </c>
      <c r="AA38" s="314">
        <v>0</v>
      </c>
      <c r="AB38" s="315">
        <v>18</v>
      </c>
      <c r="AC38" s="315">
        <v>8</v>
      </c>
      <c r="AD38" s="315">
        <v>0</v>
      </c>
      <c r="AE38" s="315">
        <v>7</v>
      </c>
      <c r="AF38" s="315">
        <v>18</v>
      </c>
      <c r="AG38" s="312">
        <v>51</v>
      </c>
      <c r="AH38" s="317">
        <v>56</v>
      </c>
      <c r="AI38" s="311">
        <v>0</v>
      </c>
      <c r="AJ38" s="315">
        <v>0</v>
      </c>
      <c r="AK38" s="312">
        <v>0</v>
      </c>
      <c r="AL38" s="314">
        <v>0</v>
      </c>
      <c r="AM38" s="315">
        <v>0</v>
      </c>
      <c r="AN38" s="315">
        <v>0</v>
      </c>
      <c r="AO38" s="315">
        <v>0</v>
      </c>
      <c r="AP38" s="315">
        <v>8</v>
      </c>
      <c r="AQ38" s="315">
        <v>0</v>
      </c>
      <c r="AR38" s="312">
        <v>8</v>
      </c>
      <c r="AS38" s="317">
        <v>8</v>
      </c>
      <c r="AT38" s="311">
        <v>0</v>
      </c>
      <c r="AU38" s="315">
        <v>0</v>
      </c>
      <c r="AV38" s="312">
        <v>0</v>
      </c>
      <c r="AW38" s="314">
        <v>0</v>
      </c>
      <c r="AX38" s="315">
        <v>24</v>
      </c>
      <c r="AY38" s="315">
        <v>21</v>
      </c>
      <c r="AZ38" s="315">
        <v>11</v>
      </c>
      <c r="BA38" s="315">
        <v>0</v>
      </c>
      <c r="BB38" s="315">
        <v>1</v>
      </c>
      <c r="BC38" s="316">
        <v>57</v>
      </c>
      <c r="BD38" s="317">
        <v>57</v>
      </c>
      <c r="BE38" s="311">
        <v>0</v>
      </c>
      <c r="BF38" s="315">
        <v>0</v>
      </c>
      <c r="BG38" s="312">
        <v>0</v>
      </c>
      <c r="BH38" s="314">
        <v>0</v>
      </c>
      <c r="BI38" s="315">
        <v>4</v>
      </c>
      <c r="BJ38" s="315">
        <v>0</v>
      </c>
      <c r="BK38" s="315">
        <v>0</v>
      </c>
      <c r="BL38" s="315">
        <v>0</v>
      </c>
      <c r="BM38" s="315">
        <v>0</v>
      </c>
      <c r="BN38" s="312">
        <v>4</v>
      </c>
      <c r="BO38" s="317">
        <v>4</v>
      </c>
      <c r="BP38" s="311">
        <v>0</v>
      </c>
      <c r="BQ38" s="315">
        <v>0</v>
      </c>
      <c r="BR38" s="312">
        <v>0</v>
      </c>
      <c r="BS38" s="314">
        <v>0</v>
      </c>
      <c r="BT38" s="315">
        <v>0</v>
      </c>
      <c r="BU38" s="315">
        <v>16</v>
      </c>
      <c r="BV38" s="315">
        <v>13</v>
      </c>
      <c r="BW38" s="315">
        <v>30</v>
      </c>
      <c r="BX38" s="315">
        <v>0</v>
      </c>
      <c r="BY38" s="312">
        <v>59</v>
      </c>
      <c r="BZ38" s="317">
        <v>59</v>
      </c>
      <c r="CA38" s="311">
        <v>0</v>
      </c>
      <c r="CB38" s="315">
        <v>0</v>
      </c>
      <c r="CC38" s="312">
        <v>0</v>
      </c>
      <c r="CD38" s="314">
        <v>0</v>
      </c>
      <c r="CE38" s="315">
        <v>0</v>
      </c>
      <c r="CF38" s="315">
        <v>0</v>
      </c>
      <c r="CG38" s="315">
        <v>0</v>
      </c>
      <c r="CH38" s="315">
        <v>0</v>
      </c>
      <c r="CI38" s="315">
        <v>0</v>
      </c>
      <c r="CJ38" s="312">
        <v>0</v>
      </c>
      <c r="CK38" s="317">
        <v>0</v>
      </c>
      <c r="CL38" s="311">
        <v>0</v>
      </c>
      <c r="CM38" s="315">
        <v>0</v>
      </c>
      <c r="CN38" s="312">
        <v>0</v>
      </c>
      <c r="CO38" s="314">
        <v>0</v>
      </c>
      <c r="CP38" s="315">
        <v>0</v>
      </c>
      <c r="CQ38" s="315">
        <v>0</v>
      </c>
      <c r="CR38" s="315">
        <v>0</v>
      </c>
      <c r="CS38" s="315">
        <v>0</v>
      </c>
      <c r="CT38" s="315">
        <v>0</v>
      </c>
      <c r="CU38" s="312">
        <v>0</v>
      </c>
      <c r="CV38" s="317">
        <v>0</v>
      </c>
      <c r="CW38" s="311">
        <v>0</v>
      </c>
      <c r="CX38" s="315">
        <v>0</v>
      </c>
      <c r="CY38" s="312">
        <v>0</v>
      </c>
      <c r="CZ38" s="314">
        <v>0</v>
      </c>
      <c r="DA38" s="315">
        <v>0</v>
      </c>
      <c r="DB38" s="315">
        <v>0</v>
      </c>
      <c r="DC38" s="315">
        <v>0</v>
      </c>
      <c r="DD38" s="315">
        <v>0</v>
      </c>
      <c r="DE38" s="315">
        <v>0</v>
      </c>
      <c r="DF38" s="312">
        <v>0</v>
      </c>
      <c r="DG38" s="317">
        <v>0</v>
      </c>
    </row>
    <row r="39" spans="1:111" ht="18.75" customHeight="1" thickBot="1" x14ac:dyDescent="0.25">
      <c r="A39" s="297" t="s">
        <v>37</v>
      </c>
      <c r="B39" s="318">
        <v>0</v>
      </c>
      <c r="C39" s="319">
        <v>0</v>
      </c>
      <c r="D39" s="320">
        <v>0</v>
      </c>
      <c r="E39" s="321">
        <v>0</v>
      </c>
      <c r="F39" s="322">
        <v>0</v>
      </c>
      <c r="G39" s="322">
        <v>0</v>
      </c>
      <c r="H39" s="322">
        <v>0</v>
      </c>
      <c r="I39" s="322">
        <v>0</v>
      </c>
      <c r="J39" s="322">
        <v>30</v>
      </c>
      <c r="K39" s="323">
        <v>30</v>
      </c>
      <c r="L39" s="324">
        <v>30</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0</v>
      </c>
      <c r="AC39" s="322">
        <v>0</v>
      </c>
      <c r="AD39" s="322">
        <v>0</v>
      </c>
      <c r="AE39" s="322">
        <v>0</v>
      </c>
      <c r="AF39" s="322">
        <v>12</v>
      </c>
      <c r="AG39" s="319">
        <v>12</v>
      </c>
      <c r="AH39" s="324">
        <v>12</v>
      </c>
      <c r="AI39" s="318">
        <v>0</v>
      </c>
      <c r="AJ39" s="322">
        <v>0</v>
      </c>
      <c r="AK39" s="319">
        <v>0</v>
      </c>
      <c r="AL39" s="321">
        <v>0</v>
      </c>
      <c r="AM39" s="322">
        <v>0</v>
      </c>
      <c r="AN39" s="322">
        <v>0</v>
      </c>
      <c r="AO39" s="322">
        <v>0</v>
      </c>
      <c r="AP39" s="322">
        <v>0</v>
      </c>
      <c r="AQ39" s="322">
        <v>0</v>
      </c>
      <c r="AR39" s="319">
        <v>0</v>
      </c>
      <c r="AS39" s="324">
        <v>0</v>
      </c>
      <c r="AT39" s="318">
        <v>0</v>
      </c>
      <c r="AU39" s="322">
        <v>0</v>
      </c>
      <c r="AV39" s="319">
        <v>0</v>
      </c>
      <c r="AW39" s="321">
        <v>0</v>
      </c>
      <c r="AX39" s="322">
        <v>0</v>
      </c>
      <c r="AY39" s="322">
        <v>0</v>
      </c>
      <c r="AZ39" s="322">
        <v>0</v>
      </c>
      <c r="BA39" s="322">
        <v>15</v>
      </c>
      <c r="BB39" s="322">
        <v>0</v>
      </c>
      <c r="BC39" s="323">
        <v>15</v>
      </c>
      <c r="BD39" s="324">
        <v>15</v>
      </c>
      <c r="BE39" s="318">
        <v>0</v>
      </c>
      <c r="BF39" s="322">
        <v>0</v>
      </c>
      <c r="BG39" s="319">
        <v>0</v>
      </c>
      <c r="BH39" s="321">
        <v>0</v>
      </c>
      <c r="BI39" s="322">
        <v>0</v>
      </c>
      <c r="BJ39" s="322">
        <v>0</v>
      </c>
      <c r="BK39" s="322">
        <v>0</v>
      </c>
      <c r="BL39" s="322">
        <v>0</v>
      </c>
      <c r="BM39" s="322">
        <v>0</v>
      </c>
      <c r="BN39" s="319">
        <v>0</v>
      </c>
      <c r="BO39" s="324">
        <v>0</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10</v>
      </c>
      <c r="CI39" s="322">
        <v>0</v>
      </c>
      <c r="CJ39" s="319">
        <v>10</v>
      </c>
      <c r="CK39" s="324">
        <v>10</v>
      </c>
      <c r="CL39" s="318">
        <v>0</v>
      </c>
      <c r="CM39" s="322">
        <v>0</v>
      </c>
      <c r="CN39" s="319">
        <v>0</v>
      </c>
      <c r="CO39" s="321">
        <v>0</v>
      </c>
      <c r="CP39" s="322">
        <v>0</v>
      </c>
      <c r="CQ39" s="322">
        <v>0</v>
      </c>
      <c r="CR39" s="322">
        <v>0</v>
      </c>
      <c r="CS39" s="322">
        <v>0</v>
      </c>
      <c r="CT39" s="322">
        <v>0</v>
      </c>
      <c r="CU39" s="319">
        <v>0</v>
      </c>
      <c r="CV39" s="324">
        <v>0</v>
      </c>
      <c r="CW39" s="318">
        <v>0</v>
      </c>
      <c r="CX39" s="322">
        <v>0</v>
      </c>
      <c r="CY39" s="319">
        <v>0</v>
      </c>
      <c r="CZ39" s="321">
        <v>0</v>
      </c>
      <c r="DA39" s="322">
        <v>0</v>
      </c>
      <c r="DB39" s="322">
        <v>0</v>
      </c>
      <c r="DC39" s="322">
        <v>0</v>
      </c>
      <c r="DD39" s="322">
        <v>0</v>
      </c>
      <c r="DE39" s="322">
        <v>0</v>
      </c>
      <c r="DF39" s="319">
        <v>0</v>
      </c>
      <c r="DG39" s="324">
        <v>0</v>
      </c>
    </row>
    <row r="40" spans="1:111" ht="27" customHeight="1" x14ac:dyDescent="0.2">
      <c r="B40" s="290" t="s">
        <v>127</v>
      </c>
    </row>
  </sheetData>
  <mergeCells count="43">
    <mergeCell ref="CW3:DG3"/>
    <mergeCell ref="CW4:CY4"/>
    <mergeCell ref="CZ4:DF4"/>
    <mergeCell ref="DG4:DG5"/>
    <mergeCell ref="CA3:CK3"/>
    <mergeCell ref="CL3:CV3"/>
    <mergeCell ref="CA4:CC4"/>
    <mergeCell ref="CD4:CJ4"/>
    <mergeCell ref="CK4:CK5"/>
    <mergeCell ref="CL4:CN4"/>
    <mergeCell ref="CO4:CU4"/>
    <mergeCell ref="CV4:CV5"/>
    <mergeCell ref="I1:J1"/>
    <mergeCell ref="L1:M1"/>
    <mergeCell ref="A3:A5"/>
    <mergeCell ref="B3:L3"/>
    <mergeCell ref="M3:W3"/>
    <mergeCell ref="X3:AH3"/>
    <mergeCell ref="B4:D4"/>
    <mergeCell ref="E4:K4"/>
    <mergeCell ref="L4:L5"/>
    <mergeCell ref="M4:O4"/>
    <mergeCell ref="P4:V4"/>
    <mergeCell ref="W4:W5"/>
    <mergeCell ref="X4:Z4"/>
    <mergeCell ref="AA4:AG4"/>
    <mergeCell ref="AH4:AH5"/>
    <mergeCell ref="AI4:AK4"/>
    <mergeCell ref="AI3:AS3"/>
    <mergeCell ref="AT3:BD3"/>
    <mergeCell ref="BE3:BO3"/>
    <mergeCell ref="BP3:BZ3"/>
    <mergeCell ref="AL4:AR4"/>
    <mergeCell ref="AS4:AS5"/>
    <mergeCell ref="AT4:AV4"/>
    <mergeCell ref="AW4:BC4"/>
    <mergeCell ref="BD4:BD5"/>
    <mergeCell ref="BE4:BG4"/>
    <mergeCell ref="BH4:BN4"/>
    <mergeCell ref="BO4:BO5"/>
    <mergeCell ref="BP4:BR4"/>
    <mergeCell ref="BS4:BY4"/>
    <mergeCell ref="BZ4:BZ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8.77734375" style="1" customWidth="1"/>
    <col min="2" max="4" width="7.77734375" style="3" customWidth="1"/>
    <col min="5" max="5" width="9.109375" style="3" customWidth="1"/>
    <col min="6" max="6" width="9.44140625" style="3" customWidth="1"/>
    <col min="7" max="25" width="7.77734375" style="3" customWidth="1"/>
    <col min="26" max="34" width="7.77734375" style="1" customWidth="1"/>
    <col min="35" max="16384" width="9" style="1"/>
  </cols>
  <sheetData>
    <row r="1" spans="1:34" ht="25.5" customHeight="1" x14ac:dyDescent="0.2">
      <c r="A1" s="20" t="s">
        <v>129</v>
      </c>
      <c r="E1" s="22"/>
      <c r="G1" s="522">
        <f>第１表!F2</f>
        <v>4</v>
      </c>
      <c r="H1" s="522"/>
      <c r="I1" s="283">
        <f>第１表!G2</f>
        <v>3</v>
      </c>
      <c r="J1" s="549">
        <f>IF(I1&lt;3,I1-2+12,I1-2)</f>
        <v>1</v>
      </c>
      <c r="K1" s="549"/>
    </row>
    <row r="2" spans="1:34" ht="17.25" customHeight="1" thickBot="1" x14ac:dyDescent="0.25">
      <c r="I2" s="5"/>
      <c r="J2" s="5"/>
      <c r="K2" s="5"/>
      <c r="L2" s="5"/>
      <c r="M2" s="5"/>
      <c r="N2" s="5"/>
      <c r="O2" s="30"/>
      <c r="P2" s="30"/>
      <c r="Q2" s="30"/>
    </row>
    <row r="3" spans="1:34" ht="19.5" customHeight="1" thickBot="1" x14ac:dyDescent="0.25">
      <c r="A3" s="26"/>
      <c r="B3" s="550" t="s">
        <v>53</v>
      </c>
      <c r="C3" s="551"/>
      <c r="D3" s="551"/>
      <c r="E3" s="551"/>
      <c r="F3" s="551"/>
      <c r="G3" s="551"/>
      <c r="H3" s="551"/>
      <c r="I3" s="551"/>
      <c r="J3" s="551"/>
      <c r="K3" s="551"/>
      <c r="L3" s="552"/>
      <c r="M3" s="550" t="s">
        <v>54</v>
      </c>
      <c r="N3" s="551"/>
      <c r="O3" s="551"/>
      <c r="P3" s="551"/>
      <c r="Q3" s="551"/>
      <c r="R3" s="551"/>
      <c r="S3" s="551"/>
      <c r="T3" s="551"/>
      <c r="U3" s="551"/>
      <c r="V3" s="551"/>
      <c r="W3" s="552"/>
      <c r="X3" s="550" t="s">
        <v>55</v>
      </c>
      <c r="Y3" s="551"/>
      <c r="Z3" s="551"/>
      <c r="AA3" s="551"/>
      <c r="AB3" s="551"/>
      <c r="AC3" s="551"/>
      <c r="AD3" s="551"/>
      <c r="AE3" s="551"/>
      <c r="AF3" s="551"/>
      <c r="AG3" s="551"/>
      <c r="AH3" s="552"/>
    </row>
    <row r="4" spans="1:34" ht="30.75" customHeight="1" thickBot="1" x14ac:dyDescent="0.25">
      <c r="A4" s="26" t="s">
        <v>42</v>
      </c>
      <c r="B4" s="27" t="s">
        <v>43</v>
      </c>
      <c r="C4" s="6" t="s">
        <v>44</v>
      </c>
      <c r="D4" s="28" t="s">
        <v>45</v>
      </c>
      <c r="E4" s="29" t="s">
        <v>46</v>
      </c>
      <c r="F4" s="6" t="s">
        <v>47</v>
      </c>
      <c r="G4" s="6" t="s">
        <v>48</v>
      </c>
      <c r="H4" s="6" t="s">
        <v>49</v>
      </c>
      <c r="I4" s="6" t="s">
        <v>50</v>
      </c>
      <c r="J4" s="6" t="s">
        <v>51</v>
      </c>
      <c r="K4" s="28" t="s">
        <v>45</v>
      </c>
      <c r="L4" s="13" t="s">
        <v>52</v>
      </c>
      <c r="M4" s="27" t="s">
        <v>43</v>
      </c>
      <c r="N4" s="6" t="s">
        <v>44</v>
      </c>
      <c r="O4" s="28" t="s">
        <v>45</v>
      </c>
      <c r="P4" s="29" t="s">
        <v>46</v>
      </c>
      <c r="Q4" s="6" t="s">
        <v>47</v>
      </c>
      <c r="R4" s="6" t="s">
        <v>48</v>
      </c>
      <c r="S4" s="6" t="s">
        <v>49</v>
      </c>
      <c r="T4" s="6" t="s">
        <v>50</v>
      </c>
      <c r="U4" s="6" t="s">
        <v>51</v>
      </c>
      <c r="V4" s="28" t="s">
        <v>45</v>
      </c>
      <c r="W4" s="13" t="s">
        <v>52</v>
      </c>
      <c r="X4" s="27" t="s">
        <v>43</v>
      </c>
      <c r="Y4" s="6" t="s">
        <v>44</v>
      </c>
      <c r="Z4" s="28" t="s">
        <v>45</v>
      </c>
      <c r="AA4" s="29" t="s">
        <v>46</v>
      </c>
      <c r="AB4" s="6" t="s">
        <v>47</v>
      </c>
      <c r="AC4" s="6" t="s">
        <v>48</v>
      </c>
      <c r="AD4" s="6" t="s">
        <v>49</v>
      </c>
      <c r="AE4" s="6" t="s">
        <v>50</v>
      </c>
      <c r="AF4" s="6" t="s">
        <v>51</v>
      </c>
      <c r="AG4" s="28" t="s">
        <v>45</v>
      </c>
      <c r="AH4" s="13" t="s">
        <v>52</v>
      </c>
    </row>
    <row r="5" spans="1:34" ht="21" customHeight="1" x14ac:dyDescent="0.2">
      <c r="A5" s="14" t="s">
        <v>4</v>
      </c>
      <c r="B5" s="91">
        <v>185</v>
      </c>
      <c r="C5" s="92">
        <v>331</v>
      </c>
      <c r="D5" s="93">
        <v>516</v>
      </c>
      <c r="E5" s="94">
        <v>0</v>
      </c>
      <c r="F5" s="92">
        <v>18328</v>
      </c>
      <c r="G5" s="92">
        <v>18283</v>
      </c>
      <c r="H5" s="92">
        <v>12253</v>
      </c>
      <c r="I5" s="92">
        <v>7762</v>
      </c>
      <c r="J5" s="92">
        <v>4816</v>
      </c>
      <c r="K5" s="93">
        <v>61442</v>
      </c>
      <c r="L5" s="95">
        <v>61958</v>
      </c>
      <c r="M5" s="96">
        <v>1</v>
      </c>
      <c r="N5" s="92">
        <v>3</v>
      </c>
      <c r="O5" s="93">
        <v>4</v>
      </c>
      <c r="P5" s="94">
        <v>0</v>
      </c>
      <c r="Q5" s="92">
        <v>209</v>
      </c>
      <c r="R5" s="92">
        <v>326</v>
      </c>
      <c r="S5" s="92">
        <v>256</v>
      </c>
      <c r="T5" s="92">
        <v>165</v>
      </c>
      <c r="U5" s="92">
        <v>171</v>
      </c>
      <c r="V5" s="93">
        <v>1127</v>
      </c>
      <c r="W5" s="95">
        <v>1131</v>
      </c>
      <c r="X5" s="96">
        <v>186</v>
      </c>
      <c r="Y5" s="92">
        <v>334</v>
      </c>
      <c r="Z5" s="93">
        <v>520</v>
      </c>
      <c r="AA5" s="94">
        <v>0</v>
      </c>
      <c r="AB5" s="92">
        <v>18537</v>
      </c>
      <c r="AC5" s="92">
        <v>18609</v>
      </c>
      <c r="AD5" s="92">
        <v>12509</v>
      </c>
      <c r="AE5" s="92">
        <v>7927</v>
      </c>
      <c r="AF5" s="92">
        <v>4987</v>
      </c>
      <c r="AG5" s="93">
        <v>62569</v>
      </c>
      <c r="AH5" s="95">
        <v>63089</v>
      </c>
    </row>
    <row r="6" spans="1:34" ht="21" customHeight="1" x14ac:dyDescent="0.2">
      <c r="A6" s="18" t="s">
        <v>5</v>
      </c>
      <c r="B6" s="97">
        <v>79</v>
      </c>
      <c r="C6" s="98">
        <v>127</v>
      </c>
      <c r="D6" s="99">
        <v>206</v>
      </c>
      <c r="E6" s="100">
        <v>0</v>
      </c>
      <c r="F6" s="98">
        <v>6497</v>
      </c>
      <c r="G6" s="98">
        <v>8546</v>
      </c>
      <c r="H6" s="98">
        <v>5396</v>
      </c>
      <c r="I6" s="98">
        <v>3432</v>
      </c>
      <c r="J6" s="98">
        <v>2258</v>
      </c>
      <c r="K6" s="99">
        <v>26129</v>
      </c>
      <c r="L6" s="101">
        <v>26335</v>
      </c>
      <c r="M6" s="102">
        <v>0</v>
      </c>
      <c r="N6" s="98">
        <v>0</v>
      </c>
      <c r="O6" s="99">
        <v>0</v>
      </c>
      <c r="P6" s="100">
        <v>0</v>
      </c>
      <c r="Q6" s="98">
        <v>69</v>
      </c>
      <c r="R6" s="98">
        <v>146</v>
      </c>
      <c r="S6" s="98">
        <v>127</v>
      </c>
      <c r="T6" s="98">
        <v>77</v>
      </c>
      <c r="U6" s="98">
        <v>82</v>
      </c>
      <c r="V6" s="99">
        <v>501</v>
      </c>
      <c r="W6" s="101">
        <v>501</v>
      </c>
      <c r="X6" s="102">
        <v>79</v>
      </c>
      <c r="Y6" s="98">
        <v>127</v>
      </c>
      <c r="Z6" s="99">
        <v>206</v>
      </c>
      <c r="AA6" s="100">
        <v>0</v>
      </c>
      <c r="AB6" s="98">
        <v>6566</v>
      </c>
      <c r="AC6" s="98">
        <v>8692</v>
      </c>
      <c r="AD6" s="98">
        <v>5523</v>
      </c>
      <c r="AE6" s="98">
        <v>3509</v>
      </c>
      <c r="AF6" s="98">
        <v>2340</v>
      </c>
      <c r="AG6" s="99">
        <v>26630</v>
      </c>
      <c r="AH6" s="101">
        <v>26836</v>
      </c>
    </row>
    <row r="7" spans="1:34" ht="21" customHeight="1" x14ac:dyDescent="0.2">
      <c r="A7" s="18" t="s">
        <v>6</v>
      </c>
      <c r="B7" s="97">
        <v>24</v>
      </c>
      <c r="C7" s="98">
        <v>39</v>
      </c>
      <c r="D7" s="99">
        <v>63</v>
      </c>
      <c r="E7" s="100">
        <v>0</v>
      </c>
      <c r="F7" s="98">
        <v>2917</v>
      </c>
      <c r="G7" s="98">
        <v>2362</v>
      </c>
      <c r="H7" s="98">
        <v>1858</v>
      </c>
      <c r="I7" s="98">
        <v>1378</v>
      </c>
      <c r="J7" s="98">
        <v>818</v>
      </c>
      <c r="K7" s="99">
        <v>9333</v>
      </c>
      <c r="L7" s="101">
        <v>9396</v>
      </c>
      <c r="M7" s="102">
        <v>0</v>
      </c>
      <c r="N7" s="98">
        <v>0</v>
      </c>
      <c r="O7" s="99">
        <v>0</v>
      </c>
      <c r="P7" s="100">
        <v>0</v>
      </c>
      <c r="Q7" s="98">
        <v>31</v>
      </c>
      <c r="R7" s="98">
        <v>40</v>
      </c>
      <c r="S7" s="98">
        <v>34</v>
      </c>
      <c r="T7" s="98">
        <v>22</v>
      </c>
      <c r="U7" s="98">
        <v>32</v>
      </c>
      <c r="V7" s="99">
        <v>159</v>
      </c>
      <c r="W7" s="101">
        <v>159</v>
      </c>
      <c r="X7" s="102">
        <v>24</v>
      </c>
      <c r="Y7" s="98">
        <v>39</v>
      </c>
      <c r="Z7" s="99">
        <v>63</v>
      </c>
      <c r="AA7" s="100">
        <v>0</v>
      </c>
      <c r="AB7" s="98">
        <v>2948</v>
      </c>
      <c r="AC7" s="98">
        <v>2402</v>
      </c>
      <c r="AD7" s="98">
        <v>1892</v>
      </c>
      <c r="AE7" s="98">
        <v>1400</v>
      </c>
      <c r="AF7" s="98">
        <v>850</v>
      </c>
      <c r="AG7" s="99">
        <v>9492</v>
      </c>
      <c r="AH7" s="101">
        <v>9555</v>
      </c>
    </row>
    <row r="8" spans="1:34" ht="21" customHeight="1" x14ac:dyDescent="0.2">
      <c r="A8" s="18" t="s">
        <v>14</v>
      </c>
      <c r="B8" s="97">
        <v>14</v>
      </c>
      <c r="C8" s="98">
        <v>35</v>
      </c>
      <c r="D8" s="99">
        <v>49</v>
      </c>
      <c r="E8" s="100">
        <v>0</v>
      </c>
      <c r="F8" s="98">
        <v>1501</v>
      </c>
      <c r="G8" s="98">
        <v>1500</v>
      </c>
      <c r="H8" s="98">
        <v>1063</v>
      </c>
      <c r="I8" s="98">
        <v>588</v>
      </c>
      <c r="J8" s="98">
        <v>323</v>
      </c>
      <c r="K8" s="99">
        <v>4975</v>
      </c>
      <c r="L8" s="101">
        <v>5024</v>
      </c>
      <c r="M8" s="102">
        <v>0</v>
      </c>
      <c r="N8" s="98">
        <v>0</v>
      </c>
      <c r="O8" s="99">
        <v>0</v>
      </c>
      <c r="P8" s="100">
        <v>0</v>
      </c>
      <c r="Q8" s="98">
        <v>12</v>
      </c>
      <c r="R8" s="98">
        <v>29</v>
      </c>
      <c r="S8" s="98">
        <v>14</v>
      </c>
      <c r="T8" s="98">
        <v>13</v>
      </c>
      <c r="U8" s="98">
        <v>12</v>
      </c>
      <c r="V8" s="99">
        <v>80</v>
      </c>
      <c r="W8" s="101">
        <v>80</v>
      </c>
      <c r="X8" s="102">
        <v>14</v>
      </c>
      <c r="Y8" s="98">
        <v>35</v>
      </c>
      <c r="Z8" s="99">
        <v>49</v>
      </c>
      <c r="AA8" s="100">
        <v>0</v>
      </c>
      <c r="AB8" s="98">
        <v>1513</v>
      </c>
      <c r="AC8" s="98">
        <v>1529</v>
      </c>
      <c r="AD8" s="98">
        <v>1077</v>
      </c>
      <c r="AE8" s="98">
        <v>601</v>
      </c>
      <c r="AF8" s="98">
        <v>335</v>
      </c>
      <c r="AG8" s="99">
        <v>5055</v>
      </c>
      <c r="AH8" s="101">
        <v>5104</v>
      </c>
    </row>
    <row r="9" spans="1:34" ht="21" customHeight="1" x14ac:dyDescent="0.2">
      <c r="A9" s="18" t="s">
        <v>7</v>
      </c>
      <c r="B9" s="97">
        <v>6</v>
      </c>
      <c r="C9" s="98">
        <v>14</v>
      </c>
      <c r="D9" s="99">
        <v>20</v>
      </c>
      <c r="E9" s="100">
        <v>0</v>
      </c>
      <c r="F9" s="98">
        <v>1266</v>
      </c>
      <c r="G9" s="98">
        <v>892</v>
      </c>
      <c r="H9" s="98">
        <v>619</v>
      </c>
      <c r="I9" s="98">
        <v>321</v>
      </c>
      <c r="J9" s="98">
        <v>173</v>
      </c>
      <c r="K9" s="99">
        <v>3271</v>
      </c>
      <c r="L9" s="101">
        <v>3291</v>
      </c>
      <c r="M9" s="102">
        <v>1</v>
      </c>
      <c r="N9" s="98">
        <v>0</v>
      </c>
      <c r="O9" s="99">
        <v>1</v>
      </c>
      <c r="P9" s="100">
        <v>0</v>
      </c>
      <c r="Q9" s="98">
        <v>11</v>
      </c>
      <c r="R9" s="98">
        <v>14</v>
      </c>
      <c r="S9" s="98">
        <v>7</v>
      </c>
      <c r="T9" s="98">
        <v>4</v>
      </c>
      <c r="U9" s="98">
        <v>11</v>
      </c>
      <c r="V9" s="99">
        <v>47</v>
      </c>
      <c r="W9" s="101">
        <v>48</v>
      </c>
      <c r="X9" s="102">
        <v>7</v>
      </c>
      <c r="Y9" s="98">
        <v>14</v>
      </c>
      <c r="Z9" s="99">
        <v>21</v>
      </c>
      <c r="AA9" s="100">
        <v>0</v>
      </c>
      <c r="AB9" s="98">
        <v>1277</v>
      </c>
      <c r="AC9" s="98">
        <v>906</v>
      </c>
      <c r="AD9" s="98">
        <v>626</v>
      </c>
      <c r="AE9" s="98">
        <v>325</v>
      </c>
      <c r="AF9" s="98">
        <v>184</v>
      </c>
      <c r="AG9" s="99">
        <v>3318</v>
      </c>
      <c r="AH9" s="101">
        <v>3339</v>
      </c>
    </row>
    <row r="10" spans="1:34" ht="21" customHeight="1" x14ac:dyDescent="0.2">
      <c r="A10" s="18" t="s">
        <v>8</v>
      </c>
      <c r="B10" s="97">
        <v>7</v>
      </c>
      <c r="C10" s="98">
        <v>11</v>
      </c>
      <c r="D10" s="99">
        <v>18</v>
      </c>
      <c r="E10" s="100">
        <v>0</v>
      </c>
      <c r="F10" s="98">
        <v>728</v>
      </c>
      <c r="G10" s="98">
        <v>648</v>
      </c>
      <c r="H10" s="98">
        <v>396</v>
      </c>
      <c r="I10" s="98">
        <v>212</v>
      </c>
      <c r="J10" s="98">
        <v>121</v>
      </c>
      <c r="K10" s="99">
        <v>2105</v>
      </c>
      <c r="L10" s="101">
        <v>2123</v>
      </c>
      <c r="M10" s="102">
        <v>0</v>
      </c>
      <c r="N10" s="98">
        <v>1</v>
      </c>
      <c r="O10" s="99">
        <v>1</v>
      </c>
      <c r="P10" s="100">
        <v>0</v>
      </c>
      <c r="Q10" s="98">
        <v>17</v>
      </c>
      <c r="R10" s="98">
        <v>20</v>
      </c>
      <c r="S10" s="98">
        <v>10</v>
      </c>
      <c r="T10" s="98">
        <v>2</v>
      </c>
      <c r="U10" s="98">
        <v>3</v>
      </c>
      <c r="V10" s="99">
        <v>52</v>
      </c>
      <c r="W10" s="101">
        <v>53</v>
      </c>
      <c r="X10" s="102">
        <v>7</v>
      </c>
      <c r="Y10" s="98">
        <v>12</v>
      </c>
      <c r="Z10" s="99">
        <v>19</v>
      </c>
      <c r="AA10" s="100">
        <v>0</v>
      </c>
      <c r="AB10" s="98">
        <v>745</v>
      </c>
      <c r="AC10" s="98">
        <v>668</v>
      </c>
      <c r="AD10" s="98">
        <v>406</v>
      </c>
      <c r="AE10" s="98">
        <v>214</v>
      </c>
      <c r="AF10" s="98">
        <v>124</v>
      </c>
      <c r="AG10" s="99">
        <v>2157</v>
      </c>
      <c r="AH10" s="101">
        <v>2176</v>
      </c>
    </row>
    <row r="11" spans="1:34" ht="21" customHeight="1" x14ac:dyDescent="0.2">
      <c r="A11" s="18" t="s">
        <v>9</v>
      </c>
      <c r="B11" s="97">
        <v>5</v>
      </c>
      <c r="C11" s="98">
        <v>8</v>
      </c>
      <c r="D11" s="99">
        <v>13</v>
      </c>
      <c r="E11" s="100">
        <v>0</v>
      </c>
      <c r="F11" s="98">
        <v>487</v>
      </c>
      <c r="G11" s="98">
        <v>379</v>
      </c>
      <c r="H11" s="98">
        <v>296</v>
      </c>
      <c r="I11" s="98">
        <v>168</v>
      </c>
      <c r="J11" s="98">
        <v>82</v>
      </c>
      <c r="K11" s="99">
        <v>1412</v>
      </c>
      <c r="L11" s="101">
        <v>1425</v>
      </c>
      <c r="M11" s="102">
        <v>0</v>
      </c>
      <c r="N11" s="98">
        <v>0</v>
      </c>
      <c r="O11" s="99">
        <v>0</v>
      </c>
      <c r="P11" s="100">
        <v>0</v>
      </c>
      <c r="Q11" s="98">
        <v>9</v>
      </c>
      <c r="R11" s="98">
        <v>9</v>
      </c>
      <c r="S11" s="98">
        <v>4</v>
      </c>
      <c r="T11" s="98">
        <v>6</v>
      </c>
      <c r="U11" s="98">
        <v>1</v>
      </c>
      <c r="V11" s="99">
        <v>29</v>
      </c>
      <c r="W11" s="101">
        <v>29</v>
      </c>
      <c r="X11" s="102">
        <v>5</v>
      </c>
      <c r="Y11" s="98">
        <v>8</v>
      </c>
      <c r="Z11" s="99">
        <v>13</v>
      </c>
      <c r="AA11" s="100">
        <v>0</v>
      </c>
      <c r="AB11" s="98">
        <v>496</v>
      </c>
      <c r="AC11" s="98">
        <v>388</v>
      </c>
      <c r="AD11" s="98">
        <v>300</v>
      </c>
      <c r="AE11" s="98">
        <v>174</v>
      </c>
      <c r="AF11" s="98">
        <v>83</v>
      </c>
      <c r="AG11" s="99">
        <v>1441</v>
      </c>
      <c r="AH11" s="101">
        <v>1454</v>
      </c>
    </row>
    <row r="12" spans="1:34" ht="21" customHeight="1" x14ac:dyDescent="0.2">
      <c r="A12" s="18" t="s">
        <v>10</v>
      </c>
      <c r="B12" s="97">
        <v>8</v>
      </c>
      <c r="C12" s="98">
        <v>26</v>
      </c>
      <c r="D12" s="99">
        <v>34</v>
      </c>
      <c r="E12" s="100">
        <v>0</v>
      </c>
      <c r="F12" s="98">
        <v>865</v>
      </c>
      <c r="G12" s="98">
        <v>550</v>
      </c>
      <c r="H12" s="98">
        <v>380</v>
      </c>
      <c r="I12" s="98">
        <v>288</v>
      </c>
      <c r="J12" s="98">
        <v>232</v>
      </c>
      <c r="K12" s="99">
        <v>2315</v>
      </c>
      <c r="L12" s="101">
        <v>2349</v>
      </c>
      <c r="M12" s="102">
        <v>0</v>
      </c>
      <c r="N12" s="98">
        <v>1</v>
      </c>
      <c r="O12" s="99">
        <v>1</v>
      </c>
      <c r="P12" s="100">
        <v>0</v>
      </c>
      <c r="Q12" s="98">
        <v>11</v>
      </c>
      <c r="R12" s="98">
        <v>6</v>
      </c>
      <c r="S12" s="98">
        <v>15</v>
      </c>
      <c r="T12" s="98">
        <v>7</v>
      </c>
      <c r="U12" s="98">
        <v>5</v>
      </c>
      <c r="V12" s="99">
        <v>44</v>
      </c>
      <c r="W12" s="101">
        <v>45</v>
      </c>
      <c r="X12" s="102">
        <v>8</v>
      </c>
      <c r="Y12" s="98">
        <v>27</v>
      </c>
      <c r="Z12" s="99">
        <v>35</v>
      </c>
      <c r="AA12" s="100">
        <v>0</v>
      </c>
      <c r="AB12" s="98">
        <v>876</v>
      </c>
      <c r="AC12" s="98">
        <v>556</v>
      </c>
      <c r="AD12" s="98">
        <v>395</v>
      </c>
      <c r="AE12" s="98">
        <v>295</v>
      </c>
      <c r="AF12" s="98">
        <v>237</v>
      </c>
      <c r="AG12" s="99">
        <v>2359</v>
      </c>
      <c r="AH12" s="101">
        <v>2394</v>
      </c>
    </row>
    <row r="13" spans="1:34" ht="21" customHeight="1" x14ac:dyDescent="0.2">
      <c r="A13" s="18" t="s">
        <v>11</v>
      </c>
      <c r="B13" s="97">
        <v>5</v>
      </c>
      <c r="C13" s="98">
        <v>11</v>
      </c>
      <c r="D13" s="99">
        <v>16</v>
      </c>
      <c r="E13" s="100">
        <v>0</v>
      </c>
      <c r="F13" s="98">
        <v>689</v>
      </c>
      <c r="G13" s="98">
        <v>416</v>
      </c>
      <c r="H13" s="98">
        <v>260</v>
      </c>
      <c r="I13" s="98">
        <v>157</v>
      </c>
      <c r="J13" s="98">
        <v>76</v>
      </c>
      <c r="K13" s="99">
        <v>1598</v>
      </c>
      <c r="L13" s="101">
        <v>1614</v>
      </c>
      <c r="M13" s="102">
        <v>0</v>
      </c>
      <c r="N13" s="98">
        <v>0</v>
      </c>
      <c r="O13" s="99">
        <v>0</v>
      </c>
      <c r="P13" s="100">
        <v>0</v>
      </c>
      <c r="Q13" s="98">
        <v>9</v>
      </c>
      <c r="R13" s="98">
        <v>7</v>
      </c>
      <c r="S13" s="98">
        <v>4</v>
      </c>
      <c r="T13" s="98">
        <v>3</v>
      </c>
      <c r="U13" s="98">
        <v>3</v>
      </c>
      <c r="V13" s="99">
        <v>26</v>
      </c>
      <c r="W13" s="101">
        <v>26</v>
      </c>
      <c r="X13" s="102">
        <v>5</v>
      </c>
      <c r="Y13" s="98">
        <v>11</v>
      </c>
      <c r="Z13" s="99">
        <v>16</v>
      </c>
      <c r="AA13" s="100">
        <v>0</v>
      </c>
      <c r="AB13" s="98">
        <v>698</v>
      </c>
      <c r="AC13" s="98">
        <v>423</v>
      </c>
      <c r="AD13" s="98">
        <v>264</v>
      </c>
      <c r="AE13" s="98">
        <v>160</v>
      </c>
      <c r="AF13" s="98">
        <v>79</v>
      </c>
      <c r="AG13" s="99">
        <v>1624</v>
      </c>
      <c r="AH13" s="101">
        <v>1640</v>
      </c>
    </row>
    <row r="14" spans="1:34" ht="21" customHeight="1" x14ac:dyDescent="0.2">
      <c r="A14" s="18" t="s">
        <v>12</v>
      </c>
      <c r="B14" s="97">
        <v>1</v>
      </c>
      <c r="C14" s="98">
        <v>0</v>
      </c>
      <c r="D14" s="99">
        <v>1</v>
      </c>
      <c r="E14" s="100">
        <v>0</v>
      </c>
      <c r="F14" s="98">
        <v>503</v>
      </c>
      <c r="G14" s="98">
        <v>350</v>
      </c>
      <c r="H14" s="98">
        <v>257</v>
      </c>
      <c r="I14" s="98">
        <v>181</v>
      </c>
      <c r="J14" s="98">
        <v>126</v>
      </c>
      <c r="K14" s="99">
        <v>1417</v>
      </c>
      <c r="L14" s="101">
        <v>1418</v>
      </c>
      <c r="M14" s="102">
        <v>0</v>
      </c>
      <c r="N14" s="98">
        <v>0</v>
      </c>
      <c r="O14" s="99">
        <v>0</v>
      </c>
      <c r="P14" s="100">
        <v>0</v>
      </c>
      <c r="Q14" s="98">
        <v>5</v>
      </c>
      <c r="R14" s="98">
        <v>6</v>
      </c>
      <c r="S14" s="98">
        <v>4</v>
      </c>
      <c r="T14" s="98">
        <v>1</v>
      </c>
      <c r="U14" s="98">
        <v>4</v>
      </c>
      <c r="V14" s="99">
        <v>20</v>
      </c>
      <c r="W14" s="101">
        <v>20</v>
      </c>
      <c r="X14" s="102">
        <v>1</v>
      </c>
      <c r="Y14" s="98">
        <v>0</v>
      </c>
      <c r="Z14" s="99">
        <v>1</v>
      </c>
      <c r="AA14" s="100">
        <v>0</v>
      </c>
      <c r="AB14" s="98">
        <v>508</v>
      </c>
      <c r="AC14" s="98">
        <v>356</v>
      </c>
      <c r="AD14" s="98">
        <v>261</v>
      </c>
      <c r="AE14" s="98">
        <v>182</v>
      </c>
      <c r="AF14" s="98">
        <v>130</v>
      </c>
      <c r="AG14" s="99">
        <v>1437</v>
      </c>
      <c r="AH14" s="101">
        <v>1438</v>
      </c>
    </row>
    <row r="15" spans="1:34" ht="21" customHeight="1" x14ac:dyDescent="0.2">
      <c r="A15" s="18" t="s">
        <v>13</v>
      </c>
      <c r="B15" s="97">
        <v>1</v>
      </c>
      <c r="C15" s="98">
        <v>3</v>
      </c>
      <c r="D15" s="99">
        <v>4</v>
      </c>
      <c r="E15" s="100">
        <v>0</v>
      </c>
      <c r="F15" s="98">
        <v>151</v>
      </c>
      <c r="G15" s="98">
        <v>146</v>
      </c>
      <c r="H15" s="98">
        <v>90</v>
      </c>
      <c r="I15" s="98">
        <v>58</v>
      </c>
      <c r="J15" s="98">
        <v>29</v>
      </c>
      <c r="K15" s="99">
        <v>474</v>
      </c>
      <c r="L15" s="101">
        <v>478</v>
      </c>
      <c r="M15" s="102">
        <v>0</v>
      </c>
      <c r="N15" s="98">
        <v>0</v>
      </c>
      <c r="O15" s="99">
        <v>0</v>
      </c>
      <c r="P15" s="100">
        <v>0</v>
      </c>
      <c r="Q15" s="98">
        <v>2</v>
      </c>
      <c r="R15" s="98">
        <v>2</v>
      </c>
      <c r="S15" s="98">
        <v>2</v>
      </c>
      <c r="T15" s="98">
        <v>2</v>
      </c>
      <c r="U15" s="98">
        <v>0</v>
      </c>
      <c r="V15" s="99">
        <v>8</v>
      </c>
      <c r="W15" s="101">
        <v>8</v>
      </c>
      <c r="X15" s="102">
        <v>1</v>
      </c>
      <c r="Y15" s="98">
        <v>3</v>
      </c>
      <c r="Z15" s="99">
        <v>4</v>
      </c>
      <c r="AA15" s="100">
        <v>0</v>
      </c>
      <c r="AB15" s="98">
        <v>153</v>
      </c>
      <c r="AC15" s="98">
        <v>148</v>
      </c>
      <c r="AD15" s="98">
        <v>92</v>
      </c>
      <c r="AE15" s="98">
        <v>60</v>
      </c>
      <c r="AF15" s="98">
        <v>29</v>
      </c>
      <c r="AG15" s="99">
        <v>482</v>
      </c>
      <c r="AH15" s="101">
        <v>486</v>
      </c>
    </row>
    <row r="16" spans="1:34" ht="21" customHeight="1" x14ac:dyDescent="0.2">
      <c r="A16" s="18" t="s">
        <v>15</v>
      </c>
      <c r="B16" s="97">
        <v>5</v>
      </c>
      <c r="C16" s="98">
        <v>13</v>
      </c>
      <c r="D16" s="99">
        <v>18</v>
      </c>
      <c r="E16" s="100">
        <v>0</v>
      </c>
      <c r="F16" s="98">
        <v>214</v>
      </c>
      <c r="G16" s="98">
        <v>229</v>
      </c>
      <c r="H16" s="98">
        <v>137</v>
      </c>
      <c r="I16" s="98">
        <v>94</v>
      </c>
      <c r="J16" s="98">
        <v>40</v>
      </c>
      <c r="K16" s="99">
        <v>714</v>
      </c>
      <c r="L16" s="101">
        <v>732</v>
      </c>
      <c r="M16" s="102">
        <v>0</v>
      </c>
      <c r="N16" s="98">
        <v>1</v>
      </c>
      <c r="O16" s="99">
        <v>1</v>
      </c>
      <c r="P16" s="100">
        <v>0</v>
      </c>
      <c r="Q16" s="98">
        <v>3</v>
      </c>
      <c r="R16" s="98">
        <v>5</v>
      </c>
      <c r="S16" s="98">
        <v>1</v>
      </c>
      <c r="T16" s="98">
        <v>1</v>
      </c>
      <c r="U16" s="98">
        <v>1</v>
      </c>
      <c r="V16" s="99">
        <v>11</v>
      </c>
      <c r="W16" s="101">
        <v>12</v>
      </c>
      <c r="X16" s="102">
        <v>5</v>
      </c>
      <c r="Y16" s="98">
        <v>14</v>
      </c>
      <c r="Z16" s="99">
        <v>19</v>
      </c>
      <c r="AA16" s="100">
        <v>0</v>
      </c>
      <c r="AB16" s="98">
        <v>217</v>
      </c>
      <c r="AC16" s="98">
        <v>234</v>
      </c>
      <c r="AD16" s="98">
        <v>138</v>
      </c>
      <c r="AE16" s="98">
        <v>95</v>
      </c>
      <c r="AF16" s="98">
        <v>41</v>
      </c>
      <c r="AG16" s="99">
        <v>725</v>
      </c>
      <c r="AH16" s="101">
        <v>744</v>
      </c>
    </row>
    <row r="17" spans="1:34" ht="21" customHeight="1" x14ac:dyDescent="0.2">
      <c r="A17" s="18" t="s">
        <v>16</v>
      </c>
      <c r="B17" s="97">
        <v>2</v>
      </c>
      <c r="C17" s="98">
        <v>1</v>
      </c>
      <c r="D17" s="99">
        <v>3</v>
      </c>
      <c r="E17" s="100">
        <v>0</v>
      </c>
      <c r="F17" s="98">
        <v>211</v>
      </c>
      <c r="G17" s="98">
        <v>286</v>
      </c>
      <c r="H17" s="98">
        <v>189</v>
      </c>
      <c r="I17" s="98">
        <v>115</v>
      </c>
      <c r="J17" s="98">
        <v>72</v>
      </c>
      <c r="K17" s="99">
        <v>873</v>
      </c>
      <c r="L17" s="101">
        <v>876</v>
      </c>
      <c r="M17" s="102">
        <v>0</v>
      </c>
      <c r="N17" s="98">
        <v>0</v>
      </c>
      <c r="O17" s="99">
        <v>0</v>
      </c>
      <c r="P17" s="100">
        <v>0</v>
      </c>
      <c r="Q17" s="98">
        <v>2</v>
      </c>
      <c r="R17" s="98">
        <v>3</v>
      </c>
      <c r="S17" s="98">
        <v>5</v>
      </c>
      <c r="T17" s="98">
        <v>1</v>
      </c>
      <c r="U17" s="98">
        <v>4</v>
      </c>
      <c r="V17" s="99">
        <v>15</v>
      </c>
      <c r="W17" s="101">
        <v>15</v>
      </c>
      <c r="X17" s="102">
        <v>2</v>
      </c>
      <c r="Y17" s="98">
        <v>1</v>
      </c>
      <c r="Z17" s="99">
        <v>3</v>
      </c>
      <c r="AA17" s="100">
        <v>0</v>
      </c>
      <c r="AB17" s="98">
        <v>213</v>
      </c>
      <c r="AC17" s="98">
        <v>289</v>
      </c>
      <c r="AD17" s="98">
        <v>194</v>
      </c>
      <c r="AE17" s="98">
        <v>116</v>
      </c>
      <c r="AF17" s="98">
        <v>76</v>
      </c>
      <c r="AG17" s="99">
        <v>888</v>
      </c>
      <c r="AH17" s="101">
        <v>891</v>
      </c>
    </row>
    <row r="18" spans="1:34" ht="21" customHeight="1" x14ac:dyDescent="0.2">
      <c r="A18" s="18" t="s">
        <v>17</v>
      </c>
      <c r="B18" s="97">
        <v>1</v>
      </c>
      <c r="C18" s="98">
        <v>3</v>
      </c>
      <c r="D18" s="99">
        <v>4</v>
      </c>
      <c r="E18" s="100">
        <v>0</v>
      </c>
      <c r="F18" s="98">
        <v>334</v>
      </c>
      <c r="G18" s="98">
        <v>385</v>
      </c>
      <c r="H18" s="98">
        <v>253</v>
      </c>
      <c r="I18" s="98">
        <v>179</v>
      </c>
      <c r="J18" s="98">
        <v>129</v>
      </c>
      <c r="K18" s="99">
        <v>1280</v>
      </c>
      <c r="L18" s="101">
        <v>1284</v>
      </c>
      <c r="M18" s="102">
        <v>0</v>
      </c>
      <c r="N18" s="98">
        <v>0</v>
      </c>
      <c r="O18" s="99">
        <v>0</v>
      </c>
      <c r="P18" s="100">
        <v>0</v>
      </c>
      <c r="Q18" s="98">
        <v>1</v>
      </c>
      <c r="R18" s="98">
        <v>15</v>
      </c>
      <c r="S18" s="98">
        <v>12</v>
      </c>
      <c r="T18" s="98">
        <v>11</v>
      </c>
      <c r="U18" s="98">
        <v>5</v>
      </c>
      <c r="V18" s="99">
        <v>44</v>
      </c>
      <c r="W18" s="101">
        <v>44</v>
      </c>
      <c r="X18" s="102">
        <v>1</v>
      </c>
      <c r="Y18" s="98">
        <v>3</v>
      </c>
      <c r="Z18" s="99">
        <v>4</v>
      </c>
      <c r="AA18" s="100">
        <v>0</v>
      </c>
      <c r="AB18" s="98">
        <v>335</v>
      </c>
      <c r="AC18" s="98">
        <v>400</v>
      </c>
      <c r="AD18" s="98">
        <v>265</v>
      </c>
      <c r="AE18" s="98">
        <v>190</v>
      </c>
      <c r="AF18" s="98">
        <v>134</v>
      </c>
      <c r="AG18" s="99">
        <v>1324</v>
      </c>
      <c r="AH18" s="101">
        <v>1328</v>
      </c>
    </row>
    <row r="19" spans="1:34" ht="21" customHeight="1" x14ac:dyDescent="0.2">
      <c r="A19" s="18" t="s">
        <v>18</v>
      </c>
      <c r="B19" s="97">
        <v>8</v>
      </c>
      <c r="C19" s="98">
        <v>10</v>
      </c>
      <c r="D19" s="99">
        <v>18</v>
      </c>
      <c r="E19" s="100">
        <v>0</v>
      </c>
      <c r="F19" s="98">
        <v>412</v>
      </c>
      <c r="G19" s="98">
        <v>402</v>
      </c>
      <c r="H19" s="98">
        <v>254</v>
      </c>
      <c r="I19" s="98">
        <v>130</v>
      </c>
      <c r="J19" s="98">
        <v>74</v>
      </c>
      <c r="K19" s="99">
        <v>1272</v>
      </c>
      <c r="L19" s="101">
        <v>1290</v>
      </c>
      <c r="M19" s="102">
        <v>0</v>
      </c>
      <c r="N19" s="98">
        <v>0</v>
      </c>
      <c r="O19" s="99">
        <v>0</v>
      </c>
      <c r="P19" s="100">
        <v>0</v>
      </c>
      <c r="Q19" s="98">
        <v>9</v>
      </c>
      <c r="R19" s="98">
        <v>9</v>
      </c>
      <c r="S19" s="98">
        <v>4</v>
      </c>
      <c r="T19" s="98">
        <v>5</v>
      </c>
      <c r="U19" s="98">
        <v>5</v>
      </c>
      <c r="V19" s="99">
        <v>32</v>
      </c>
      <c r="W19" s="101">
        <v>32</v>
      </c>
      <c r="X19" s="102">
        <v>8</v>
      </c>
      <c r="Y19" s="98">
        <v>10</v>
      </c>
      <c r="Z19" s="99">
        <v>18</v>
      </c>
      <c r="AA19" s="100">
        <v>0</v>
      </c>
      <c r="AB19" s="98">
        <v>421</v>
      </c>
      <c r="AC19" s="98">
        <v>411</v>
      </c>
      <c r="AD19" s="98">
        <v>258</v>
      </c>
      <c r="AE19" s="98">
        <v>135</v>
      </c>
      <c r="AF19" s="98">
        <v>79</v>
      </c>
      <c r="AG19" s="99">
        <v>1304</v>
      </c>
      <c r="AH19" s="101">
        <v>1322</v>
      </c>
    </row>
    <row r="20" spans="1:34" ht="21" customHeight="1" x14ac:dyDescent="0.2">
      <c r="A20" s="18" t="s">
        <v>19</v>
      </c>
      <c r="B20" s="97">
        <v>0</v>
      </c>
      <c r="C20" s="98">
        <v>6</v>
      </c>
      <c r="D20" s="99">
        <v>6</v>
      </c>
      <c r="E20" s="100">
        <v>0</v>
      </c>
      <c r="F20" s="98">
        <v>201</v>
      </c>
      <c r="G20" s="98">
        <v>197</v>
      </c>
      <c r="H20" s="98">
        <v>130</v>
      </c>
      <c r="I20" s="98">
        <v>63</v>
      </c>
      <c r="J20" s="98">
        <v>56</v>
      </c>
      <c r="K20" s="99">
        <v>647</v>
      </c>
      <c r="L20" s="101">
        <v>653</v>
      </c>
      <c r="M20" s="102">
        <v>0</v>
      </c>
      <c r="N20" s="98">
        <v>0</v>
      </c>
      <c r="O20" s="99">
        <v>0</v>
      </c>
      <c r="P20" s="100">
        <v>0</v>
      </c>
      <c r="Q20" s="98">
        <v>1</v>
      </c>
      <c r="R20" s="98">
        <v>2</v>
      </c>
      <c r="S20" s="98">
        <v>1</v>
      </c>
      <c r="T20" s="98">
        <v>1</v>
      </c>
      <c r="U20" s="98">
        <v>1</v>
      </c>
      <c r="V20" s="99">
        <v>6</v>
      </c>
      <c r="W20" s="101">
        <v>6</v>
      </c>
      <c r="X20" s="102">
        <v>0</v>
      </c>
      <c r="Y20" s="98">
        <v>6</v>
      </c>
      <c r="Z20" s="99">
        <v>6</v>
      </c>
      <c r="AA20" s="100">
        <v>0</v>
      </c>
      <c r="AB20" s="98">
        <v>202</v>
      </c>
      <c r="AC20" s="98">
        <v>199</v>
      </c>
      <c r="AD20" s="98">
        <v>131</v>
      </c>
      <c r="AE20" s="98">
        <v>64</v>
      </c>
      <c r="AF20" s="98">
        <v>57</v>
      </c>
      <c r="AG20" s="99">
        <v>653</v>
      </c>
      <c r="AH20" s="101">
        <v>659</v>
      </c>
    </row>
    <row r="21" spans="1:34" ht="21" customHeight="1" x14ac:dyDescent="0.2">
      <c r="A21" s="18" t="s">
        <v>20</v>
      </c>
      <c r="B21" s="97">
        <v>1</v>
      </c>
      <c r="C21" s="98">
        <v>1</v>
      </c>
      <c r="D21" s="99">
        <v>2</v>
      </c>
      <c r="E21" s="100">
        <v>0</v>
      </c>
      <c r="F21" s="98">
        <v>226</v>
      </c>
      <c r="G21" s="98">
        <v>118</v>
      </c>
      <c r="H21" s="98">
        <v>85</v>
      </c>
      <c r="I21" s="98">
        <v>59</v>
      </c>
      <c r="J21" s="98">
        <v>14</v>
      </c>
      <c r="K21" s="99">
        <v>502</v>
      </c>
      <c r="L21" s="101">
        <v>504</v>
      </c>
      <c r="M21" s="102">
        <v>0</v>
      </c>
      <c r="N21" s="98">
        <v>0</v>
      </c>
      <c r="O21" s="99">
        <v>0</v>
      </c>
      <c r="P21" s="100">
        <v>0</v>
      </c>
      <c r="Q21" s="98">
        <v>5</v>
      </c>
      <c r="R21" s="98">
        <v>1</v>
      </c>
      <c r="S21" s="98">
        <v>1</v>
      </c>
      <c r="T21" s="98">
        <v>0</v>
      </c>
      <c r="U21" s="98">
        <v>0</v>
      </c>
      <c r="V21" s="99">
        <v>7</v>
      </c>
      <c r="W21" s="101">
        <v>7</v>
      </c>
      <c r="X21" s="102">
        <v>1</v>
      </c>
      <c r="Y21" s="98">
        <v>1</v>
      </c>
      <c r="Z21" s="99">
        <v>2</v>
      </c>
      <c r="AA21" s="100">
        <v>0</v>
      </c>
      <c r="AB21" s="98">
        <v>231</v>
      </c>
      <c r="AC21" s="98">
        <v>119</v>
      </c>
      <c r="AD21" s="98">
        <v>86</v>
      </c>
      <c r="AE21" s="98">
        <v>59</v>
      </c>
      <c r="AF21" s="98">
        <v>14</v>
      </c>
      <c r="AG21" s="99">
        <v>509</v>
      </c>
      <c r="AH21" s="101">
        <v>511</v>
      </c>
    </row>
    <row r="22" spans="1:34" ht="21" customHeight="1" x14ac:dyDescent="0.2">
      <c r="A22" s="18" t="s">
        <v>21</v>
      </c>
      <c r="B22" s="97">
        <v>1</v>
      </c>
      <c r="C22" s="98">
        <v>1</v>
      </c>
      <c r="D22" s="99">
        <v>2</v>
      </c>
      <c r="E22" s="100">
        <v>0</v>
      </c>
      <c r="F22" s="98">
        <v>218</v>
      </c>
      <c r="G22" s="98">
        <v>229</v>
      </c>
      <c r="H22" s="98">
        <v>108</v>
      </c>
      <c r="I22" s="98">
        <v>50</v>
      </c>
      <c r="J22" s="98">
        <v>39</v>
      </c>
      <c r="K22" s="99">
        <v>644</v>
      </c>
      <c r="L22" s="101">
        <v>646</v>
      </c>
      <c r="M22" s="102">
        <v>0</v>
      </c>
      <c r="N22" s="98">
        <v>0</v>
      </c>
      <c r="O22" s="99">
        <v>0</v>
      </c>
      <c r="P22" s="100">
        <v>0</v>
      </c>
      <c r="Q22" s="98">
        <v>2</v>
      </c>
      <c r="R22" s="98">
        <v>7</v>
      </c>
      <c r="S22" s="98">
        <v>4</v>
      </c>
      <c r="T22" s="98">
        <v>2</v>
      </c>
      <c r="U22" s="98">
        <v>1</v>
      </c>
      <c r="V22" s="99">
        <v>16</v>
      </c>
      <c r="W22" s="101">
        <v>16</v>
      </c>
      <c r="X22" s="102">
        <v>1</v>
      </c>
      <c r="Y22" s="98">
        <v>1</v>
      </c>
      <c r="Z22" s="99">
        <v>2</v>
      </c>
      <c r="AA22" s="100">
        <v>0</v>
      </c>
      <c r="AB22" s="98">
        <v>220</v>
      </c>
      <c r="AC22" s="98">
        <v>236</v>
      </c>
      <c r="AD22" s="98">
        <v>112</v>
      </c>
      <c r="AE22" s="98">
        <v>52</v>
      </c>
      <c r="AF22" s="98">
        <v>40</v>
      </c>
      <c r="AG22" s="99">
        <v>660</v>
      </c>
      <c r="AH22" s="101">
        <v>662</v>
      </c>
    </row>
    <row r="23" spans="1:34" ht="21" customHeight="1" x14ac:dyDescent="0.2">
      <c r="A23" s="18" t="s">
        <v>22</v>
      </c>
      <c r="B23" s="97">
        <v>2</v>
      </c>
      <c r="C23" s="98">
        <v>4</v>
      </c>
      <c r="D23" s="99">
        <v>6</v>
      </c>
      <c r="E23" s="100">
        <v>0</v>
      </c>
      <c r="F23" s="98">
        <v>168</v>
      </c>
      <c r="G23" s="98">
        <v>125</v>
      </c>
      <c r="H23" s="98">
        <v>71</v>
      </c>
      <c r="I23" s="98">
        <v>57</v>
      </c>
      <c r="J23" s="98">
        <v>24</v>
      </c>
      <c r="K23" s="99">
        <v>445</v>
      </c>
      <c r="L23" s="101">
        <v>451</v>
      </c>
      <c r="M23" s="102">
        <v>0</v>
      </c>
      <c r="N23" s="98">
        <v>0</v>
      </c>
      <c r="O23" s="99">
        <v>0</v>
      </c>
      <c r="P23" s="100">
        <v>0</v>
      </c>
      <c r="Q23" s="98">
        <v>5</v>
      </c>
      <c r="R23" s="98">
        <v>0</v>
      </c>
      <c r="S23" s="98">
        <v>2</v>
      </c>
      <c r="T23" s="98">
        <v>2</v>
      </c>
      <c r="U23" s="98">
        <v>1</v>
      </c>
      <c r="V23" s="99">
        <v>10</v>
      </c>
      <c r="W23" s="101">
        <v>10</v>
      </c>
      <c r="X23" s="102">
        <v>2</v>
      </c>
      <c r="Y23" s="98">
        <v>4</v>
      </c>
      <c r="Z23" s="99">
        <v>6</v>
      </c>
      <c r="AA23" s="100">
        <v>0</v>
      </c>
      <c r="AB23" s="98">
        <v>173</v>
      </c>
      <c r="AC23" s="98">
        <v>125</v>
      </c>
      <c r="AD23" s="98">
        <v>73</v>
      </c>
      <c r="AE23" s="98">
        <v>59</v>
      </c>
      <c r="AF23" s="98">
        <v>25</v>
      </c>
      <c r="AG23" s="99">
        <v>455</v>
      </c>
      <c r="AH23" s="101">
        <v>461</v>
      </c>
    </row>
    <row r="24" spans="1:34" ht="21" customHeight="1" x14ac:dyDescent="0.2">
      <c r="A24" s="18" t="s">
        <v>23</v>
      </c>
      <c r="B24" s="97">
        <v>0</v>
      </c>
      <c r="C24" s="98">
        <v>1</v>
      </c>
      <c r="D24" s="99">
        <v>1</v>
      </c>
      <c r="E24" s="100">
        <v>0</v>
      </c>
      <c r="F24" s="98">
        <v>89</v>
      </c>
      <c r="G24" s="98">
        <v>60</v>
      </c>
      <c r="H24" s="98">
        <v>38</v>
      </c>
      <c r="I24" s="98">
        <v>32</v>
      </c>
      <c r="J24" s="98">
        <v>14</v>
      </c>
      <c r="K24" s="99">
        <v>233</v>
      </c>
      <c r="L24" s="101">
        <v>234</v>
      </c>
      <c r="M24" s="102">
        <v>0</v>
      </c>
      <c r="N24" s="98">
        <v>0</v>
      </c>
      <c r="O24" s="99">
        <v>0</v>
      </c>
      <c r="P24" s="100">
        <v>0</v>
      </c>
      <c r="Q24" s="98">
        <v>0</v>
      </c>
      <c r="R24" s="98">
        <v>1</v>
      </c>
      <c r="S24" s="98">
        <v>0</v>
      </c>
      <c r="T24" s="98">
        <v>0</v>
      </c>
      <c r="U24" s="98">
        <v>0</v>
      </c>
      <c r="V24" s="99">
        <v>1</v>
      </c>
      <c r="W24" s="101">
        <v>1</v>
      </c>
      <c r="X24" s="102">
        <v>0</v>
      </c>
      <c r="Y24" s="98">
        <v>1</v>
      </c>
      <c r="Z24" s="99">
        <v>1</v>
      </c>
      <c r="AA24" s="100">
        <v>0</v>
      </c>
      <c r="AB24" s="98">
        <v>89</v>
      </c>
      <c r="AC24" s="98">
        <v>61</v>
      </c>
      <c r="AD24" s="98">
        <v>38</v>
      </c>
      <c r="AE24" s="98">
        <v>32</v>
      </c>
      <c r="AF24" s="98">
        <v>14</v>
      </c>
      <c r="AG24" s="99">
        <v>234</v>
      </c>
      <c r="AH24" s="101">
        <v>235</v>
      </c>
    </row>
    <row r="25" spans="1:34" ht="21" customHeight="1" x14ac:dyDescent="0.2">
      <c r="A25" s="18" t="s">
        <v>24</v>
      </c>
      <c r="B25" s="97">
        <v>7</v>
      </c>
      <c r="C25" s="98">
        <v>5</v>
      </c>
      <c r="D25" s="99">
        <v>12</v>
      </c>
      <c r="E25" s="100">
        <v>0</v>
      </c>
      <c r="F25" s="98">
        <v>83</v>
      </c>
      <c r="G25" s="98">
        <v>35</v>
      </c>
      <c r="H25" s="98">
        <v>43</v>
      </c>
      <c r="I25" s="98">
        <v>15</v>
      </c>
      <c r="J25" s="98">
        <v>13</v>
      </c>
      <c r="K25" s="99">
        <v>189</v>
      </c>
      <c r="L25" s="101">
        <v>201</v>
      </c>
      <c r="M25" s="102">
        <v>0</v>
      </c>
      <c r="N25" s="98">
        <v>0</v>
      </c>
      <c r="O25" s="99">
        <v>0</v>
      </c>
      <c r="P25" s="100">
        <v>0</v>
      </c>
      <c r="Q25" s="98">
        <v>0</v>
      </c>
      <c r="R25" s="98">
        <v>0</v>
      </c>
      <c r="S25" s="98">
        <v>0</v>
      </c>
      <c r="T25" s="98">
        <v>0</v>
      </c>
      <c r="U25" s="98">
        <v>0</v>
      </c>
      <c r="V25" s="99">
        <v>0</v>
      </c>
      <c r="W25" s="101">
        <v>0</v>
      </c>
      <c r="X25" s="102">
        <v>7</v>
      </c>
      <c r="Y25" s="98">
        <v>5</v>
      </c>
      <c r="Z25" s="99">
        <v>12</v>
      </c>
      <c r="AA25" s="100">
        <v>0</v>
      </c>
      <c r="AB25" s="98">
        <v>83</v>
      </c>
      <c r="AC25" s="98">
        <v>35</v>
      </c>
      <c r="AD25" s="98">
        <v>43</v>
      </c>
      <c r="AE25" s="98">
        <v>15</v>
      </c>
      <c r="AF25" s="98">
        <v>13</v>
      </c>
      <c r="AG25" s="99">
        <v>189</v>
      </c>
      <c r="AH25" s="101">
        <v>201</v>
      </c>
    </row>
    <row r="26" spans="1:34" ht="21" customHeight="1" x14ac:dyDescent="0.2">
      <c r="A26" s="18" t="s">
        <v>25</v>
      </c>
      <c r="B26" s="97">
        <v>0</v>
      </c>
      <c r="C26" s="98">
        <v>0</v>
      </c>
      <c r="D26" s="99">
        <v>0</v>
      </c>
      <c r="E26" s="100">
        <v>0</v>
      </c>
      <c r="F26" s="98">
        <v>88</v>
      </c>
      <c r="G26" s="98">
        <v>39</v>
      </c>
      <c r="H26" s="98">
        <v>23</v>
      </c>
      <c r="I26" s="98">
        <v>15</v>
      </c>
      <c r="J26" s="98">
        <v>5</v>
      </c>
      <c r="K26" s="99">
        <v>170</v>
      </c>
      <c r="L26" s="101">
        <v>170</v>
      </c>
      <c r="M26" s="102">
        <v>0</v>
      </c>
      <c r="N26" s="98">
        <v>0</v>
      </c>
      <c r="O26" s="99">
        <v>0</v>
      </c>
      <c r="P26" s="100">
        <v>0</v>
      </c>
      <c r="Q26" s="98">
        <v>1</v>
      </c>
      <c r="R26" s="98">
        <v>1</v>
      </c>
      <c r="S26" s="98">
        <v>1</v>
      </c>
      <c r="T26" s="98">
        <v>0</v>
      </c>
      <c r="U26" s="98">
        <v>0</v>
      </c>
      <c r="V26" s="99">
        <v>3</v>
      </c>
      <c r="W26" s="101">
        <v>3</v>
      </c>
      <c r="X26" s="102">
        <v>0</v>
      </c>
      <c r="Y26" s="98">
        <v>0</v>
      </c>
      <c r="Z26" s="99">
        <v>0</v>
      </c>
      <c r="AA26" s="100">
        <v>0</v>
      </c>
      <c r="AB26" s="98">
        <v>89</v>
      </c>
      <c r="AC26" s="98">
        <v>40</v>
      </c>
      <c r="AD26" s="98">
        <v>24</v>
      </c>
      <c r="AE26" s="98">
        <v>15</v>
      </c>
      <c r="AF26" s="98">
        <v>5</v>
      </c>
      <c r="AG26" s="99">
        <v>173</v>
      </c>
      <c r="AH26" s="101">
        <v>173</v>
      </c>
    </row>
    <row r="27" spans="1:34" ht="21" customHeight="1" x14ac:dyDescent="0.2">
      <c r="A27" s="18" t="s">
        <v>26</v>
      </c>
      <c r="B27" s="97">
        <v>2</v>
      </c>
      <c r="C27" s="98">
        <v>0</v>
      </c>
      <c r="D27" s="99">
        <v>2</v>
      </c>
      <c r="E27" s="100">
        <v>0</v>
      </c>
      <c r="F27" s="98">
        <v>66</v>
      </c>
      <c r="G27" s="98">
        <v>62</v>
      </c>
      <c r="H27" s="98">
        <v>42</v>
      </c>
      <c r="I27" s="98">
        <v>30</v>
      </c>
      <c r="J27" s="98">
        <v>23</v>
      </c>
      <c r="K27" s="99">
        <v>223</v>
      </c>
      <c r="L27" s="101">
        <v>225</v>
      </c>
      <c r="M27" s="102">
        <v>0</v>
      </c>
      <c r="N27" s="98">
        <v>0</v>
      </c>
      <c r="O27" s="99">
        <v>0</v>
      </c>
      <c r="P27" s="100">
        <v>0</v>
      </c>
      <c r="Q27" s="98">
        <v>0</v>
      </c>
      <c r="R27" s="98">
        <v>0</v>
      </c>
      <c r="S27" s="98">
        <v>0</v>
      </c>
      <c r="T27" s="98">
        <v>0</v>
      </c>
      <c r="U27" s="98">
        <v>0</v>
      </c>
      <c r="V27" s="99">
        <v>0</v>
      </c>
      <c r="W27" s="101">
        <v>0</v>
      </c>
      <c r="X27" s="102">
        <v>2</v>
      </c>
      <c r="Y27" s="98">
        <v>0</v>
      </c>
      <c r="Z27" s="99">
        <v>2</v>
      </c>
      <c r="AA27" s="100">
        <v>0</v>
      </c>
      <c r="AB27" s="98">
        <v>66</v>
      </c>
      <c r="AC27" s="98">
        <v>62</v>
      </c>
      <c r="AD27" s="98">
        <v>42</v>
      </c>
      <c r="AE27" s="98">
        <v>30</v>
      </c>
      <c r="AF27" s="98">
        <v>23</v>
      </c>
      <c r="AG27" s="99">
        <v>223</v>
      </c>
      <c r="AH27" s="101">
        <v>225</v>
      </c>
    </row>
    <row r="28" spans="1:34" ht="21" customHeight="1" x14ac:dyDescent="0.2">
      <c r="A28" s="18" t="s">
        <v>27</v>
      </c>
      <c r="B28" s="97">
        <v>0</v>
      </c>
      <c r="C28" s="98">
        <v>0</v>
      </c>
      <c r="D28" s="99">
        <v>0</v>
      </c>
      <c r="E28" s="100">
        <v>0</v>
      </c>
      <c r="F28" s="98">
        <v>51</v>
      </c>
      <c r="G28" s="98">
        <v>27</v>
      </c>
      <c r="H28" s="98">
        <v>34</v>
      </c>
      <c r="I28" s="98">
        <v>9</v>
      </c>
      <c r="J28" s="98">
        <v>11</v>
      </c>
      <c r="K28" s="99">
        <v>132</v>
      </c>
      <c r="L28" s="101">
        <v>132</v>
      </c>
      <c r="M28" s="102">
        <v>0</v>
      </c>
      <c r="N28" s="98">
        <v>0</v>
      </c>
      <c r="O28" s="99">
        <v>0</v>
      </c>
      <c r="P28" s="100">
        <v>0</v>
      </c>
      <c r="Q28" s="98">
        <v>1</v>
      </c>
      <c r="R28" s="98">
        <v>0</v>
      </c>
      <c r="S28" s="98">
        <v>1</v>
      </c>
      <c r="T28" s="98">
        <v>0</v>
      </c>
      <c r="U28" s="98">
        <v>0</v>
      </c>
      <c r="V28" s="99">
        <v>2</v>
      </c>
      <c r="W28" s="101">
        <v>2</v>
      </c>
      <c r="X28" s="102">
        <v>0</v>
      </c>
      <c r="Y28" s="98">
        <v>0</v>
      </c>
      <c r="Z28" s="99">
        <v>0</v>
      </c>
      <c r="AA28" s="100">
        <v>0</v>
      </c>
      <c r="AB28" s="98">
        <v>52</v>
      </c>
      <c r="AC28" s="98">
        <v>27</v>
      </c>
      <c r="AD28" s="98">
        <v>35</v>
      </c>
      <c r="AE28" s="98">
        <v>9</v>
      </c>
      <c r="AF28" s="98">
        <v>11</v>
      </c>
      <c r="AG28" s="99">
        <v>134</v>
      </c>
      <c r="AH28" s="101">
        <v>134</v>
      </c>
    </row>
    <row r="29" spans="1:34" ht="21" customHeight="1" x14ac:dyDescent="0.2">
      <c r="A29" s="18" t="s">
        <v>28</v>
      </c>
      <c r="B29" s="97">
        <v>0</v>
      </c>
      <c r="C29" s="98">
        <v>0</v>
      </c>
      <c r="D29" s="99">
        <v>0</v>
      </c>
      <c r="E29" s="100">
        <v>0</v>
      </c>
      <c r="F29" s="98">
        <v>21</v>
      </c>
      <c r="G29" s="98">
        <v>20</v>
      </c>
      <c r="H29" s="98">
        <v>11</v>
      </c>
      <c r="I29" s="98">
        <v>6</v>
      </c>
      <c r="J29" s="98">
        <v>4</v>
      </c>
      <c r="K29" s="99">
        <v>62</v>
      </c>
      <c r="L29" s="101">
        <v>62</v>
      </c>
      <c r="M29" s="102">
        <v>0</v>
      </c>
      <c r="N29" s="98">
        <v>0</v>
      </c>
      <c r="O29" s="99">
        <v>0</v>
      </c>
      <c r="P29" s="100">
        <v>0</v>
      </c>
      <c r="Q29" s="98">
        <v>0</v>
      </c>
      <c r="R29" s="98">
        <v>0</v>
      </c>
      <c r="S29" s="98">
        <v>0</v>
      </c>
      <c r="T29" s="98">
        <v>0</v>
      </c>
      <c r="U29" s="98">
        <v>0</v>
      </c>
      <c r="V29" s="99">
        <v>0</v>
      </c>
      <c r="W29" s="101">
        <v>0</v>
      </c>
      <c r="X29" s="102">
        <v>0</v>
      </c>
      <c r="Y29" s="98">
        <v>0</v>
      </c>
      <c r="Z29" s="99">
        <v>0</v>
      </c>
      <c r="AA29" s="100">
        <v>0</v>
      </c>
      <c r="AB29" s="98">
        <v>21</v>
      </c>
      <c r="AC29" s="98">
        <v>20</v>
      </c>
      <c r="AD29" s="98">
        <v>11</v>
      </c>
      <c r="AE29" s="98">
        <v>6</v>
      </c>
      <c r="AF29" s="98">
        <v>4</v>
      </c>
      <c r="AG29" s="99">
        <v>62</v>
      </c>
      <c r="AH29" s="101">
        <v>62</v>
      </c>
    </row>
    <row r="30" spans="1:34" ht="21" customHeight="1" x14ac:dyDescent="0.2">
      <c r="A30" s="18" t="s">
        <v>29</v>
      </c>
      <c r="B30" s="97">
        <v>1</v>
      </c>
      <c r="C30" s="98">
        <v>2</v>
      </c>
      <c r="D30" s="99">
        <v>3</v>
      </c>
      <c r="E30" s="100">
        <v>0</v>
      </c>
      <c r="F30" s="98">
        <v>21</v>
      </c>
      <c r="G30" s="98">
        <v>24</v>
      </c>
      <c r="H30" s="98">
        <v>15</v>
      </c>
      <c r="I30" s="98">
        <v>15</v>
      </c>
      <c r="J30" s="98">
        <v>8</v>
      </c>
      <c r="K30" s="99">
        <v>83</v>
      </c>
      <c r="L30" s="101">
        <v>86</v>
      </c>
      <c r="M30" s="102">
        <v>0</v>
      </c>
      <c r="N30" s="98">
        <v>0</v>
      </c>
      <c r="O30" s="99">
        <v>0</v>
      </c>
      <c r="P30" s="100">
        <v>0</v>
      </c>
      <c r="Q30" s="98">
        <v>0</v>
      </c>
      <c r="R30" s="98">
        <v>0</v>
      </c>
      <c r="S30" s="98">
        <v>1</v>
      </c>
      <c r="T30" s="98">
        <v>0</v>
      </c>
      <c r="U30" s="98">
        <v>0</v>
      </c>
      <c r="V30" s="99">
        <v>1</v>
      </c>
      <c r="W30" s="101">
        <v>1</v>
      </c>
      <c r="X30" s="102">
        <v>1</v>
      </c>
      <c r="Y30" s="98">
        <v>2</v>
      </c>
      <c r="Z30" s="99">
        <v>3</v>
      </c>
      <c r="AA30" s="100">
        <v>0</v>
      </c>
      <c r="AB30" s="98">
        <v>21</v>
      </c>
      <c r="AC30" s="98">
        <v>24</v>
      </c>
      <c r="AD30" s="98">
        <v>16</v>
      </c>
      <c r="AE30" s="98">
        <v>15</v>
      </c>
      <c r="AF30" s="98">
        <v>8</v>
      </c>
      <c r="AG30" s="99">
        <v>84</v>
      </c>
      <c r="AH30" s="101">
        <v>87</v>
      </c>
    </row>
    <row r="31" spans="1:34" ht="21" customHeight="1" x14ac:dyDescent="0.2">
      <c r="A31" s="18" t="s">
        <v>30</v>
      </c>
      <c r="B31" s="97">
        <v>1</v>
      </c>
      <c r="C31" s="98">
        <v>0</v>
      </c>
      <c r="D31" s="99">
        <v>1</v>
      </c>
      <c r="E31" s="100">
        <v>0</v>
      </c>
      <c r="F31" s="98">
        <v>32</v>
      </c>
      <c r="G31" s="98">
        <v>19</v>
      </c>
      <c r="H31" s="98">
        <v>23</v>
      </c>
      <c r="I31" s="98">
        <v>7</v>
      </c>
      <c r="J31" s="98">
        <v>2</v>
      </c>
      <c r="K31" s="99">
        <v>83</v>
      </c>
      <c r="L31" s="101">
        <v>84</v>
      </c>
      <c r="M31" s="102">
        <v>0</v>
      </c>
      <c r="N31" s="98">
        <v>0</v>
      </c>
      <c r="O31" s="99">
        <v>0</v>
      </c>
      <c r="P31" s="100">
        <v>0</v>
      </c>
      <c r="Q31" s="98">
        <v>1</v>
      </c>
      <c r="R31" s="98">
        <v>0</v>
      </c>
      <c r="S31" s="98">
        <v>0</v>
      </c>
      <c r="T31" s="98">
        <v>0</v>
      </c>
      <c r="U31" s="98">
        <v>0</v>
      </c>
      <c r="V31" s="99">
        <v>1</v>
      </c>
      <c r="W31" s="101">
        <v>1</v>
      </c>
      <c r="X31" s="102">
        <v>1</v>
      </c>
      <c r="Y31" s="98">
        <v>0</v>
      </c>
      <c r="Z31" s="99">
        <v>1</v>
      </c>
      <c r="AA31" s="100">
        <v>0</v>
      </c>
      <c r="AB31" s="98">
        <v>33</v>
      </c>
      <c r="AC31" s="98">
        <v>19</v>
      </c>
      <c r="AD31" s="98">
        <v>23</v>
      </c>
      <c r="AE31" s="98">
        <v>7</v>
      </c>
      <c r="AF31" s="98">
        <v>2</v>
      </c>
      <c r="AG31" s="99">
        <v>84</v>
      </c>
      <c r="AH31" s="101">
        <v>85</v>
      </c>
    </row>
    <row r="32" spans="1:34" ht="21" customHeight="1" x14ac:dyDescent="0.2">
      <c r="A32" s="18" t="s">
        <v>31</v>
      </c>
      <c r="B32" s="97">
        <v>0</v>
      </c>
      <c r="C32" s="98">
        <v>1</v>
      </c>
      <c r="D32" s="99">
        <v>1</v>
      </c>
      <c r="E32" s="100">
        <v>0</v>
      </c>
      <c r="F32" s="98">
        <v>41</v>
      </c>
      <c r="G32" s="98">
        <v>40</v>
      </c>
      <c r="H32" s="98">
        <v>25</v>
      </c>
      <c r="I32" s="98">
        <v>10</v>
      </c>
      <c r="J32" s="98">
        <v>6</v>
      </c>
      <c r="K32" s="99">
        <v>122</v>
      </c>
      <c r="L32" s="101">
        <v>123</v>
      </c>
      <c r="M32" s="102">
        <v>0</v>
      </c>
      <c r="N32" s="98">
        <v>0</v>
      </c>
      <c r="O32" s="99">
        <v>0</v>
      </c>
      <c r="P32" s="100">
        <v>0</v>
      </c>
      <c r="Q32" s="98">
        <v>0</v>
      </c>
      <c r="R32" s="98">
        <v>0</v>
      </c>
      <c r="S32" s="98">
        <v>0</v>
      </c>
      <c r="T32" s="98">
        <v>1</v>
      </c>
      <c r="U32" s="98">
        <v>0</v>
      </c>
      <c r="V32" s="99">
        <v>1</v>
      </c>
      <c r="W32" s="101">
        <v>1</v>
      </c>
      <c r="X32" s="102">
        <v>0</v>
      </c>
      <c r="Y32" s="98">
        <v>1</v>
      </c>
      <c r="Z32" s="99">
        <v>1</v>
      </c>
      <c r="AA32" s="100">
        <v>0</v>
      </c>
      <c r="AB32" s="98">
        <v>41</v>
      </c>
      <c r="AC32" s="98">
        <v>40</v>
      </c>
      <c r="AD32" s="98">
        <v>25</v>
      </c>
      <c r="AE32" s="98">
        <v>11</v>
      </c>
      <c r="AF32" s="98">
        <v>6</v>
      </c>
      <c r="AG32" s="99">
        <v>123</v>
      </c>
      <c r="AH32" s="101">
        <v>124</v>
      </c>
    </row>
    <row r="33" spans="1:34" ht="21" customHeight="1" x14ac:dyDescent="0.2">
      <c r="A33" s="18" t="s">
        <v>32</v>
      </c>
      <c r="B33" s="97">
        <v>0</v>
      </c>
      <c r="C33" s="98">
        <v>0</v>
      </c>
      <c r="D33" s="99">
        <v>0</v>
      </c>
      <c r="E33" s="100">
        <v>0</v>
      </c>
      <c r="F33" s="98">
        <v>52</v>
      </c>
      <c r="G33" s="98">
        <v>31</v>
      </c>
      <c r="H33" s="98">
        <v>36</v>
      </c>
      <c r="I33" s="98">
        <v>25</v>
      </c>
      <c r="J33" s="98">
        <v>11</v>
      </c>
      <c r="K33" s="99">
        <v>155</v>
      </c>
      <c r="L33" s="101">
        <v>155</v>
      </c>
      <c r="M33" s="102">
        <v>0</v>
      </c>
      <c r="N33" s="98">
        <v>0</v>
      </c>
      <c r="O33" s="99">
        <v>0</v>
      </c>
      <c r="P33" s="100">
        <v>0</v>
      </c>
      <c r="Q33" s="98">
        <v>2</v>
      </c>
      <c r="R33" s="98">
        <v>1</v>
      </c>
      <c r="S33" s="98">
        <v>0</v>
      </c>
      <c r="T33" s="98">
        <v>1</v>
      </c>
      <c r="U33" s="98">
        <v>0</v>
      </c>
      <c r="V33" s="99">
        <v>4</v>
      </c>
      <c r="W33" s="101">
        <v>4</v>
      </c>
      <c r="X33" s="102">
        <v>0</v>
      </c>
      <c r="Y33" s="98">
        <v>0</v>
      </c>
      <c r="Z33" s="99">
        <v>0</v>
      </c>
      <c r="AA33" s="100">
        <v>0</v>
      </c>
      <c r="AB33" s="98">
        <v>54</v>
      </c>
      <c r="AC33" s="98">
        <v>32</v>
      </c>
      <c r="AD33" s="98">
        <v>36</v>
      </c>
      <c r="AE33" s="98">
        <v>26</v>
      </c>
      <c r="AF33" s="98">
        <v>11</v>
      </c>
      <c r="AG33" s="99">
        <v>159</v>
      </c>
      <c r="AH33" s="101">
        <v>159</v>
      </c>
    </row>
    <row r="34" spans="1:34" ht="21" customHeight="1" x14ac:dyDescent="0.2">
      <c r="A34" s="18" t="s">
        <v>33</v>
      </c>
      <c r="B34" s="97">
        <v>0</v>
      </c>
      <c r="C34" s="98">
        <v>2</v>
      </c>
      <c r="D34" s="99">
        <v>2</v>
      </c>
      <c r="E34" s="100">
        <v>0</v>
      </c>
      <c r="F34" s="98">
        <v>38</v>
      </c>
      <c r="G34" s="98">
        <v>27</v>
      </c>
      <c r="H34" s="98">
        <v>25</v>
      </c>
      <c r="I34" s="98">
        <v>5</v>
      </c>
      <c r="J34" s="98">
        <v>4</v>
      </c>
      <c r="K34" s="99">
        <v>99</v>
      </c>
      <c r="L34" s="101">
        <v>101</v>
      </c>
      <c r="M34" s="102">
        <v>0</v>
      </c>
      <c r="N34" s="98">
        <v>0</v>
      </c>
      <c r="O34" s="99">
        <v>0</v>
      </c>
      <c r="P34" s="100">
        <v>0</v>
      </c>
      <c r="Q34" s="98">
        <v>0</v>
      </c>
      <c r="R34" s="98">
        <v>0</v>
      </c>
      <c r="S34" s="98">
        <v>0</v>
      </c>
      <c r="T34" s="98">
        <v>0</v>
      </c>
      <c r="U34" s="98">
        <v>0</v>
      </c>
      <c r="V34" s="99">
        <v>0</v>
      </c>
      <c r="W34" s="101">
        <v>0</v>
      </c>
      <c r="X34" s="102">
        <v>0</v>
      </c>
      <c r="Y34" s="98">
        <v>2</v>
      </c>
      <c r="Z34" s="99">
        <v>2</v>
      </c>
      <c r="AA34" s="100">
        <v>0</v>
      </c>
      <c r="AB34" s="98">
        <v>38</v>
      </c>
      <c r="AC34" s="98">
        <v>27</v>
      </c>
      <c r="AD34" s="98">
        <v>25</v>
      </c>
      <c r="AE34" s="98">
        <v>5</v>
      </c>
      <c r="AF34" s="98">
        <v>4</v>
      </c>
      <c r="AG34" s="99">
        <v>99</v>
      </c>
      <c r="AH34" s="101">
        <v>101</v>
      </c>
    </row>
    <row r="35" spans="1:34" ht="21" customHeight="1" x14ac:dyDescent="0.2">
      <c r="A35" s="18" t="s">
        <v>34</v>
      </c>
      <c r="B35" s="97">
        <v>3</v>
      </c>
      <c r="C35" s="98">
        <v>3</v>
      </c>
      <c r="D35" s="99">
        <v>6</v>
      </c>
      <c r="E35" s="100">
        <v>0</v>
      </c>
      <c r="F35" s="98">
        <v>31</v>
      </c>
      <c r="G35" s="98">
        <v>24</v>
      </c>
      <c r="H35" s="98">
        <v>9</v>
      </c>
      <c r="I35" s="98">
        <v>10</v>
      </c>
      <c r="J35" s="98">
        <v>5</v>
      </c>
      <c r="K35" s="99">
        <v>79</v>
      </c>
      <c r="L35" s="101">
        <v>85</v>
      </c>
      <c r="M35" s="102">
        <v>0</v>
      </c>
      <c r="N35" s="98">
        <v>0</v>
      </c>
      <c r="O35" s="99">
        <v>0</v>
      </c>
      <c r="P35" s="100">
        <v>0</v>
      </c>
      <c r="Q35" s="98">
        <v>0</v>
      </c>
      <c r="R35" s="98">
        <v>1</v>
      </c>
      <c r="S35" s="98">
        <v>0</v>
      </c>
      <c r="T35" s="98">
        <v>1</v>
      </c>
      <c r="U35" s="98">
        <v>0</v>
      </c>
      <c r="V35" s="99">
        <v>2</v>
      </c>
      <c r="W35" s="101">
        <v>2</v>
      </c>
      <c r="X35" s="102">
        <v>3</v>
      </c>
      <c r="Y35" s="98">
        <v>3</v>
      </c>
      <c r="Z35" s="99">
        <v>6</v>
      </c>
      <c r="AA35" s="100">
        <v>0</v>
      </c>
      <c r="AB35" s="98">
        <v>31</v>
      </c>
      <c r="AC35" s="98">
        <v>25</v>
      </c>
      <c r="AD35" s="98">
        <v>9</v>
      </c>
      <c r="AE35" s="98">
        <v>11</v>
      </c>
      <c r="AF35" s="98">
        <v>5</v>
      </c>
      <c r="AG35" s="99">
        <v>81</v>
      </c>
      <c r="AH35" s="101">
        <v>87</v>
      </c>
    </row>
    <row r="36" spans="1:34" ht="21" customHeight="1" x14ac:dyDescent="0.2">
      <c r="A36" s="18" t="s">
        <v>35</v>
      </c>
      <c r="B36" s="97">
        <v>0</v>
      </c>
      <c r="C36" s="98">
        <v>3</v>
      </c>
      <c r="D36" s="99">
        <v>3</v>
      </c>
      <c r="E36" s="100">
        <v>0</v>
      </c>
      <c r="F36" s="98">
        <v>40</v>
      </c>
      <c r="G36" s="98">
        <v>40</v>
      </c>
      <c r="H36" s="98">
        <v>36</v>
      </c>
      <c r="I36" s="98">
        <v>27</v>
      </c>
      <c r="J36" s="98">
        <v>8</v>
      </c>
      <c r="K36" s="99">
        <v>151</v>
      </c>
      <c r="L36" s="101">
        <v>154</v>
      </c>
      <c r="M36" s="102">
        <v>0</v>
      </c>
      <c r="N36" s="98">
        <v>0</v>
      </c>
      <c r="O36" s="99">
        <v>0</v>
      </c>
      <c r="P36" s="100">
        <v>0</v>
      </c>
      <c r="Q36" s="98">
        <v>0</v>
      </c>
      <c r="R36" s="98">
        <v>0</v>
      </c>
      <c r="S36" s="98">
        <v>0</v>
      </c>
      <c r="T36" s="98">
        <v>0</v>
      </c>
      <c r="U36" s="98">
        <v>0</v>
      </c>
      <c r="V36" s="99">
        <v>0</v>
      </c>
      <c r="W36" s="101">
        <v>0</v>
      </c>
      <c r="X36" s="102">
        <v>0</v>
      </c>
      <c r="Y36" s="98">
        <v>3</v>
      </c>
      <c r="Z36" s="99">
        <v>3</v>
      </c>
      <c r="AA36" s="100">
        <v>0</v>
      </c>
      <c r="AB36" s="98">
        <v>40</v>
      </c>
      <c r="AC36" s="98">
        <v>40</v>
      </c>
      <c r="AD36" s="98">
        <v>36</v>
      </c>
      <c r="AE36" s="98">
        <v>27</v>
      </c>
      <c r="AF36" s="98">
        <v>8</v>
      </c>
      <c r="AG36" s="99">
        <v>151</v>
      </c>
      <c r="AH36" s="101">
        <v>154</v>
      </c>
    </row>
    <row r="37" spans="1:34" ht="21" customHeight="1" x14ac:dyDescent="0.2">
      <c r="A37" s="18" t="s">
        <v>36</v>
      </c>
      <c r="B37" s="97">
        <v>1</v>
      </c>
      <c r="C37" s="98">
        <v>1</v>
      </c>
      <c r="D37" s="99">
        <v>2</v>
      </c>
      <c r="E37" s="100">
        <v>0</v>
      </c>
      <c r="F37" s="98">
        <v>70</v>
      </c>
      <c r="G37" s="98">
        <v>64</v>
      </c>
      <c r="H37" s="98">
        <v>43</v>
      </c>
      <c r="I37" s="98">
        <v>26</v>
      </c>
      <c r="J37" s="98">
        <v>13</v>
      </c>
      <c r="K37" s="99">
        <v>216</v>
      </c>
      <c r="L37" s="101">
        <v>218</v>
      </c>
      <c r="M37" s="102">
        <v>0</v>
      </c>
      <c r="N37" s="98">
        <v>0</v>
      </c>
      <c r="O37" s="99">
        <v>0</v>
      </c>
      <c r="P37" s="100">
        <v>0</v>
      </c>
      <c r="Q37" s="98">
        <v>0</v>
      </c>
      <c r="R37" s="98">
        <v>1</v>
      </c>
      <c r="S37" s="98">
        <v>2</v>
      </c>
      <c r="T37" s="98">
        <v>1</v>
      </c>
      <c r="U37" s="98">
        <v>0</v>
      </c>
      <c r="V37" s="99">
        <v>4</v>
      </c>
      <c r="W37" s="101">
        <v>4</v>
      </c>
      <c r="X37" s="102">
        <v>1</v>
      </c>
      <c r="Y37" s="98">
        <v>1</v>
      </c>
      <c r="Z37" s="99">
        <v>2</v>
      </c>
      <c r="AA37" s="100">
        <v>0</v>
      </c>
      <c r="AB37" s="98">
        <v>70</v>
      </c>
      <c r="AC37" s="98">
        <v>65</v>
      </c>
      <c r="AD37" s="98">
        <v>45</v>
      </c>
      <c r="AE37" s="98">
        <v>27</v>
      </c>
      <c r="AF37" s="98">
        <v>13</v>
      </c>
      <c r="AG37" s="99">
        <v>220</v>
      </c>
      <c r="AH37" s="101">
        <v>222</v>
      </c>
    </row>
    <row r="38" spans="1:34" ht="21" customHeight="1" thickBot="1" x14ac:dyDescent="0.25">
      <c r="A38" s="19" t="s">
        <v>37</v>
      </c>
      <c r="B38" s="103">
        <v>0</v>
      </c>
      <c r="C38" s="104">
        <v>0</v>
      </c>
      <c r="D38" s="105">
        <v>0</v>
      </c>
      <c r="E38" s="106">
        <v>0</v>
      </c>
      <c r="F38" s="104">
        <v>17</v>
      </c>
      <c r="G38" s="104">
        <v>11</v>
      </c>
      <c r="H38" s="104">
        <v>8</v>
      </c>
      <c r="I38" s="104">
        <v>0</v>
      </c>
      <c r="J38" s="104">
        <v>3</v>
      </c>
      <c r="K38" s="105">
        <v>39</v>
      </c>
      <c r="L38" s="107">
        <v>39</v>
      </c>
      <c r="M38" s="108">
        <v>0</v>
      </c>
      <c r="N38" s="104">
        <v>0</v>
      </c>
      <c r="O38" s="105">
        <v>0</v>
      </c>
      <c r="P38" s="106">
        <v>0</v>
      </c>
      <c r="Q38" s="104">
        <v>0</v>
      </c>
      <c r="R38" s="104">
        <v>0</v>
      </c>
      <c r="S38" s="104">
        <v>0</v>
      </c>
      <c r="T38" s="104">
        <v>1</v>
      </c>
      <c r="U38" s="104">
        <v>0</v>
      </c>
      <c r="V38" s="105">
        <v>1</v>
      </c>
      <c r="W38" s="107">
        <v>1</v>
      </c>
      <c r="X38" s="108">
        <v>0</v>
      </c>
      <c r="Y38" s="104">
        <v>0</v>
      </c>
      <c r="Z38" s="105">
        <v>0</v>
      </c>
      <c r="AA38" s="106">
        <v>0</v>
      </c>
      <c r="AB38" s="104">
        <v>17</v>
      </c>
      <c r="AC38" s="104">
        <v>11</v>
      </c>
      <c r="AD38" s="104">
        <v>8</v>
      </c>
      <c r="AE38" s="104">
        <v>1</v>
      </c>
      <c r="AF38" s="104">
        <v>3</v>
      </c>
      <c r="AG38" s="105">
        <v>40</v>
      </c>
      <c r="AH38" s="107">
        <v>40</v>
      </c>
    </row>
    <row r="39" spans="1:34" x14ac:dyDescent="0.2">
      <c r="Z39" s="3"/>
      <c r="AA39" s="3"/>
      <c r="AB39" s="3"/>
      <c r="AC39" s="3"/>
      <c r="AD39" s="3"/>
      <c r="AE39" s="3"/>
      <c r="AF39" s="3"/>
      <c r="AG39" s="3"/>
      <c r="AH39" s="3"/>
    </row>
  </sheetData>
  <mergeCells count="5">
    <mergeCell ref="G1:H1"/>
    <mergeCell ref="J1:K1"/>
    <mergeCell ref="B3:L3"/>
    <mergeCell ref="M3:W3"/>
    <mergeCell ref="X3:AH3"/>
  </mergeCells>
  <phoneticPr fontId="4"/>
  <pageMargins left="0.35433070866141736" right="0.27559055118110237" top="0.35433070866141736" bottom="0.43307086614173229"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33203125" style="290" customWidth="1"/>
    <col min="5" max="5" width="7.6640625" style="290" customWidth="1"/>
    <col min="6" max="6" width="8.44140625" style="290" customWidth="1"/>
    <col min="7" max="7" width="8.77734375" style="290" customWidth="1"/>
    <col min="8" max="15" width="9" style="290"/>
    <col min="16" max="16" width="7.21875" style="290" customWidth="1"/>
    <col min="17" max="26" width="9" style="290"/>
    <col min="27" max="27" width="7.6640625" style="290" customWidth="1"/>
    <col min="28" max="37" width="9" style="290"/>
    <col min="38" max="38" width="7.6640625" style="290" customWidth="1"/>
    <col min="39" max="48" width="9" style="290"/>
    <col min="49" max="49" width="7.6640625" style="290" customWidth="1"/>
    <col min="50" max="59" width="9" style="290"/>
    <col min="60" max="60" width="7.21875" style="290" customWidth="1"/>
    <col min="61" max="70" width="9" style="290"/>
    <col min="71" max="71" width="7.21875" style="290" customWidth="1"/>
    <col min="72" max="81" width="9" style="290"/>
    <col min="82" max="82" width="7.33203125" style="290" customWidth="1"/>
    <col min="83" max="92" width="9" style="290"/>
    <col min="93" max="93" width="7.44140625" style="290" customWidth="1"/>
    <col min="94" max="16384" width="9" style="290"/>
  </cols>
  <sheetData>
    <row r="1" spans="1:100" ht="22.5" customHeight="1" x14ac:dyDescent="0.2">
      <c r="A1" s="325" t="s">
        <v>124</v>
      </c>
      <c r="H1" s="522">
        <f>第１表!F2</f>
        <v>4</v>
      </c>
      <c r="I1" s="522"/>
      <c r="J1" s="282">
        <f>第１表!G2</f>
        <v>3</v>
      </c>
      <c r="K1" s="523">
        <f>IF(J1&lt;3,J1+12-2,J1-2)</f>
        <v>1</v>
      </c>
      <c r="L1" s="523"/>
    </row>
    <row r="2" spans="1:100" s="326" customFormat="1" ht="21" customHeight="1" thickBot="1" x14ac:dyDescent="0.25">
      <c r="A2" s="325" t="s">
        <v>133</v>
      </c>
    </row>
    <row r="3" spans="1:100" ht="23.25" customHeight="1" thickBot="1" x14ac:dyDescent="0.25">
      <c r="A3" s="531"/>
      <c r="B3" s="534" t="s">
        <v>114</v>
      </c>
      <c r="C3" s="535"/>
      <c r="D3" s="535"/>
      <c r="E3" s="535"/>
      <c r="F3" s="535"/>
      <c r="G3" s="535"/>
      <c r="H3" s="535"/>
      <c r="I3" s="535"/>
      <c r="J3" s="535"/>
      <c r="K3" s="535"/>
      <c r="L3" s="536"/>
      <c r="M3" s="534" t="s">
        <v>115</v>
      </c>
      <c r="N3" s="535"/>
      <c r="O3" s="535"/>
      <c r="P3" s="535"/>
      <c r="Q3" s="535"/>
      <c r="R3" s="535"/>
      <c r="S3" s="535"/>
      <c r="T3" s="535"/>
      <c r="U3" s="535"/>
      <c r="V3" s="535"/>
      <c r="W3" s="536"/>
      <c r="X3" s="534" t="s">
        <v>142</v>
      </c>
      <c r="Y3" s="535"/>
      <c r="Z3" s="535"/>
      <c r="AA3" s="535"/>
      <c r="AB3" s="535"/>
      <c r="AC3" s="535"/>
      <c r="AD3" s="535"/>
      <c r="AE3" s="535"/>
      <c r="AF3" s="535"/>
      <c r="AG3" s="535"/>
      <c r="AH3" s="536"/>
      <c r="AI3" s="534" t="s">
        <v>90</v>
      </c>
      <c r="AJ3" s="535"/>
      <c r="AK3" s="535"/>
      <c r="AL3" s="535"/>
      <c r="AM3" s="535"/>
      <c r="AN3" s="535"/>
      <c r="AO3" s="535"/>
      <c r="AP3" s="535"/>
      <c r="AQ3" s="535"/>
      <c r="AR3" s="535"/>
      <c r="AS3" s="536"/>
      <c r="AT3" s="540" t="s">
        <v>89</v>
      </c>
      <c r="AU3" s="541"/>
      <c r="AV3" s="541"/>
      <c r="AW3" s="541"/>
      <c r="AX3" s="541"/>
      <c r="AY3" s="541"/>
      <c r="AZ3" s="541"/>
      <c r="BA3" s="541"/>
      <c r="BB3" s="541"/>
      <c r="BC3" s="541"/>
      <c r="BD3" s="542"/>
      <c r="BE3" s="540" t="s">
        <v>91</v>
      </c>
      <c r="BF3" s="541"/>
      <c r="BG3" s="541"/>
      <c r="BH3" s="541"/>
      <c r="BI3" s="541"/>
      <c r="BJ3" s="541"/>
      <c r="BK3" s="541"/>
      <c r="BL3" s="541"/>
      <c r="BM3" s="541"/>
      <c r="BN3" s="541"/>
      <c r="BO3" s="542"/>
      <c r="BP3" s="540" t="s">
        <v>92</v>
      </c>
      <c r="BQ3" s="541"/>
      <c r="BR3" s="541"/>
      <c r="BS3" s="541"/>
      <c r="BT3" s="541"/>
      <c r="BU3" s="541"/>
      <c r="BV3" s="541"/>
      <c r="BW3" s="541"/>
      <c r="BX3" s="541"/>
      <c r="BY3" s="541"/>
      <c r="BZ3" s="542"/>
      <c r="CA3" s="540" t="s">
        <v>93</v>
      </c>
      <c r="CB3" s="541"/>
      <c r="CC3" s="541"/>
      <c r="CD3" s="541"/>
      <c r="CE3" s="541"/>
      <c r="CF3" s="541"/>
      <c r="CG3" s="541"/>
      <c r="CH3" s="541"/>
      <c r="CI3" s="541"/>
      <c r="CJ3" s="541"/>
      <c r="CK3" s="542"/>
      <c r="CL3" s="541" t="s">
        <v>141</v>
      </c>
      <c r="CM3" s="541"/>
      <c r="CN3" s="541"/>
      <c r="CO3" s="541"/>
      <c r="CP3" s="541"/>
      <c r="CQ3" s="541"/>
      <c r="CR3" s="541"/>
      <c r="CS3" s="541"/>
      <c r="CT3" s="541"/>
      <c r="CU3" s="541"/>
      <c r="CV3" s="542"/>
    </row>
    <row r="4" spans="1:100" ht="22.5" customHeight="1" x14ac:dyDescent="0.2">
      <c r="A4" s="532"/>
      <c r="B4" s="526" t="s">
        <v>61</v>
      </c>
      <c r="C4" s="527"/>
      <c r="D4" s="528"/>
      <c r="E4" s="529" t="s">
        <v>62</v>
      </c>
      <c r="F4" s="527"/>
      <c r="G4" s="527"/>
      <c r="H4" s="527"/>
      <c r="I4" s="527"/>
      <c r="J4" s="527"/>
      <c r="K4" s="530"/>
      <c r="L4" s="524" t="s">
        <v>52</v>
      </c>
      <c r="M4" s="526" t="s">
        <v>61</v>
      </c>
      <c r="N4" s="527"/>
      <c r="O4" s="528"/>
      <c r="P4" s="529" t="s">
        <v>62</v>
      </c>
      <c r="Q4" s="527"/>
      <c r="R4" s="527"/>
      <c r="S4" s="527"/>
      <c r="T4" s="527"/>
      <c r="U4" s="527"/>
      <c r="V4" s="528"/>
      <c r="W4" s="524" t="s">
        <v>52</v>
      </c>
      <c r="X4" s="526" t="s">
        <v>61</v>
      </c>
      <c r="Y4" s="527"/>
      <c r="Z4" s="528"/>
      <c r="AA4" s="529" t="s">
        <v>62</v>
      </c>
      <c r="AB4" s="527"/>
      <c r="AC4" s="527"/>
      <c r="AD4" s="527"/>
      <c r="AE4" s="527"/>
      <c r="AF4" s="527"/>
      <c r="AG4" s="528"/>
      <c r="AH4" s="524" t="s">
        <v>52</v>
      </c>
      <c r="AI4" s="526" t="s">
        <v>61</v>
      </c>
      <c r="AJ4" s="527"/>
      <c r="AK4" s="528"/>
      <c r="AL4" s="529" t="s">
        <v>62</v>
      </c>
      <c r="AM4" s="527"/>
      <c r="AN4" s="527"/>
      <c r="AO4" s="527"/>
      <c r="AP4" s="527"/>
      <c r="AQ4" s="527"/>
      <c r="AR4" s="528"/>
      <c r="AS4" s="524" t="s">
        <v>52</v>
      </c>
      <c r="AT4" s="556" t="s">
        <v>61</v>
      </c>
      <c r="AU4" s="554"/>
      <c r="AV4" s="555"/>
      <c r="AW4" s="553" t="s">
        <v>62</v>
      </c>
      <c r="AX4" s="554"/>
      <c r="AY4" s="554"/>
      <c r="AZ4" s="554"/>
      <c r="BA4" s="554"/>
      <c r="BB4" s="554"/>
      <c r="BC4" s="555"/>
      <c r="BD4" s="557" t="s">
        <v>52</v>
      </c>
      <c r="BE4" s="556" t="s">
        <v>61</v>
      </c>
      <c r="BF4" s="554"/>
      <c r="BG4" s="555"/>
      <c r="BH4" s="553" t="s">
        <v>62</v>
      </c>
      <c r="BI4" s="554"/>
      <c r="BJ4" s="554"/>
      <c r="BK4" s="554"/>
      <c r="BL4" s="554"/>
      <c r="BM4" s="554"/>
      <c r="BN4" s="555"/>
      <c r="BO4" s="557" t="s">
        <v>52</v>
      </c>
      <c r="BP4" s="556" t="s">
        <v>61</v>
      </c>
      <c r="BQ4" s="554"/>
      <c r="BR4" s="555"/>
      <c r="BS4" s="553" t="s">
        <v>62</v>
      </c>
      <c r="BT4" s="554"/>
      <c r="BU4" s="554"/>
      <c r="BV4" s="554"/>
      <c r="BW4" s="554"/>
      <c r="BX4" s="554"/>
      <c r="BY4" s="555"/>
      <c r="BZ4" s="557" t="s">
        <v>52</v>
      </c>
      <c r="CA4" s="556" t="s">
        <v>61</v>
      </c>
      <c r="CB4" s="554"/>
      <c r="CC4" s="555"/>
      <c r="CD4" s="553" t="s">
        <v>62</v>
      </c>
      <c r="CE4" s="554"/>
      <c r="CF4" s="554"/>
      <c r="CG4" s="554"/>
      <c r="CH4" s="554"/>
      <c r="CI4" s="554"/>
      <c r="CJ4" s="555"/>
      <c r="CK4" s="557" t="s">
        <v>52</v>
      </c>
      <c r="CL4" s="556" t="s">
        <v>61</v>
      </c>
      <c r="CM4" s="554"/>
      <c r="CN4" s="555"/>
      <c r="CO4" s="553" t="s">
        <v>62</v>
      </c>
      <c r="CP4" s="554"/>
      <c r="CQ4" s="554"/>
      <c r="CR4" s="554"/>
      <c r="CS4" s="554"/>
      <c r="CT4" s="554"/>
      <c r="CU4" s="555"/>
      <c r="CV4" s="557" t="s">
        <v>52</v>
      </c>
    </row>
    <row r="5" spans="1:100" ht="34.5" customHeight="1" thickBot="1" x14ac:dyDescent="0.25">
      <c r="A5" s="533"/>
      <c r="B5" s="298" t="s">
        <v>43</v>
      </c>
      <c r="C5" s="300" t="s">
        <v>44</v>
      </c>
      <c r="D5" s="301" t="s">
        <v>45</v>
      </c>
      <c r="E5" s="302" t="s">
        <v>83</v>
      </c>
      <c r="F5" s="294" t="s">
        <v>47</v>
      </c>
      <c r="G5" s="294" t="s">
        <v>48</v>
      </c>
      <c r="H5" s="294" t="s">
        <v>49</v>
      </c>
      <c r="I5" s="294" t="s">
        <v>50</v>
      </c>
      <c r="J5" s="294" t="s">
        <v>51</v>
      </c>
      <c r="K5" s="303" t="s">
        <v>45</v>
      </c>
      <c r="L5" s="525"/>
      <c r="M5" s="298" t="s">
        <v>43</v>
      </c>
      <c r="N5" s="294" t="s">
        <v>44</v>
      </c>
      <c r="O5" s="300" t="s">
        <v>45</v>
      </c>
      <c r="P5" s="302" t="s">
        <v>83</v>
      </c>
      <c r="Q5" s="294" t="s">
        <v>47</v>
      </c>
      <c r="R5" s="294" t="s">
        <v>48</v>
      </c>
      <c r="S5" s="294" t="s">
        <v>49</v>
      </c>
      <c r="T5" s="294" t="s">
        <v>50</v>
      </c>
      <c r="U5" s="294" t="s">
        <v>51</v>
      </c>
      <c r="V5" s="300" t="s">
        <v>45</v>
      </c>
      <c r="W5" s="525"/>
      <c r="X5" s="298" t="s">
        <v>43</v>
      </c>
      <c r="Y5" s="294" t="s">
        <v>44</v>
      </c>
      <c r="Z5" s="300" t="s">
        <v>45</v>
      </c>
      <c r="AA5" s="302" t="s">
        <v>83</v>
      </c>
      <c r="AB5" s="294" t="s">
        <v>47</v>
      </c>
      <c r="AC5" s="294" t="s">
        <v>48</v>
      </c>
      <c r="AD5" s="294" t="s">
        <v>49</v>
      </c>
      <c r="AE5" s="294" t="s">
        <v>50</v>
      </c>
      <c r="AF5" s="294" t="s">
        <v>51</v>
      </c>
      <c r="AG5" s="300" t="s">
        <v>45</v>
      </c>
      <c r="AH5" s="525"/>
      <c r="AI5" s="382" t="s">
        <v>43</v>
      </c>
      <c r="AJ5" s="294" t="s">
        <v>44</v>
      </c>
      <c r="AK5" s="300" t="s">
        <v>45</v>
      </c>
      <c r="AL5" s="302" t="s">
        <v>83</v>
      </c>
      <c r="AM5" s="294" t="s">
        <v>47</v>
      </c>
      <c r="AN5" s="294" t="s">
        <v>48</v>
      </c>
      <c r="AO5" s="294" t="s">
        <v>49</v>
      </c>
      <c r="AP5" s="294" t="s">
        <v>50</v>
      </c>
      <c r="AQ5" s="294" t="s">
        <v>51</v>
      </c>
      <c r="AR5" s="300" t="s">
        <v>45</v>
      </c>
      <c r="AS5" s="525"/>
      <c r="AT5" s="382" t="s">
        <v>43</v>
      </c>
      <c r="AU5" s="294" t="s">
        <v>44</v>
      </c>
      <c r="AV5" s="300" t="s">
        <v>45</v>
      </c>
      <c r="AW5" s="302" t="s">
        <v>83</v>
      </c>
      <c r="AX5" s="294" t="s">
        <v>47</v>
      </c>
      <c r="AY5" s="294" t="s">
        <v>48</v>
      </c>
      <c r="AZ5" s="294" t="s">
        <v>49</v>
      </c>
      <c r="BA5" s="294" t="s">
        <v>50</v>
      </c>
      <c r="BB5" s="294" t="s">
        <v>51</v>
      </c>
      <c r="BC5" s="300" t="s">
        <v>45</v>
      </c>
      <c r="BD5" s="558"/>
      <c r="BE5" s="382" t="s">
        <v>43</v>
      </c>
      <c r="BF5" s="294" t="s">
        <v>44</v>
      </c>
      <c r="BG5" s="300" t="s">
        <v>45</v>
      </c>
      <c r="BH5" s="302" t="s">
        <v>83</v>
      </c>
      <c r="BI5" s="294" t="s">
        <v>47</v>
      </c>
      <c r="BJ5" s="294" t="s">
        <v>48</v>
      </c>
      <c r="BK5" s="294" t="s">
        <v>49</v>
      </c>
      <c r="BL5" s="294" t="s">
        <v>50</v>
      </c>
      <c r="BM5" s="294" t="s">
        <v>51</v>
      </c>
      <c r="BN5" s="300" t="s">
        <v>45</v>
      </c>
      <c r="BO5" s="558"/>
      <c r="BP5" s="382" t="s">
        <v>43</v>
      </c>
      <c r="BQ5" s="294" t="s">
        <v>44</v>
      </c>
      <c r="BR5" s="300" t="s">
        <v>45</v>
      </c>
      <c r="BS5" s="302" t="s">
        <v>83</v>
      </c>
      <c r="BT5" s="294" t="s">
        <v>47</v>
      </c>
      <c r="BU5" s="294" t="s">
        <v>48</v>
      </c>
      <c r="BV5" s="294" t="s">
        <v>49</v>
      </c>
      <c r="BW5" s="294" t="s">
        <v>50</v>
      </c>
      <c r="BX5" s="294" t="s">
        <v>51</v>
      </c>
      <c r="BY5" s="300" t="s">
        <v>45</v>
      </c>
      <c r="BZ5" s="558"/>
      <c r="CA5" s="382" t="s">
        <v>43</v>
      </c>
      <c r="CB5" s="294" t="s">
        <v>44</v>
      </c>
      <c r="CC5" s="300" t="s">
        <v>45</v>
      </c>
      <c r="CD5" s="302" t="s">
        <v>83</v>
      </c>
      <c r="CE5" s="294" t="s">
        <v>47</v>
      </c>
      <c r="CF5" s="294" t="s">
        <v>48</v>
      </c>
      <c r="CG5" s="294" t="s">
        <v>49</v>
      </c>
      <c r="CH5" s="294" t="s">
        <v>50</v>
      </c>
      <c r="CI5" s="294" t="s">
        <v>51</v>
      </c>
      <c r="CJ5" s="300" t="s">
        <v>45</v>
      </c>
      <c r="CK5" s="558"/>
      <c r="CL5" s="382" t="s">
        <v>43</v>
      </c>
      <c r="CM5" s="294" t="s">
        <v>44</v>
      </c>
      <c r="CN5" s="300" t="s">
        <v>45</v>
      </c>
      <c r="CO5" s="302" t="s">
        <v>83</v>
      </c>
      <c r="CP5" s="294" t="s">
        <v>47</v>
      </c>
      <c r="CQ5" s="294" t="s">
        <v>48</v>
      </c>
      <c r="CR5" s="294" t="s">
        <v>49</v>
      </c>
      <c r="CS5" s="294" t="s">
        <v>50</v>
      </c>
      <c r="CT5" s="294" t="s">
        <v>51</v>
      </c>
      <c r="CU5" s="300" t="s">
        <v>45</v>
      </c>
      <c r="CV5" s="558"/>
    </row>
    <row r="6" spans="1:100" ht="21" customHeight="1" x14ac:dyDescent="0.2">
      <c r="A6" s="295" t="s">
        <v>4</v>
      </c>
      <c r="B6" s="304">
        <v>0</v>
      </c>
      <c r="C6" s="305">
        <v>0</v>
      </c>
      <c r="D6" s="306">
        <v>0</v>
      </c>
      <c r="E6" s="307">
        <v>0</v>
      </c>
      <c r="F6" s="308">
        <v>333</v>
      </c>
      <c r="G6" s="308">
        <v>375</v>
      </c>
      <c r="H6" s="308">
        <v>310</v>
      </c>
      <c r="I6" s="308">
        <v>380</v>
      </c>
      <c r="J6" s="308">
        <v>319</v>
      </c>
      <c r="K6" s="309">
        <v>1717</v>
      </c>
      <c r="L6" s="310">
        <v>1717</v>
      </c>
      <c r="M6" s="304">
        <v>0</v>
      </c>
      <c r="N6" s="308">
        <v>0</v>
      </c>
      <c r="O6" s="305">
        <v>0</v>
      </c>
      <c r="P6" s="307">
        <v>0</v>
      </c>
      <c r="Q6" s="308">
        <v>218</v>
      </c>
      <c r="R6" s="308">
        <v>600</v>
      </c>
      <c r="S6" s="308">
        <v>509</v>
      </c>
      <c r="T6" s="308">
        <v>491</v>
      </c>
      <c r="U6" s="308">
        <v>405</v>
      </c>
      <c r="V6" s="305">
        <v>2223</v>
      </c>
      <c r="W6" s="310">
        <v>2223</v>
      </c>
      <c r="X6" s="304">
        <v>0</v>
      </c>
      <c r="Y6" s="308">
        <v>0</v>
      </c>
      <c r="Z6" s="305">
        <v>0</v>
      </c>
      <c r="AA6" s="307">
        <v>0</v>
      </c>
      <c r="AB6" s="308">
        <v>13047</v>
      </c>
      <c r="AC6" s="308">
        <v>11828</v>
      </c>
      <c r="AD6" s="308">
        <v>5662</v>
      </c>
      <c r="AE6" s="308">
        <v>2900</v>
      </c>
      <c r="AF6" s="308">
        <v>1354</v>
      </c>
      <c r="AG6" s="305">
        <v>34791</v>
      </c>
      <c r="AH6" s="310">
        <v>34791</v>
      </c>
      <c r="AI6" s="304">
        <v>5</v>
      </c>
      <c r="AJ6" s="308">
        <v>8</v>
      </c>
      <c r="AK6" s="305">
        <v>13</v>
      </c>
      <c r="AL6" s="307">
        <v>0</v>
      </c>
      <c r="AM6" s="308">
        <v>817</v>
      </c>
      <c r="AN6" s="308">
        <v>928</v>
      </c>
      <c r="AO6" s="308">
        <v>1047</v>
      </c>
      <c r="AP6" s="308">
        <v>551</v>
      </c>
      <c r="AQ6" s="308">
        <v>470</v>
      </c>
      <c r="AR6" s="305">
        <v>3813</v>
      </c>
      <c r="AS6" s="310">
        <v>3826</v>
      </c>
      <c r="AT6" s="304">
        <v>183</v>
      </c>
      <c r="AU6" s="308">
        <v>287</v>
      </c>
      <c r="AV6" s="305">
        <v>470</v>
      </c>
      <c r="AW6" s="307">
        <v>0</v>
      </c>
      <c r="AX6" s="308">
        <v>1474</v>
      </c>
      <c r="AY6" s="308">
        <v>1612</v>
      </c>
      <c r="AZ6" s="308">
        <v>1274</v>
      </c>
      <c r="BA6" s="308">
        <v>940</v>
      </c>
      <c r="BB6" s="308">
        <v>489</v>
      </c>
      <c r="BC6" s="305">
        <v>5789</v>
      </c>
      <c r="BD6" s="310">
        <v>6259</v>
      </c>
      <c r="BE6" s="304">
        <v>0</v>
      </c>
      <c r="BF6" s="308">
        <v>41</v>
      </c>
      <c r="BG6" s="305">
        <v>41</v>
      </c>
      <c r="BH6" s="307">
        <v>0</v>
      </c>
      <c r="BI6" s="308">
        <v>2735</v>
      </c>
      <c r="BJ6" s="308">
        <v>3310</v>
      </c>
      <c r="BK6" s="308">
        <v>3387</v>
      </c>
      <c r="BL6" s="308">
        <v>2221</v>
      </c>
      <c r="BM6" s="308">
        <v>1472</v>
      </c>
      <c r="BN6" s="309">
        <v>13125</v>
      </c>
      <c r="BO6" s="310">
        <v>13166</v>
      </c>
      <c r="BP6" s="304">
        <v>0</v>
      </c>
      <c r="BQ6" s="308">
        <v>0</v>
      </c>
      <c r="BR6" s="305">
        <v>0</v>
      </c>
      <c r="BS6" s="307">
        <v>0</v>
      </c>
      <c r="BT6" s="308">
        <v>33</v>
      </c>
      <c r="BU6" s="308">
        <v>59</v>
      </c>
      <c r="BV6" s="308">
        <v>61</v>
      </c>
      <c r="BW6" s="308">
        <v>67</v>
      </c>
      <c r="BX6" s="308">
        <v>49</v>
      </c>
      <c r="BY6" s="305">
        <v>269</v>
      </c>
      <c r="BZ6" s="310">
        <v>269</v>
      </c>
      <c r="CA6" s="304">
        <v>0</v>
      </c>
      <c r="CB6" s="308">
        <v>0</v>
      </c>
      <c r="CC6" s="305">
        <v>0</v>
      </c>
      <c r="CD6" s="307">
        <v>0</v>
      </c>
      <c r="CE6" s="308">
        <v>12</v>
      </c>
      <c r="CF6" s="308">
        <v>26</v>
      </c>
      <c r="CG6" s="308">
        <v>244</v>
      </c>
      <c r="CH6" s="308">
        <v>300</v>
      </c>
      <c r="CI6" s="308">
        <v>209</v>
      </c>
      <c r="CJ6" s="305">
        <v>791</v>
      </c>
      <c r="CK6" s="310">
        <v>791</v>
      </c>
      <c r="CL6" s="304">
        <v>0</v>
      </c>
      <c r="CM6" s="308">
        <v>0</v>
      </c>
      <c r="CN6" s="305">
        <v>0</v>
      </c>
      <c r="CO6" s="307">
        <v>0</v>
      </c>
      <c r="CP6" s="308">
        <v>179</v>
      </c>
      <c r="CQ6" s="308">
        <v>239</v>
      </c>
      <c r="CR6" s="308">
        <v>282</v>
      </c>
      <c r="CS6" s="308">
        <v>306</v>
      </c>
      <c r="CT6" s="308">
        <v>369</v>
      </c>
      <c r="CU6" s="305">
        <v>1375</v>
      </c>
      <c r="CV6" s="310">
        <v>1375</v>
      </c>
    </row>
    <row r="7" spans="1:100" ht="21" customHeight="1" x14ac:dyDescent="0.2">
      <c r="A7" s="296" t="s">
        <v>5</v>
      </c>
      <c r="B7" s="311">
        <v>0</v>
      </c>
      <c r="C7" s="312">
        <v>0</v>
      </c>
      <c r="D7" s="313">
        <v>0</v>
      </c>
      <c r="E7" s="314">
        <v>0</v>
      </c>
      <c r="F7" s="315">
        <v>141</v>
      </c>
      <c r="G7" s="315">
        <v>188</v>
      </c>
      <c r="H7" s="315">
        <v>160</v>
      </c>
      <c r="I7" s="315">
        <v>185</v>
      </c>
      <c r="J7" s="315">
        <v>157</v>
      </c>
      <c r="K7" s="316">
        <v>831</v>
      </c>
      <c r="L7" s="317">
        <v>831</v>
      </c>
      <c r="M7" s="311">
        <v>0</v>
      </c>
      <c r="N7" s="315">
        <v>0</v>
      </c>
      <c r="O7" s="312">
        <v>0</v>
      </c>
      <c r="P7" s="314">
        <v>0</v>
      </c>
      <c r="Q7" s="315">
        <v>120</v>
      </c>
      <c r="R7" s="315">
        <v>461</v>
      </c>
      <c r="S7" s="315">
        <v>380</v>
      </c>
      <c r="T7" s="315">
        <v>351</v>
      </c>
      <c r="U7" s="315">
        <v>301</v>
      </c>
      <c r="V7" s="312">
        <v>1613</v>
      </c>
      <c r="W7" s="317">
        <v>1613</v>
      </c>
      <c r="X7" s="311">
        <v>0</v>
      </c>
      <c r="Y7" s="315">
        <v>0</v>
      </c>
      <c r="Z7" s="312">
        <v>0</v>
      </c>
      <c r="AA7" s="314">
        <v>0</v>
      </c>
      <c r="AB7" s="315">
        <v>4300</v>
      </c>
      <c r="AC7" s="315">
        <v>5525</v>
      </c>
      <c r="AD7" s="315">
        <v>2531</v>
      </c>
      <c r="AE7" s="315">
        <v>1290</v>
      </c>
      <c r="AF7" s="315">
        <v>613</v>
      </c>
      <c r="AG7" s="312">
        <v>14259</v>
      </c>
      <c r="AH7" s="317">
        <v>14259</v>
      </c>
      <c r="AI7" s="311">
        <v>2</v>
      </c>
      <c r="AJ7" s="315">
        <v>2</v>
      </c>
      <c r="AK7" s="312">
        <v>4</v>
      </c>
      <c r="AL7" s="314">
        <v>0</v>
      </c>
      <c r="AM7" s="315">
        <v>375</v>
      </c>
      <c r="AN7" s="315">
        <v>473</v>
      </c>
      <c r="AO7" s="315">
        <v>541</v>
      </c>
      <c r="AP7" s="315">
        <v>306</v>
      </c>
      <c r="AQ7" s="315">
        <v>275</v>
      </c>
      <c r="AR7" s="312">
        <v>1970</v>
      </c>
      <c r="AS7" s="317">
        <v>1974</v>
      </c>
      <c r="AT7" s="311">
        <v>77</v>
      </c>
      <c r="AU7" s="315">
        <v>112</v>
      </c>
      <c r="AV7" s="312">
        <v>189</v>
      </c>
      <c r="AW7" s="314">
        <v>0</v>
      </c>
      <c r="AX7" s="315">
        <v>526</v>
      </c>
      <c r="AY7" s="315">
        <v>672</v>
      </c>
      <c r="AZ7" s="315">
        <v>542</v>
      </c>
      <c r="BA7" s="315">
        <v>425</v>
      </c>
      <c r="BB7" s="315">
        <v>237</v>
      </c>
      <c r="BC7" s="312">
        <v>2402</v>
      </c>
      <c r="BD7" s="317">
        <v>2591</v>
      </c>
      <c r="BE7" s="311">
        <v>0</v>
      </c>
      <c r="BF7" s="315">
        <v>12</v>
      </c>
      <c r="BG7" s="312">
        <v>12</v>
      </c>
      <c r="BH7" s="314">
        <v>0</v>
      </c>
      <c r="BI7" s="315">
        <v>1161</v>
      </c>
      <c r="BJ7" s="315">
        <v>1481</v>
      </c>
      <c r="BK7" s="315">
        <v>1412</v>
      </c>
      <c r="BL7" s="315">
        <v>939</v>
      </c>
      <c r="BM7" s="315">
        <v>657</v>
      </c>
      <c r="BN7" s="316">
        <v>5650</v>
      </c>
      <c r="BO7" s="317">
        <v>5662</v>
      </c>
      <c r="BP7" s="311">
        <v>0</v>
      </c>
      <c r="BQ7" s="315">
        <v>0</v>
      </c>
      <c r="BR7" s="312">
        <v>0</v>
      </c>
      <c r="BS7" s="314">
        <v>0</v>
      </c>
      <c r="BT7" s="315">
        <v>1</v>
      </c>
      <c r="BU7" s="315">
        <v>1</v>
      </c>
      <c r="BV7" s="315">
        <v>2</v>
      </c>
      <c r="BW7" s="315">
        <v>2</v>
      </c>
      <c r="BX7" s="315">
        <v>5</v>
      </c>
      <c r="BY7" s="312">
        <v>11</v>
      </c>
      <c r="BZ7" s="317">
        <v>11</v>
      </c>
      <c r="CA7" s="311">
        <v>0</v>
      </c>
      <c r="CB7" s="315">
        <v>0</v>
      </c>
      <c r="CC7" s="312">
        <v>0</v>
      </c>
      <c r="CD7" s="314">
        <v>0</v>
      </c>
      <c r="CE7" s="315">
        <v>4</v>
      </c>
      <c r="CF7" s="315">
        <v>6</v>
      </c>
      <c r="CG7" s="315">
        <v>25</v>
      </c>
      <c r="CH7" s="315">
        <v>28</v>
      </c>
      <c r="CI7" s="315">
        <v>22</v>
      </c>
      <c r="CJ7" s="312">
        <v>85</v>
      </c>
      <c r="CK7" s="317">
        <v>85</v>
      </c>
      <c r="CL7" s="311">
        <v>0</v>
      </c>
      <c r="CM7" s="315">
        <v>0</v>
      </c>
      <c r="CN7" s="312">
        <v>0</v>
      </c>
      <c r="CO7" s="314">
        <v>0</v>
      </c>
      <c r="CP7" s="315">
        <v>28</v>
      </c>
      <c r="CQ7" s="315">
        <v>56</v>
      </c>
      <c r="CR7" s="315">
        <v>80</v>
      </c>
      <c r="CS7" s="315">
        <v>88</v>
      </c>
      <c r="CT7" s="315">
        <v>150</v>
      </c>
      <c r="CU7" s="312">
        <v>402</v>
      </c>
      <c r="CV7" s="317">
        <v>402</v>
      </c>
    </row>
    <row r="8" spans="1:100" ht="21" customHeight="1" x14ac:dyDescent="0.2">
      <c r="A8" s="296" t="s">
        <v>6</v>
      </c>
      <c r="B8" s="311">
        <v>0</v>
      </c>
      <c r="C8" s="312">
        <v>0</v>
      </c>
      <c r="D8" s="313">
        <v>0</v>
      </c>
      <c r="E8" s="314">
        <v>0</v>
      </c>
      <c r="F8" s="315">
        <v>83</v>
      </c>
      <c r="G8" s="315">
        <v>85</v>
      </c>
      <c r="H8" s="315">
        <v>65</v>
      </c>
      <c r="I8" s="315">
        <v>97</v>
      </c>
      <c r="J8" s="315">
        <v>90</v>
      </c>
      <c r="K8" s="316">
        <v>420</v>
      </c>
      <c r="L8" s="317">
        <v>420</v>
      </c>
      <c r="M8" s="311">
        <v>0</v>
      </c>
      <c r="N8" s="315">
        <v>0</v>
      </c>
      <c r="O8" s="312">
        <v>0</v>
      </c>
      <c r="P8" s="314">
        <v>0</v>
      </c>
      <c r="Q8" s="315">
        <v>71</v>
      </c>
      <c r="R8" s="315">
        <v>105</v>
      </c>
      <c r="S8" s="315">
        <v>91</v>
      </c>
      <c r="T8" s="315">
        <v>115</v>
      </c>
      <c r="U8" s="315">
        <v>85</v>
      </c>
      <c r="V8" s="312">
        <v>467</v>
      </c>
      <c r="W8" s="317">
        <v>467</v>
      </c>
      <c r="X8" s="311">
        <v>0</v>
      </c>
      <c r="Y8" s="315">
        <v>0</v>
      </c>
      <c r="Z8" s="312">
        <v>0</v>
      </c>
      <c r="AA8" s="314">
        <v>0</v>
      </c>
      <c r="AB8" s="315">
        <v>1972</v>
      </c>
      <c r="AC8" s="315">
        <v>1300</v>
      </c>
      <c r="AD8" s="315">
        <v>698</v>
      </c>
      <c r="AE8" s="315">
        <v>420</v>
      </c>
      <c r="AF8" s="315">
        <v>207</v>
      </c>
      <c r="AG8" s="312">
        <v>4597</v>
      </c>
      <c r="AH8" s="317">
        <v>4597</v>
      </c>
      <c r="AI8" s="311">
        <v>2</v>
      </c>
      <c r="AJ8" s="315">
        <v>1</v>
      </c>
      <c r="AK8" s="312">
        <v>3</v>
      </c>
      <c r="AL8" s="314">
        <v>0</v>
      </c>
      <c r="AM8" s="315">
        <v>196</v>
      </c>
      <c r="AN8" s="315">
        <v>177</v>
      </c>
      <c r="AO8" s="315">
        <v>222</v>
      </c>
      <c r="AP8" s="315">
        <v>132</v>
      </c>
      <c r="AQ8" s="315">
        <v>90</v>
      </c>
      <c r="AR8" s="312">
        <v>817</v>
      </c>
      <c r="AS8" s="317">
        <v>820</v>
      </c>
      <c r="AT8" s="311">
        <v>24</v>
      </c>
      <c r="AU8" s="315">
        <v>34</v>
      </c>
      <c r="AV8" s="312">
        <v>58</v>
      </c>
      <c r="AW8" s="314">
        <v>0</v>
      </c>
      <c r="AX8" s="315">
        <v>244</v>
      </c>
      <c r="AY8" s="315">
        <v>221</v>
      </c>
      <c r="AZ8" s="315">
        <v>178</v>
      </c>
      <c r="BA8" s="315">
        <v>146</v>
      </c>
      <c r="BB8" s="315">
        <v>62</v>
      </c>
      <c r="BC8" s="312">
        <v>851</v>
      </c>
      <c r="BD8" s="317">
        <v>909</v>
      </c>
      <c r="BE8" s="311">
        <v>0</v>
      </c>
      <c r="BF8" s="315">
        <v>7</v>
      </c>
      <c r="BG8" s="312">
        <v>7</v>
      </c>
      <c r="BH8" s="314">
        <v>0</v>
      </c>
      <c r="BI8" s="315">
        <v>498</v>
      </c>
      <c r="BJ8" s="315">
        <v>561</v>
      </c>
      <c r="BK8" s="315">
        <v>562</v>
      </c>
      <c r="BL8" s="315">
        <v>394</v>
      </c>
      <c r="BM8" s="315">
        <v>232</v>
      </c>
      <c r="BN8" s="316">
        <v>2247</v>
      </c>
      <c r="BO8" s="317">
        <v>2254</v>
      </c>
      <c r="BP8" s="311">
        <v>0</v>
      </c>
      <c r="BQ8" s="315">
        <v>0</v>
      </c>
      <c r="BR8" s="312">
        <v>0</v>
      </c>
      <c r="BS8" s="314">
        <v>0</v>
      </c>
      <c r="BT8" s="315">
        <v>0</v>
      </c>
      <c r="BU8" s="315">
        <v>0</v>
      </c>
      <c r="BV8" s="315">
        <v>0</v>
      </c>
      <c r="BW8" s="315">
        <v>0</v>
      </c>
      <c r="BX8" s="315">
        <v>0</v>
      </c>
      <c r="BY8" s="312">
        <v>0</v>
      </c>
      <c r="BZ8" s="317">
        <v>0</v>
      </c>
      <c r="CA8" s="311">
        <v>0</v>
      </c>
      <c r="CB8" s="315">
        <v>0</v>
      </c>
      <c r="CC8" s="312">
        <v>0</v>
      </c>
      <c r="CD8" s="314">
        <v>0</v>
      </c>
      <c r="CE8" s="315">
        <v>4</v>
      </c>
      <c r="CF8" s="315">
        <v>5</v>
      </c>
      <c r="CG8" s="315">
        <v>70</v>
      </c>
      <c r="CH8" s="315">
        <v>101</v>
      </c>
      <c r="CI8" s="315">
        <v>63</v>
      </c>
      <c r="CJ8" s="312">
        <v>243</v>
      </c>
      <c r="CK8" s="317">
        <v>243</v>
      </c>
      <c r="CL8" s="311">
        <v>0</v>
      </c>
      <c r="CM8" s="315">
        <v>0</v>
      </c>
      <c r="CN8" s="312">
        <v>0</v>
      </c>
      <c r="CO8" s="314">
        <v>0</v>
      </c>
      <c r="CP8" s="315">
        <v>58</v>
      </c>
      <c r="CQ8" s="315">
        <v>77</v>
      </c>
      <c r="CR8" s="315">
        <v>73</v>
      </c>
      <c r="CS8" s="315">
        <v>88</v>
      </c>
      <c r="CT8" s="315">
        <v>77</v>
      </c>
      <c r="CU8" s="312">
        <v>373</v>
      </c>
      <c r="CV8" s="317">
        <v>373</v>
      </c>
    </row>
    <row r="9" spans="1:100" ht="21" customHeight="1" x14ac:dyDescent="0.2">
      <c r="A9" s="296" t="s">
        <v>14</v>
      </c>
      <c r="B9" s="311">
        <v>0</v>
      </c>
      <c r="C9" s="312">
        <v>0</v>
      </c>
      <c r="D9" s="313">
        <v>0</v>
      </c>
      <c r="E9" s="314">
        <v>0</v>
      </c>
      <c r="F9" s="315">
        <v>14</v>
      </c>
      <c r="G9" s="315">
        <v>13</v>
      </c>
      <c r="H9" s="315">
        <v>17</v>
      </c>
      <c r="I9" s="315">
        <v>20</v>
      </c>
      <c r="J9" s="315">
        <v>15</v>
      </c>
      <c r="K9" s="316">
        <v>79</v>
      </c>
      <c r="L9" s="317">
        <v>79</v>
      </c>
      <c r="M9" s="311">
        <v>0</v>
      </c>
      <c r="N9" s="315">
        <v>0</v>
      </c>
      <c r="O9" s="312">
        <v>0</v>
      </c>
      <c r="P9" s="314">
        <v>0</v>
      </c>
      <c r="Q9" s="315">
        <v>2</v>
      </c>
      <c r="R9" s="315">
        <v>4</v>
      </c>
      <c r="S9" s="315">
        <v>2</v>
      </c>
      <c r="T9" s="315">
        <v>3</v>
      </c>
      <c r="U9" s="315">
        <v>2</v>
      </c>
      <c r="V9" s="312">
        <v>13</v>
      </c>
      <c r="W9" s="317">
        <v>13</v>
      </c>
      <c r="X9" s="311">
        <v>0</v>
      </c>
      <c r="Y9" s="315">
        <v>0</v>
      </c>
      <c r="Z9" s="312">
        <v>0</v>
      </c>
      <c r="AA9" s="314">
        <v>0</v>
      </c>
      <c r="AB9" s="315">
        <v>1081</v>
      </c>
      <c r="AC9" s="315">
        <v>1049</v>
      </c>
      <c r="AD9" s="315">
        <v>555</v>
      </c>
      <c r="AE9" s="315">
        <v>244</v>
      </c>
      <c r="AF9" s="315">
        <v>116</v>
      </c>
      <c r="AG9" s="312">
        <v>3045</v>
      </c>
      <c r="AH9" s="317">
        <v>3045</v>
      </c>
      <c r="AI9" s="311">
        <v>0</v>
      </c>
      <c r="AJ9" s="315">
        <v>0</v>
      </c>
      <c r="AK9" s="312">
        <v>0</v>
      </c>
      <c r="AL9" s="314">
        <v>0</v>
      </c>
      <c r="AM9" s="315">
        <v>16</v>
      </c>
      <c r="AN9" s="315">
        <v>21</v>
      </c>
      <c r="AO9" s="315">
        <v>35</v>
      </c>
      <c r="AP9" s="315">
        <v>14</v>
      </c>
      <c r="AQ9" s="315">
        <v>20</v>
      </c>
      <c r="AR9" s="312">
        <v>106</v>
      </c>
      <c r="AS9" s="317">
        <v>106</v>
      </c>
      <c r="AT9" s="311">
        <v>14</v>
      </c>
      <c r="AU9" s="315">
        <v>30</v>
      </c>
      <c r="AV9" s="312">
        <v>44</v>
      </c>
      <c r="AW9" s="314">
        <v>0</v>
      </c>
      <c r="AX9" s="315">
        <v>127</v>
      </c>
      <c r="AY9" s="315">
        <v>142</v>
      </c>
      <c r="AZ9" s="315">
        <v>109</v>
      </c>
      <c r="BA9" s="315">
        <v>79</v>
      </c>
      <c r="BB9" s="315">
        <v>28</v>
      </c>
      <c r="BC9" s="312">
        <v>485</v>
      </c>
      <c r="BD9" s="317">
        <v>529</v>
      </c>
      <c r="BE9" s="311">
        <v>0</v>
      </c>
      <c r="BF9" s="315">
        <v>5</v>
      </c>
      <c r="BG9" s="312">
        <v>5</v>
      </c>
      <c r="BH9" s="314">
        <v>0</v>
      </c>
      <c r="BI9" s="315">
        <v>272</v>
      </c>
      <c r="BJ9" s="315">
        <v>295</v>
      </c>
      <c r="BK9" s="315">
        <v>340</v>
      </c>
      <c r="BL9" s="315">
        <v>200</v>
      </c>
      <c r="BM9" s="315">
        <v>136</v>
      </c>
      <c r="BN9" s="316">
        <v>1243</v>
      </c>
      <c r="BO9" s="317">
        <v>1248</v>
      </c>
      <c r="BP9" s="311">
        <v>0</v>
      </c>
      <c r="BQ9" s="315">
        <v>0</v>
      </c>
      <c r="BR9" s="312">
        <v>0</v>
      </c>
      <c r="BS9" s="314">
        <v>0</v>
      </c>
      <c r="BT9" s="315">
        <v>0</v>
      </c>
      <c r="BU9" s="315">
        <v>0</v>
      </c>
      <c r="BV9" s="315">
        <v>0</v>
      </c>
      <c r="BW9" s="315">
        <v>0</v>
      </c>
      <c r="BX9" s="315">
        <v>0</v>
      </c>
      <c r="BY9" s="312">
        <v>0</v>
      </c>
      <c r="BZ9" s="317">
        <v>0</v>
      </c>
      <c r="CA9" s="311">
        <v>0</v>
      </c>
      <c r="CB9" s="315">
        <v>0</v>
      </c>
      <c r="CC9" s="312">
        <v>0</v>
      </c>
      <c r="CD9" s="314">
        <v>0</v>
      </c>
      <c r="CE9" s="315">
        <v>0</v>
      </c>
      <c r="CF9" s="315">
        <v>2</v>
      </c>
      <c r="CG9" s="315">
        <v>17</v>
      </c>
      <c r="CH9" s="315">
        <v>29</v>
      </c>
      <c r="CI9" s="315">
        <v>7</v>
      </c>
      <c r="CJ9" s="312">
        <v>55</v>
      </c>
      <c r="CK9" s="317">
        <v>55</v>
      </c>
      <c r="CL9" s="311">
        <v>0</v>
      </c>
      <c r="CM9" s="315">
        <v>0</v>
      </c>
      <c r="CN9" s="312">
        <v>0</v>
      </c>
      <c r="CO9" s="314">
        <v>0</v>
      </c>
      <c r="CP9" s="315">
        <v>9</v>
      </c>
      <c r="CQ9" s="315">
        <v>13</v>
      </c>
      <c r="CR9" s="315">
        <v>12</v>
      </c>
      <c r="CS9" s="315">
        <v>15</v>
      </c>
      <c r="CT9" s="315">
        <v>15</v>
      </c>
      <c r="CU9" s="312">
        <v>64</v>
      </c>
      <c r="CV9" s="317">
        <v>64</v>
      </c>
    </row>
    <row r="10" spans="1:100" ht="21" customHeight="1" x14ac:dyDescent="0.2">
      <c r="A10" s="296" t="s">
        <v>7</v>
      </c>
      <c r="B10" s="311">
        <v>0</v>
      </c>
      <c r="C10" s="312">
        <v>0</v>
      </c>
      <c r="D10" s="313">
        <v>0</v>
      </c>
      <c r="E10" s="314">
        <v>0</v>
      </c>
      <c r="F10" s="315">
        <v>4</v>
      </c>
      <c r="G10" s="315">
        <v>10</v>
      </c>
      <c r="H10" s="315">
        <v>8</v>
      </c>
      <c r="I10" s="315">
        <v>6</v>
      </c>
      <c r="J10" s="315">
        <v>8</v>
      </c>
      <c r="K10" s="316">
        <v>36</v>
      </c>
      <c r="L10" s="317">
        <v>36</v>
      </c>
      <c r="M10" s="311">
        <v>0</v>
      </c>
      <c r="N10" s="315">
        <v>0</v>
      </c>
      <c r="O10" s="312">
        <v>0</v>
      </c>
      <c r="P10" s="314">
        <v>0</v>
      </c>
      <c r="Q10" s="315">
        <v>0</v>
      </c>
      <c r="R10" s="315">
        <v>0</v>
      </c>
      <c r="S10" s="315">
        <v>0</v>
      </c>
      <c r="T10" s="315">
        <v>0</v>
      </c>
      <c r="U10" s="315">
        <v>0</v>
      </c>
      <c r="V10" s="312">
        <v>0</v>
      </c>
      <c r="W10" s="317">
        <v>0</v>
      </c>
      <c r="X10" s="311">
        <v>0</v>
      </c>
      <c r="Y10" s="315">
        <v>0</v>
      </c>
      <c r="Z10" s="312">
        <v>0</v>
      </c>
      <c r="AA10" s="314">
        <v>0</v>
      </c>
      <c r="AB10" s="315">
        <v>1015</v>
      </c>
      <c r="AC10" s="315">
        <v>628</v>
      </c>
      <c r="AD10" s="315">
        <v>297</v>
      </c>
      <c r="AE10" s="315">
        <v>135</v>
      </c>
      <c r="AF10" s="315">
        <v>55</v>
      </c>
      <c r="AG10" s="312">
        <v>2130</v>
      </c>
      <c r="AH10" s="317">
        <v>2130</v>
      </c>
      <c r="AI10" s="311">
        <v>0</v>
      </c>
      <c r="AJ10" s="315">
        <v>0</v>
      </c>
      <c r="AK10" s="312">
        <v>0</v>
      </c>
      <c r="AL10" s="314">
        <v>0</v>
      </c>
      <c r="AM10" s="315">
        <v>83</v>
      </c>
      <c r="AN10" s="315">
        <v>84</v>
      </c>
      <c r="AO10" s="315">
        <v>93</v>
      </c>
      <c r="AP10" s="315">
        <v>33</v>
      </c>
      <c r="AQ10" s="315">
        <v>15</v>
      </c>
      <c r="AR10" s="312">
        <v>308</v>
      </c>
      <c r="AS10" s="317">
        <v>308</v>
      </c>
      <c r="AT10" s="311">
        <v>7</v>
      </c>
      <c r="AU10" s="315">
        <v>13</v>
      </c>
      <c r="AV10" s="312">
        <v>20</v>
      </c>
      <c r="AW10" s="314">
        <v>0</v>
      </c>
      <c r="AX10" s="315">
        <v>61</v>
      </c>
      <c r="AY10" s="315">
        <v>52</v>
      </c>
      <c r="AZ10" s="315">
        <v>32</v>
      </c>
      <c r="BA10" s="315">
        <v>14</v>
      </c>
      <c r="BB10" s="315">
        <v>10</v>
      </c>
      <c r="BC10" s="312">
        <v>169</v>
      </c>
      <c r="BD10" s="317">
        <v>189</v>
      </c>
      <c r="BE10" s="311">
        <v>0</v>
      </c>
      <c r="BF10" s="315">
        <v>1</v>
      </c>
      <c r="BG10" s="312">
        <v>1</v>
      </c>
      <c r="BH10" s="314">
        <v>0</v>
      </c>
      <c r="BI10" s="315">
        <v>118</v>
      </c>
      <c r="BJ10" s="315">
        <v>139</v>
      </c>
      <c r="BK10" s="315">
        <v>195</v>
      </c>
      <c r="BL10" s="315">
        <v>128</v>
      </c>
      <c r="BM10" s="315">
        <v>80</v>
      </c>
      <c r="BN10" s="316">
        <v>660</v>
      </c>
      <c r="BO10" s="317">
        <v>661</v>
      </c>
      <c r="BP10" s="311">
        <v>0</v>
      </c>
      <c r="BQ10" s="315">
        <v>0</v>
      </c>
      <c r="BR10" s="312">
        <v>0</v>
      </c>
      <c r="BS10" s="314">
        <v>0</v>
      </c>
      <c r="BT10" s="315">
        <v>0</v>
      </c>
      <c r="BU10" s="315">
        <v>0</v>
      </c>
      <c r="BV10" s="315">
        <v>0</v>
      </c>
      <c r="BW10" s="315">
        <v>0</v>
      </c>
      <c r="BX10" s="315">
        <v>0</v>
      </c>
      <c r="BY10" s="312">
        <v>0</v>
      </c>
      <c r="BZ10" s="317">
        <v>0</v>
      </c>
      <c r="CA10" s="311">
        <v>0</v>
      </c>
      <c r="CB10" s="315">
        <v>0</v>
      </c>
      <c r="CC10" s="312">
        <v>0</v>
      </c>
      <c r="CD10" s="314">
        <v>0</v>
      </c>
      <c r="CE10" s="315">
        <v>0</v>
      </c>
      <c r="CF10" s="315">
        <v>0</v>
      </c>
      <c r="CG10" s="315">
        <v>0</v>
      </c>
      <c r="CH10" s="315">
        <v>0</v>
      </c>
      <c r="CI10" s="315">
        <v>0</v>
      </c>
      <c r="CJ10" s="312">
        <v>0</v>
      </c>
      <c r="CK10" s="317">
        <v>0</v>
      </c>
      <c r="CL10" s="311">
        <v>0</v>
      </c>
      <c r="CM10" s="315">
        <v>0</v>
      </c>
      <c r="CN10" s="312">
        <v>0</v>
      </c>
      <c r="CO10" s="314">
        <v>0</v>
      </c>
      <c r="CP10" s="315">
        <v>8</v>
      </c>
      <c r="CQ10" s="315">
        <v>10</v>
      </c>
      <c r="CR10" s="315">
        <v>11</v>
      </c>
      <c r="CS10" s="315">
        <v>13</v>
      </c>
      <c r="CT10" s="315">
        <v>19</v>
      </c>
      <c r="CU10" s="312">
        <v>61</v>
      </c>
      <c r="CV10" s="317">
        <v>61</v>
      </c>
    </row>
    <row r="11" spans="1:100" ht="21" customHeight="1" x14ac:dyDescent="0.2">
      <c r="A11" s="296" t="s">
        <v>8</v>
      </c>
      <c r="B11" s="311">
        <v>0</v>
      </c>
      <c r="C11" s="312">
        <v>0</v>
      </c>
      <c r="D11" s="313">
        <v>0</v>
      </c>
      <c r="E11" s="314">
        <v>0</v>
      </c>
      <c r="F11" s="315">
        <v>4</v>
      </c>
      <c r="G11" s="315">
        <v>9</v>
      </c>
      <c r="H11" s="315">
        <v>5</v>
      </c>
      <c r="I11" s="315">
        <v>5</v>
      </c>
      <c r="J11" s="315">
        <v>4</v>
      </c>
      <c r="K11" s="316">
        <v>27</v>
      </c>
      <c r="L11" s="317">
        <v>27</v>
      </c>
      <c r="M11" s="311">
        <v>0</v>
      </c>
      <c r="N11" s="315">
        <v>0</v>
      </c>
      <c r="O11" s="312">
        <v>0</v>
      </c>
      <c r="P11" s="314">
        <v>0</v>
      </c>
      <c r="Q11" s="315">
        <v>1</v>
      </c>
      <c r="R11" s="315">
        <v>1</v>
      </c>
      <c r="S11" s="315">
        <v>1</v>
      </c>
      <c r="T11" s="315">
        <v>2</v>
      </c>
      <c r="U11" s="315">
        <v>3</v>
      </c>
      <c r="V11" s="312">
        <v>8</v>
      </c>
      <c r="W11" s="317">
        <v>8</v>
      </c>
      <c r="X11" s="311">
        <v>0</v>
      </c>
      <c r="Y11" s="315">
        <v>0</v>
      </c>
      <c r="Z11" s="312">
        <v>0</v>
      </c>
      <c r="AA11" s="314">
        <v>0</v>
      </c>
      <c r="AB11" s="315">
        <v>564</v>
      </c>
      <c r="AC11" s="315">
        <v>484</v>
      </c>
      <c r="AD11" s="315">
        <v>223</v>
      </c>
      <c r="AE11" s="315">
        <v>98</v>
      </c>
      <c r="AF11" s="315">
        <v>56</v>
      </c>
      <c r="AG11" s="312">
        <v>1425</v>
      </c>
      <c r="AH11" s="317">
        <v>1425</v>
      </c>
      <c r="AI11" s="311">
        <v>0</v>
      </c>
      <c r="AJ11" s="315">
        <v>0</v>
      </c>
      <c r="AK11" s="312">
        <v>0</v>
      </c>
      <c r="AL11" s="314">
        <v>0</v>
      </c>
      <c r="AM11" s="315">
        <v>10</v>
      </c>
      <c r="AN11" s="315">
        <v>14</v>
      </c>
      <c r="AO11" s="315">
        <v>11</v>
      </c>
      <c r="AP11" s="315">
        <v>4</v>
      </c>
      <c r="AQ11" s="315">
        <v>4</v>
      </c>
      <c r="AR11" s="312">
        <v>43</v>
      </c>
      <c r="AS11" s="317">
        <v>43</v>
      </c>
      <c r="AT11" s="311">
        <v>7</v>
      </c>
      <c r="AU11" s="315">
        <v>12</v>
      </c>
      <c r="AV11" s="312">
        <v>19</v>
      </c>
      <c r="AW11" s="314">
        <v>0</v>
      </c>
      <c r="AX11" s="315">
        <v>81</v>
      </c>
      <c r="AY11" s="315">
        <v>59</v>
      </c>
      <c r="AZ11" s="315">
        <v>47</v>
      </c>
      <c r="BA11" s="315">
        <v>16</v>
      </c>
      <c r="BB11" s="315">
        <v>9</v>
      </c>
      <c r="BC11" s="312">
        <v>212</v>
      </c>
      <c r="BD11" s="317">
        <v>231</v>
      </c>
      <c r="BE11" s="311">
        <v>0</v>
      </c>
      <c r="BF11" s="315">
        <v>0</v>
      </c>
      <c r="BG11" s="312">
        <v>0</v>
      </c>
      <c r="BH11" s="314">
        <v>0</v>
      </c>
      <c r="BI11" s="315">
        <v>70</v>
      </c>
      <c r="BJ11" s="315">
        <v>78</v>
      </c>
      <c r="BK11" s="315">
        <v>86</v>
      </c>
      <c r="BL11" s="315">
        <v>55</v>
      </c>
      <c r="BM11" s="315">
        <v>30</v>
      </c>
      <c r="BN11" s="316">
        <v>319</v>
      </c>
      <c r="BO11" s="317">
        <v>319</v>
      </c>
      <c r="BP11" s="311">
        <v>0</v>
      </c>
      <c r="BQ11" s="315">
        <v>0</v>
      </c>
      <c r="BR11" s="312">
        <v>0</v>
      </c>
      <c r="BS11" s="314">
        <v>0</v>
      </c>
      <c r="BT11" s="315">
        <v>2</v>
      </c>
      <c r="BU11" s="315">
        <v>11</v>
      </c>
      <c r="BV11" s="315">
        <v>11</v>
      </c>
      <c r="BW11" s="315">
        <v>14</v>
      </c>
      <c r="BX11" s="315">
        <v>4</v>
      </c>
      <c r="BY11" s="312">
        <v>42</v>
      </c>
      <c r="BZ11" s="317">
        <v>42</v>
      </c>
      <c r="CA11" s="311">
        <v>0</v>
      </c>
      <c r="CB11" s="315">
        <v>0</v>
      </c>
      <c r="CC11" s="312">
        <v>0</v>
      </c>
      <c r="CD11" s="314">
        <v>0</v>
      </c>
      <c r="CE11" s="315">
        <v>0</v>
      </c>
      <c r="CF11" s="315">
        <v>3</v>
      </c>
      <c r="CG11" s="315">
        <v>17</v>
      </c>
      <c r="CH11" s="315">
        <v>15</v>
      </c>
      <c r="CI11" s="315">
        <v>12</v>
      </c>
      <c r="CJ11" s="312">
        <v>47</v>
      </c>
      <c r="CK11" s="317">
        <v>47</v>
      </c>
      <c r="CL11" s="311">
        <v>0</v>
      </c>
      <c r="CM11" s="315">
        <v>0</v>
      </c>
      <c r="CN11" s="312">
        <v>0</v>
      </c>
      <c r="CO11" s="314">
        <v>0</v>
      </c>
      <c r="CP11" s="315">
        <v>15</v>
      </c>
      <c r="CQ11" s="315">
        <v>14</v>
      </c>
      <c r="CR11" s="315">
        <v>9</v>
      </c>
      <c r="CS11" s="315">
        <v>10</v>
      </c>
      <c r="CT11" s="315">
        <v>6</v>
      </c>
      <c r="CU11" s="312">
        <v>54</v>
      </c>
      <c r="CV11" s="317">
        <v>54</v>
      </c>
    </row>
    <row r="12" spans="1:100" ht="21" customHeight="1" x14ac:dyDescent="0.2">
      <c r="A12" s="296" t="s">
        <v>9</v>
      </c>
      <c r="B12" s="311">
        <v>0</v>
      </c>
      <c r="C12" s="312">
        <v>0</v>
      </c>
      <c r="D12" s="313">
        <v>0</v>
      </c>
      <c r="E12" s="314">
        <v>0</v>
      </c>
      <c r="F12" s="315">
        <v>3</v>
      </c>
      <c r="G12" s="315">
        <v>5</v>
      </c>
      <c r="H12" s="315">
        <v>2</v>
      </c>
      <c r="I12" s="315">
        <v>10</v>
      </c>
      <c r="J12" s="315">
        <v>4</v>
      </c>
      <c r="K12" s="316">
        <v>24</v>
      </c>
      <c r="L12" s="317">
        <v>24</v>
      </c>
      <c r="M12" s="311">
        <v>0</v>
      </c>
      <c r="N12" s="315">
        <v>0</v>
      </c>
      <c r="O12" s="312">
        <v>0</v>
      </c>
      <c r="P12" s="314">
        <v>0</v>
      </c>
      <c r="Q12" s="315">
        <v>0</v>
      </c>
      <c r="R12" s="315">
        <v>0</v>
      </c>
      <c r="S12" s="315">
        <v>0</v>
      </c>
      <c r="T12" s="315">
        <v>0</v>
      </c>
      <c r="U12" s="315">
        <v>0</v>
      </c>
      <c r="V12" s="312">
        <v>0</v>
      </c>
      <c r="W12" s="317">
        <v>0</v>
      </c>
      <c r="X12" s="311">
        <v>0</v>
      </c>
      <c r="Y12" s="315">
        <v>0</v>
      </c>
      <c r="Z12" s="312">
        <v>0</v>
      </c>
      <c r="AA12" s="314">
        <v>0</v>
      </c>
      <c r="AB12" s="315">
        <v>409</v>
      </c>
      <c r="AC12" s="315">
        <v>287</v>
      </c>
      <c r="AD12" s="315">
        <v>162</v>
      </c>
      <c r="AE12" s="315">
        <v>86</v>
      </c>
      <c r="AF12" s="315">
        <v>31</v>
      </c>
      <c r="AG12" s="312">
        <v>975</v>
      </c>
      <c r="AH12" s="317">
        <v>975</v>
      </c>
      <c r="AI12" s="311">
        <v>0</v>
      </c>
      <c r="AJ12" s="315">
        <v>0</v>
      </c>
      <c r="AK12" s="312">
        <v>0</v>
      </c>
      <c r="AL12" s="314">
        <v>0</v>
      </c>
      <c r="AM12" s="315">
        <v>9</v>
      </c>
      <c r="AN12" s="315">
        <v>9</v>
      </c>
      <c r="AO12" s="315">
        <v>8</v>
      </c>
      <c r="AP12" s="315">
        <v>4</v>
      </c>
      <c r="AQ12" s="315">
        <v>4</v>
      </c>
      <c r="AR12" s="312">
        <v>34</v>
      </c>
      <c r="AS12" s="317">
        <v>34</v>
      </c>
      <c r="AT12" s="311">
        <v>5</v>
      </c>
      <c r="AU12" s="315">
        <v>7</v>
      </c>
      <c r="AV12" s="312">
        <v>12</v>
      </c>
      <c r="AW12" s="314">
        <v>0</v>
      </c>
      <c r="AX12" s="315">
        <v>39</v>
      </c>
      <c r="AY12" s="315">
        <v>31</v>
      </c>
      <c r="AZ12" s="315">
        <v>23</v>
      </c>
      <c r="BA12" s="315">
        <v>20</v>
      </c>
      <c r="BB12" s="315">
        <v>3</v>
      </c>
      <c r="BC12" s="312">
        <v>116</v>
      </c>
      <c r="BD12" s="317">
        <v>128</v>
      </c>
      <c r="BE12" s="311">
        <v>0</v>
      </c>
      <c r="BF12" s="315">
        <v>1</v>
      </c>
      <c r="BG12" s="312">
        <v>1</v>
      </c>
      <c r="BH12" s="314">
        <v>0</v>
      </c>
      <c r="BI12" s="315">
        <v>28</v>
      </c>
      <c r="BJ12" s="315">
        <v>52</v>
      </c>
      <c r="BK12" s="315">
        <v>93</v>
      </c>
      <c r="BL12" s="315">
        <v>41</v>
      </c>
      <c r="BM12" s="315">
        <v>25</v>
      </c>
      <c r="BN12" s="316">
        <v>239</v>
      </c>
      <c r="BO12" s="317">
        <v>240</v>
      </c>
      <c r="BP12" s="311">
        <v>0</v>
      </c>
      <c r="BQ12" s="315">
        <v>0</v>
      </c>
      <c r="BR12" s="312">
        <v>0</v>
      </c>
      <c r="BS12" s="314">
        <v>0</v>
      </c>
      <c r="BT12" s="315">
        <v>3</v>
      </c>
      <c r="BU12" s="315">
        <v>6</v>
      </c>
      <c r="BV12" s="315">
        <v>6</v>
      </c>
      <c r="BW12" s="315">
        <v>4</v>
      </c>
      <c r="BX12" s="315">
        <v>5</v>
      </c>
      <c r="BY12" s="312">
        <v>24</v>
      </c>
      <c r="BZ12" s="317">
        <v>24</v>
      </c>
      <c r="CA12" s="311">
        <v>0</v>
      </c>
      <c r="CB12" s="315">
        <v>0</v>
      </c>
      <c r="CC12" s="312">
        <v>0</v>
      </c>
      <c r="CD12" s="314">
        <v>0</v>
      </c>
      <c r="CE12" s="315">
        <v>0</v>
      </c>
      <c r="CF12" s="315">
        <v>0</v>
      </c>
      <c r="CG12" s="315">
        <v>0</v>
      </c>
      <c r="CH12" s="315">
        <v>1</v>
      </c>
      <c r="CI12" s="315">
        <v>0</v>
      </c>
      <c r="CJ12" s="312">
        <v>1</v>
      </c>
      <c r="CK12" s="317">
        <v>1</v>
      </c>
      <c r="CL12" s="311">
        <v>0</v>
      </c>
      <c r="CM12" s="315">
        <v>0</v>
      </c>
      <c r="CN12" s="312">
        <v>0</v>
      </c>
      <c r="CO12" s="314">
        <v>0</v>
      </c>
      <c r="CP12" s="315">
        <v>7</v>
      </c>
      <c r="CQ12" s="315">
        <v>3</v>
      </c>
      <c r="CR12" s="315">
        <v>11</v>
      </c>
      <c r="CS12" s="315">
        <v>11</v>
      </c>
      <c r="CT12" s="315">
        <v>12</v>
      </c>
      <c r="CU12" s="312">
        <v>44</v>
      </c>
      <c r="CV12" s="317">
        <v>44</v>
      </c>
    </row>
    <row r="13" spans="1:100" ht="21" customHeight="1" x14ac:dyDescent="0.2">
      <c r="A13" s="296" t="s">
        <v>10</v>
      </c>
      <c r="B13" s="311">
        <v>0</v>
      </c>
      <c r="C13" s="312">
        <v>0</v>
      </c>
      <c r="D13" s="313">
        <v>0</v>
      </c>
      <c r="E13" s="314">
        <v>0</v>
      </c>
      <c r="F13" s="315">
        <v>20</v>
      </c>
      <c r="G13" s="315">
        <v>12</v>
      </c>
      <c r="H13" s="315">
        <v>11</v>
      </c>
      <c r="I13" s="315">
        <v>13</v>
      </c>
      <c r="J13" s="315">
        <v>9</v>
      </c>
      <c r="K13" s="316">
        <v>65</v>
      </c>
      <c r="L13" s="317">
        <v>65</v>
      </c>
      <c r="M13" s="311">
        <v>0</v>
      </c>
      <c r="N13" s="315">
        <v>0</v>
      </c>
      <c r="O13" s="312">
        <v>0</v>
      </c>
      <c r="P13" s="314">
        <v>0</v>
      </c>
      <c r="Q13" s="315">
        <v>11</v>
      </c>
      <c r="R13" s="315">
        <v>10</v>
      </c>
      <c r="S13" s="315">
        <v>15</v>
      </c>
      <c r="T13" s="315">
        <v>10</v>
      </c>
      <c r="U13" s="315">
        <v>10</v>
      </c>
      <c r="V13" s="312">
        <v>56</v>
      </c>
      <c r="W13" s="317">
        <v>56</v>
      </c>
      <c r="X13" s="311">
        <v>0</v>
      </c>
      <c r="Y13" s="315">
        <v>0</v>
      </c>
      <c r="Z13" s="312">
        <v>0</v>
      </c>
      <c r="AA13" s="314">
        <v>0</v>
      </c>
      <c r="AB13" s="315">
        <v>562</v>
      </c>
      <c r="AC13" s="315">
        <v>248</v>
      </c>
      <c r="AD13" s="315">
        <v>128</v>
      </c>
      <c r="AE13" s="315">
        <v>52</v>
      </c>
      <c r="AF13" s="315">
        <v>31</v>
      </c>
      <c r="AG13" s="312">
        <v>1021</v>
      </c>
      <c r="AH13" s="317">
        <v>1021</v>
      </c>
      <c r="AI13" s="311">
        <v>0</v>
      </c>
      <c r="AJ13" s="315">
        <v>1</v>
      </c>
      <c r="AK13" s="312">
        <v>1</v>
      </c>
      <c r="AL13" s="314">
        <v>0</v>
      </c>
      <c r="AM13" s="315">
        <v>18</v>
      </c>
      <c r="AN13" s="315">
        <v>17</v>
      </c>
      <c r="AO13" s="315">
        <v>18</v>
      </c>
      <c r="AP13" s="315">
        <v>8</v>
      </c>
      <c r="AQ13" s="315">
        <v>8</v>
      </c>
      <c r="AR13" s="312">
        <v>69</v>
      </c>
      <c r="AS13" s="317">
        <v>70</v>
      </c>
      <c r="AT13" s="311">
        <v>8</v>
      </c>
      <c r="AU13" s="315">
        <v>22</v>
      </c>
      <c r="AV13" s="312">
        <v>30</v>
      </c>
      <c r="AW13" s="314">
        <v>0</v>
      </c>
      <c r="AX13" s="315">
        <v>102</v>
      </c>
      <c r="AY13" s="315">
        <v>92</v>
      </c>
      <c r="AZ13" s="315">
        <v>82</v>
      </c>
      <c r="BA13" s="315">
        <v>59</v>
      </c>
      <c r="BB13" s="315">
        <v>31</v>
      </c>
      <c r="BC13" s="312">
        <v>366</v>
      </c>
      <c r="BD13" s="317">
        <v>396</v>
      </c>
      <c r="BE13" s="311">
        <v>0</v>
      </c>
      <c r="BF13" s="315">
        <v>4</v>
      </c>
      <c r="BG13" s="312">
        <v>4</v>
      </c>
      <c r="BH13" s="314">
        <v>0</v>
      </c>
      <c r="BI13" s="315">
        <v>127</v>
      </c>
      <c r="BJ13" s="315">
        <v>126</v>
      </c>
      <c r="BK13" s="315">
        <v>79</v>
      </c>
      <c r="BL13" s="315">
        <v>83</v>
      </c>
      <c r="BM13" s="315">
        <v>79</v>
      </c>
      <c r="BN13" s="316">
        <v>494</v>
      </c>
      <c r="BO13" s="317">
        <v>498</v>
      </c>
      <c r="BP13" s="311">
        <v>0</v>
      </c>
      <c r="BQ13" s="315">
        <v>0</v>
      </c>
      <c r="BR13" s="312">
        <v>0</v>
      </c>
      <c r="BS13" s="314">
        <v>0</v>
      </c>
      <c r="BT13" s="315">
        <v>25</v>
      </c>
      <c r="BU13" s="315">
        <v>34</v>
      </c>
      <c r="BV13" s="315">
        <v>36</v>
      </c>
      <c r="BW13" s="315">
        <v>26</v>
      </c>
      <c r="BX13" s="315">
        <v>27</v>
      </c>
      <c r="BY13" s="312">
        <v>148</v>
      </c>
      <c r="BZ13" s="317">
        <v>148</v>
      </c>
      <c r="CA13" s="311">
        <v>0</v>
      </c>
      <c r="CB13" s="315">
        <v>0</v>
      </c>
      <c r="CC13" s="312">
        <v>0</v>
      </c>
      <c r="CD13" s="314">
        <v>0</v>
      </c>
      <c r="CE13" s="315">
        <v>1</v>
      </c>
      <c r="CF13" s="315">
        <v>0</v>
      </c>
      <c r="CG13" s="315">
        <v>4</v>
      </c>
      <c r="CH13" s="315">
        <v>20</v>
      </c>
      <c r="CI13" s="315">
        <v>20</v>
      </c>
      <c r="CJ13" s="312">
        <v>45</v>
      </c>
      <c r="CK13" s="317">
        <v>45</v>
      </c>
      <c r="CL13" s="311">
        <v>0</v>
      </c>
      <c r="CM13" s="315">
        <v>0</v>
      </c>
      <c r="CN13" s="312">
        <v>0</v>
      </c>
      <c r="CO13" s="314">
        <v>0</v>
      </c>
      <c r="CP13" s="315">
        <v>13</v>
      </c>
      <c r="CQ13" s="315">
        <v>19</v>
      </c>
      <c r="CR13" s="315">
        <v>29</v>
      </c>
      <c r="CS13" s="315">
        <v>26</v>
      </c>
      <c r="CT13" s="315">
        <v>23</v>
      </c>
      <c r="CU13" s="312">
        <v>110</v>
      </c>
      <c r="CV13" s="317">
        <v>110</v>
      </c>
    </row>
    <row r="14" spans="1:100" ht="21" customHeight="1" x14ac:dyDescent="0.2">
      <c r="A14" s="296" t="s">
        <v>11</v>
      </c>
      <c r="B14" s="311">
        <v>0</v>
      </c>
      <c r="C14" s="312">
        <v>0</v>
      </c>
      <c r="D14" s="313">
        <v>0</v>
      </c>
      <c r="E14" s="314">
        <v>0</v>
      </c>
      <c r="F14" s="315">
        <v>9</v>
      </c>
      <c r="G14" s="315">
        <v>6</v>
      </c>
      <c r="H14" s="315">
        <v>5</v>
      </c>
      <c r="I14" s="315">
        <v>3</v>
      </c>
      <c r="J14" s="315">
        <v>8</v>
      </c>
      <c r="K14" s="316">
        <v>31</v>
      </c>
      <c r="L14" s="317">
        <v>31</v>
      </c>
      <c r="M14" s="311">
        <v>0</v>
      </c>
      <c r="N14" s="315">
        <v>0</v>
      </c>
      <c r="O14" s="312">
        <v>0</v>
      </c>
      <c r="P14" s="314">
        <v>0</v>
      </c>
      <c r="Q14" s="315">
        <v>11</v>
      </c>
      <c r="R14" s="315">
        <v>12</v>
      </c>
      <c r="S14" s="315">
        <v>10</v>
      </c>
      <c r="T14" s="315">
        <v>7</v>
      </c>
      <c r="U14" s="315">
        <v>4</v>
      </c>
      <c r="V14" s="312">
        <v>44</v>
      </c>
      <c r="W14" s="317">
        <v>44</v>
      </c>
      <c r="X14" s="311">
        <v>0</v>
      </c>
      <c r="Y14" s="315">
        <v>0</v>
      </c>
      <c r="Z14" s="312">
        <v>0</v>
      </c>
      <c r="AA14" s="314">
        <v>0</v>
      </c>
      <c r="AB14" s="315">
        <v>562</v>
      </c>
      <c r="AC14" s="315">
        <v>268</v>
      </c>
      <c r="AD14" s="315">
        <v>152</v>
      </c>
      <c r="AE14" s="315">
        <v>80</v>
      </c>
      <c r="AF14" s="315">
        <v>26</v>
      </c>
      <c r="AG14" s="312">
        <v>1088</v>
      </c>
      <c r="AH14" s="317">
        <v>1088</v>
      </c>
      <c r="AI14" s="311">
        <v>0</v>
      </c>
      <c r="AJ14" s="315">
        <v>2</v>
      </c>
      <c r="AK14" s="312">
        <v>2</v>
      </c>
      <c r="AL14" s="314">
        <v>0</v>
      </c>
      <c r="AM14" s="315">
        <v>19</v>
      </c>
      <c r="AN14" s="315">
        <v>12</v>
      </c>
      <c r="AO14" s="315">
        <v>11</v>
      </c>
      <c r="AP14" s="315">
        <v>1</v>
      </c>
      <c r="AQ14" s="315">
        <v>1</v>
      </c>
      <c r="AR14" s="312">
        <v>44</v>
      </c>
      <c r="AS14" s="317">
        <v>46</v>
      </c>
      <c r="AT14" s="311">
        <v>5</v>
      </c>
      <c r="AU14" s="315">
        <v>5</v>
      </c>
      <c r="AV14" s="312">
        <v>10</v>
      </c>
      <c r="AW14" s="314">
        <v>0</v>
      </c>
      <c r="AX14" s="315">
        <v>37</v>
      </c>
      <c r="AY14" s="315">
        <v>44</v>
      </c>
      <c r="AZ14" s="315">
        <v>24</v>
      </c>
      <c r="BA14" s="315">
        <v>17</v>
      </c>
      <c r="BB14" s="315">
        <v>6</v>
      </c>
      <c r="BC14" s="312">
        <v>128</v>
      </c>
      <c r="BD14" s="317">
        <v>138</v>
      </c>
      <c r="BE14" s="311">
        <v>0</v>
      </c>
      <c r="BF14" s="315">
        <v>4</v>
      </c>
      <c r="BG14" s="312">
        <v>4</v>
      </c>
      <c r="BH14" s="314">
        <v>0</v>
      </c>
      <c r="BI14" s="315">
        <v>63</v>
      </c>
      <c r="BJ14" s="315">
        <v>81</v>
      </c>
      <c r="BK14" s="315">
        <v>63</v>
      </c>
      <c r="BL14" s="315">
        <v>52</v>
      </c>
      <c r="BM14" s="315">
        <v>31</v>
      </c>
      <c r="BN14" s="316">
        <v>290</v>
      </c>
      <c r="BO14" s="317">
        <v>294</v>
      </c>
      <c r="BP14" s="311">
        <v>0</v>
      </c>
      <c r="BQ14" s="315">
        <v>0</v>
      </c>
      <c r="BR14" s="312">
        <v>0</v>
      </c>
      <c r="BS14" s="314">
        <v>0</v>
      </c>
      <c r="BT14" s="315">
        <v>0</v>
      </c>
      <c r="BU14" s="315">
        <v>0</v>
      </c>
      <c r="BV14" s="315">
        <v>0</v>
      </c>
      <c r="BW14" s="315">
        <v>0</v>
      </c>
      <c r="BX14" s="315">
        <v>0</v>
      </c>
      <c r="BY14" s="312">
        <v>0</v>
      </c>
      <c r="BZ14" s="317">
        <v>0</v>
      </c>
      <c r="CA14" s="311">
        <v>0</v>
      </c>
      <c r="CB14" s="315">
        <v>0</v>
      </c>
      <c r="CC14" s="312">
        <v>0</v>
      </c>
      <c r="CD14" s="314">
        <v>0</v>
      </c>
      <c r="CE14" s="315">
        <v>0</v>
      </c>
      <c r="CF14" s="315">
        <v>1</v>
      </c>
      <c r="CG14" s="315">
        <v>1</v>
      </c>
      <c r="CH14" s="315">
        <v>0</v>
      </c>
      <c r="CI14" s="315">
        <v>0</v>
      </c>
      <c r="CJ14" s="312">
        <v>2</v>
      </c>
      <c r="CK14" s="317">
        <v>2</v>
      </c>
      <c r="CL14" s="311">
        <v>0</v>
      </c>
      <c r="CM14" s="315">
        <v>0</v>
      </c>
      <c r="CN14" s="312">
        <v>0</v>
      </c>
      <c r="CO14" s="314">
        <v>0</v>
      </c>
      <c r="CP14" s="315">
        <v>4</v>
      </c>
      <c r="CQ14" s="315">
        <v>3</v>
      </c>
      <c r="CR14" s="315">
        <v>3</v>
      </c>
      <c r="CS14" s="315">
        <v>5</v>
      </c>
      <c r="CT14" s="315">
        <v>3</v>
      </c>
      <c r="CU14" s="312">
        <v>18</v>
      </c>
      <c r="CV14" s="317">
        <v>18</v>
      </c>
    </row>
    <row r="15" spans="1:100" ht="21" customHeight="1" x14ac:dyDescent="0.2">
      <c r="A15" s="296" t="s">
        <v>12</v>
      </c>
      <c r="B15" s="311">
        <v>0</v>
      </c>
      <c r="C15" s="312">
        <v>0</v>
      </c>
      <c r="D15" s="313">
        <v>0</v>
      </c>
      <c r="E15" s="314">
        <v>0</v>
      </c>
      <c r="F15" s="315">
        <v>11</v>
      </c>
      <c r="G15" s="315">
        <v>6</v>
      </c>
      <c r="H15" s="315">
        <v>3</v>
      </c>
      <c r="I15" s="315">
        <v>8</v>
      </c>
      <c r="J15" s="315">
        <v>2</v>
      </c>
      <c r="K15" s="316">
        <v>30</v>
      </c>
      <c r="L15" s="317">
        <v>30</v>
      </c>
      <c r="M15" s="311">
        <v>0</v>
      </c>
      <c r="N15" s="315">
        <v>0</v>
      </c>
      <c r="O15" s="312">
        <v>0</v>
      </c>
      <c r="P15" s="314">
        <v>0</v>
      </c>
      <c r="Q15" s="315">
        <v>0</v>
      </c>
      <c r="R15" s="315">
        <v>0</v>
      </c>
      <c r="S15" s="315">
        <v>0</v>
      </c>
      <c r="T15" s="315">
        <v>0</v>
      </c>
      <c r="U15" s="315">
        <v>0</v>
      </c>
      <c r="V15" s="312">
        <v>0</v>
      </c>
      <c r="W15" s="317">
        <v>0</v>
      </c>
      <c r="X15" s="311">
        <v>0</v>
      </c>
      <c r="Y15" s="315">
        <v>0</v>
      </c>
      <c r="Z15" s="312">
        <v>0</v>
      </c>
      <c r="AA15" s="314">
        <v>0</v>
      </c>
      <c r="AB15" s="315">
        <v>413</v>
      </c>
      <c r="AC15" s="315">
        <v>250</v>
      </c>
      <c r="AD15" s="315">
        <v>135</v>
      </c>
      <c r="AE15" s="315">
        <v>61</v>
      </c>
      <c r="AF15" s="315">
        <v>41</v>
      </c>
      <c r="AG15" s="312">
        <v>900</v>
      </c>
      <c r="AH15" s="317">
        <v>900</v>
      </c>
      <c r="AI15" s="311">
        <v>0</v>
      </c>
      <c r="AJ15" s="315">
        <v>0</v>
      </c>
      <c r="AK15" s="312">
        <v>0</v>
      </c>
      <c r="AL15" s="314">
        <v>0</v>
      </c>
      <c r="AM15" s="315">
        <v>7</v>
      </c>
      <c r="AN15" s="315">
        <v>6</v>
      </c>
      <c r="AO15" s="315">
        <v>0</v>
      </c>
      <c r="AP15" s="315">
        <v>0</v>
      </c>
      <c r="AQ15" s="315">
        <v>0</v>
      </c>
      <c r="AR15" s="312">
        <v>13</v>
      </c>
      <c r="AS15" s="317">
        <v>13</v>
      </c>
      <c r="AT15" s="311">
        <v>1</v>
      </c>
      <c r="AU15" s="315">
        <v>0</v>
      </c>
      <c r="AV15" s="312">
        <v>1</v>
      </c>
      <c r="AW15" s="314">
        <v>0</v>
      </c>
      <c r="AX15" s="315">
        <v>21</v>
      </c>
      <c r="AY15" s="315">
        <v>35</v>
      </c>
      <c r="AZ15" s="315">
        <v>47</v>
      </c>
      <c r="BA15" s="315">
        <v>36</v>
      </c>
      <c r="BB15" s="315">
        <v>28</v>
      </c>
      <c r="BC15" s="312">
        <v>167</v>
      </c>
      <c r="BD15" s="317">
        <v>168</v>
      </c>
      <c r="BE15" s="311">
        <v>0</v>
      </c>
      <c r="BF15" s="315">
        <v>0</v>
      </c>
      <c r="BG15" s="312">
        <v>0</v>
      </c>
      <c r="BH15" s="314">
        <v>0</v>
      </c>
      <c r="BI15" s="315">
        <v>48</v>
      </c>
      <c r="BJ15" s="315">
        <v>48</v>
      </c>
      <c r="BK15" s="315">
        <v>44</v>
      </c>
      <c r="BL15" s="315">
        <v>34</v>
      </c>
      <c r="BM15" s="315">
        <v>34</v>
      </c>
      <c r="BN15" s="316">
        <v>208</v>
      </c>
      <c r="BO15" s="317">
        <v>208</v>
      </c>
      <c r="BP15" s="311">
        <v>0</v>
      </c>
      <c r="BQ15" s="315">
        <v>0</v>
      </c>
      <c r="BR15" s="312">
        <v>0</v>
      </c>
      <c r="BS15" s="314">
        <v>0</v>
      </c>
      <c r="BT15" s="315">
        <v>2</v>
      </c>
      <c r="BU15" s="315">
        <v>7</v>
      </c>
      <c r="BV15" s="315">
        <v>2</v>
      </c>
      <c r="BW15" s="315">
        <v>12</v>
      </c>
      <c r="BX15" s="315">
        <v>4</v>
      </c>
      <c r="BY15" s="312">
        <v>27</v>
      </c>
      <c r="BZ15" s="317">
        <v>27</v>
      </c>
      <c r="CA15" s="311">
        <v>0</v>
      </c>
      <c r="CB15" s="315">
        <v>0</v>
      </c>
      <c r="CC15" s="312">
        <v>0</v>
      </c>
      <c r="CD15" s="314">
        <v>0</v>
      </c>
      <c r="CE15" s="315">
        <v>1</v>
      </c>
      <c r="CF15" s="315">
        <v>0</v>
      </c>
      <c r="CG15" s="315">
        <v>15</v>
      </c>
      <c r="CH15" s="315">
        <v>8</v>
      </c>
      <c r="CI15" s="315">
        <v>4</v>
      </c>
      <c r="CJ15" s="312">
        <v>28</v>
      </c>
      <c r="CK15" s="317">
        <v>28</v>
      </c>
      <c r="CL15" s="311">
        <v>0</v>
      </c>
      <c r="CM15" s="315">
        <v>0</v>
      </c>
      <c r="CN15" s="312">
        <v>0</v>
      </c>
      <c r="CO15" s="314">
        <v>0</v>
      </c>
      <c r="CP15" s="315">
        <v>10</v>
      </c>
      <c r="CQ15" s="315">
        <v>9</v>
      </c>
      <c r="CR15" s="315">
        <v>15</v>
      </c>
      <c r="CS15" s="315">
        <v>24</v>
      </c>
      <c r="CT15" s="315">
        <v>17</v>
      </c>
      <c r="CU15" s="312">
        <v>75</v>
      </c>
      <c r="CV15" s="317">
        <v>75</v>
      </c>
    </row>
    <row r="16" spans="1:100" ht="21" customHeight="1" x14ac:dyDescent="0.2">
      <c r="A16" s="296" t="s">
        <v>13</v>
      </c>
      <c r="B16" s="311">
        <v>0</v>
      </c>
      <c r="C16" s="312">
        <v>0</v>
      </c>
      <c r="D16" s="313">
        <v>0</v>
      </c>
      <c r="E16" s="314">
        <v>0</v>
      </c>
      <c r="F16" s="315">
        <v>0</v>
      </c>
      <c r="G16" s="315">
        <v>1</v>
      </c>
      <c r="H16" s="315">
        <v>1</v>
      </c>
      <c r="I16" s="315">
        <v>0</v>
      </c>
      <c r="J16" s="315">
        <v>0</v>
      </c>
      <c r="K16" s="316">
        <v>2</v>
      </c>
      <c r="L16" s="317">
        <v>2</v>
      </c>
      <c r="M16" s="311">
        <v>0</v>
      </c>
      <c r="N16" s="315">
        <v>0</v>
      </c>
      <c r="O16" s="312">
        <v>0</v>
      </c>
      <c r="P16" s="314">
        <v>0</v>
      </c>
      <c r="Q16" s="315">
        <v>0</v>
      </c>
      <c r="R16" s="315">
        <v>0</v>
      </c>
      <c r="S16" s="315">
        <v>0</v>
      </c>
      <c r="T16" s="315">
        <v>0</v>
      </c>
      <c r="U16" s="315">
        <v>0</v>
      </c>
      <c r="V16" s="312">
        <v>0</v>
      </c>
      <c r="W16" s="317">
        <v>0</v>
      </c>
      <c r="X16" s="311">
        <v>0</v>
      </c>
      <c r="Y16" s="315">
        <v>0</v>
      </c>
      <c r="Z16" s="312">
        <v>0</v>
      </c>
      <c r="AA16" s="314">
        <v>0</v>
      </c>
      <c r="AB16" s="315">
        <v>125</v>
      </c>
      <c r="AC16" s="315">
        <v>115</v>
      </c>
      <c r="AD16" s="315">
        <v>54</v>
      </c>
      <c r="AE16" s="315">
        <v>33</v>
      </c>
      <c r="AF16" s="315">
        <v>10</v>
      </c>
      <c r="AG16" s="312">
        <v>337</v>
      </c>
      <c r="AH16" s="317">
        <v>337</v>
      </c>
      <c r="AI16" s="311">
        <v>0</v>
      </c>
      <c r="AJ16" s="315">
        <v>0</v>
      </c>
      <c r="AK16" s="312">
        <v>0</v>
      </c>
      <c r="AL16" s="314">
        <v>0</v>
      </c>
      <c r="AM16" s="315">
        <v>2</v>
      </c>
      <c r="AN16" s="315">
        <v>4</v>
      </c>
      <c r="AO16" s="315">
        <v>8</v>
      </c>
      <c r="AP16" s="315">
        <v>6</v>
      </c>
      <c r="AQ16" s="315">
        <v>4</v>
      </c>
      <c r="AR16" s="312">
        <v>24</v>
      </c>
      <c r="AS16" s="317">
        <v>24</v>
      </c>
      <c r="AT16" s="311">
        <v>1</v>
      </c>
      <c r="AU16" s="315">
        <v>3</v>
      </c>
      <c r="AV16" s="312">
        <v>4</v>
      </c>
      <c r="AW16" s="314">
        <v>0</v>
      </c>
      <c r="AX16" s="315">
        <v>16</v>
      </c>
      <c r="AY16" s="315">
        <v>12</v>
      </c>
      <c r="AZ16" s="315">
        <v>2</v>
      </c>
      <c r="BA16" s="315">
        <v>1</v>
      </c>
      <c r="BB16" s="315">
        <v>1</v>
      </c>
      <c r="BC16" s="312">
        <v>32</v>
      </c>
      <c r="BD16" s="317">
        <v>36</v>
      </c>
      <c r="BE16" s="311">
        <v>0</v>
      </c>
      <c r="BF16" s="315">
        <v>0</v>
      </c>
      <c r="BG16" s="312">
        <v>0</v>
      </c>
      <c r="BH16" s="314">
        <v>0</v>
      </c>
      <c r="BI16" s="315">
        <v>12</v>
      </c>
      <c r="BJ16" s="315">
        <v>16</v>
      </c>
      <c r="BK16" s="315">
        <v>25</v>
      </c>
      <c r="BL16" s="315">
        <v>13</v>
      </c>
      <c r="BM16" s="315">
        <v>10</v>
      </c>
      <c r="BN16" s="316">
        <v>76</v>
      </c>
      <c r="BO16" s="317">
        <v>76</v>
      </c>
      <c r="BP16" s="311">
        <v>0</v>
      </c>
      <c r="BQ16" s="315">
        <v>0</v>
      </c>
      <c r="BR16" s="312">
        <v>0</v>
      </c>
      <c r="BS16" s="314">
        <v>0</v>
      </c>
      <c r="BT16" s="315">
        <v>0</v>
      </c>
      <c r="BU16" s="315">
        <v>0</v>
      </c>
      <c r="BV16" s="315">
        <v>4</v>
      </c>
      <c r="BW16" s="315">
        <v>9</v>
      </c>
      <c r="BX16" s="315">
        <v>4</v>
      </c>
      <c r="BY16" s="312">
        <v>17</v>
      </c>
      <c r="BZ16" s="317">
        <v>17</v>
      </c>
      <c r="CA16" s="311">
        <v>0</v>
      </c>
      <c r="CB16" s="315">
        <v>0</v>
      </c>
      <c r="CC16" s="312">
        <v>0</v>
      </c>
      <c r="CD16" s="314">
        <v>0</v>
      </c>
      <c r="CE16" s="315">
        <v>0</v>
      </c>
      <c r="CF16" s="315">
        <v>0</v>
      </c>
      <c r="CG16" s="315">
        <v>0</v>
      </c>
      <c r="CH16" s="315">
        <v>0</v>
      </c>
      <c r="CI16" s="315">
        <v>0</v>
      </c>
      <c r="CJ16" s="312">
        <v>0</v>
      </c>
      <c r="CK16" s="317">
        <v>0</v>
      </c>
      <c r="CL16" s="311">
        <v>0</v>
      </c>
      <c r="CM16" s="315">
        <v>0</v>
      </c>
      <c r="CN16" s="312">
        <v>0</v>
      </c>
      <c r="CO16" s="314">
        <v>0</v>
      </c>
      <c r="CP16" s="315">
        <v>0</v>
      </c>
      <c r="CQ16" s="315">
        <v>0</v>
      </c>
      <c r="CR16" s="315">
        <v>0</v>
      </c>
      <c r="CS16" s="315">
        <v>0</v>
      </c>
      <c r="CT16" s="315">
        <v>0</v>
      </c>
      <c r="CU16" s="312">
        <v>0</v>
      </c>
      <c r="CV16" s="317">
        <v>0</v>
      </c>
    </row>
    <row r="17" spans="1:100" ht="21" customHeight="1" x14ac:dyDescent="0.2">
      <c r="A17" s="296" t="s">
        <v>15</v>
      </c>
      <c r="B17" s="311">
        <v>0</v>
      </c>
      <c r="C17" s="312">
        <v>0</v>
      </c>
      <c r="D17" s="313">
        <v>0</v>
      </c>
      <c r="E17" s="314">
        <v>0</v>
      </c>
      <c r="F17" s="315">
        <v>4</v>
      </c>
      <c r="G17" s="315">
        <v>1</v>
      </c>
      <c r="H17" s="315">
        <v>6</v>
      </c>
      <c r="I17" s="315">
        <v>4</v>
      </c>
      <c r="J17" s="315">
        <v>5</v>
      </c>
      <c r="K17" s="316">
        <v>20</v>
      </c>
      <c r="L17" s="317">
        <v>20</v>
      </c>
      <c r="M17" s="311">
        <v>0</v>
      </c>
      <c r="N17" s="315">
        <v>0</v>
      </c>
      <c r="O17" s="312">
        <v>0</v>
      </c>
      <c r="P17" s="314">
        <v>0</v>
      </c>
      <c r="Q17" s="315">
        <v>0</v>
      </c>
      <c r="R17" s="315">
        <v>0</v>
      </c>
      <c r="S17" s="315">
        <v>0</v>
      </c>
      <c r="T17" s="315">
        <v>0</v>
      </c>
      <c r="U17" s="315">
        <v>0</v>
      </c>
      <c r="V17" s="312">
        <v>0</v>
      </c>
      <c r="W17" s="317">
        <v>0</v>
      </c>
      <c r="X17" s="311">
        <v>0</v>
      </c>
      <c r="Y17" s="315">
        <v>0</v>
      </c>
      <c r="Z17" s="312">
        <v>0</v>
      </c>
      <c r="AA17" s="314">
        <v>0</v>
      </c>
      <c r="AB17" s="315">
        <v>148</v>
      </c>
      <c r="AC17" s="315">
        <v>171</v>
      </c>
      <c r="AD17" s="315">
        <v>65</v>
      </c>
      <c r="AE17" s="315">
        <v>39</v>
      </c>
      <c r="AF17" s="315">
        <v>10</v>
      </c>
      <c r="AG17" s="312">
        <v>433</v>
      </c>
      <c r="AH17" s="317">
        <v>433</v>
      </c>
      <c r="AI17" s="311">
        <v>0</v>
      </c>
      <c r="AJ17" s="315">
        <v>0</v>
      </c>
      <c r="AK17" s="312">
        <v>0</v>
      </c>
      <c r="AL17" s="314">
        <v>0</v>
      </c>
      <c r="AM17" s="315">
        <v>4</v>
      </c>
      <c r="AN17" s="315">
        <v>8</v>
      </c>
      <c r="AO17" s="315">
        <v>7</v>
      </c>
      <c r="AP17" s="315">
        <v>3</v>
      </c>
      <c r="AQ17" s="315">
        <v>2</v>
      </c>
      <c r="AR17" s="312">
        <v>24</v>
      </c>
      <c r="AS17" s="317">
        <v>24</v>
      </c>
      <c r="AT17" s="311">
        <v>5</v>
      </c>
      <c r="AU17" s="315">
        <v>13</v>
      </c>
      <c r="AV17" s="312">
        <v>18</v>
      </c>
      <c r="AW17" s="314">
        <v>0</v>
      </c>
      <c r="AX17" s="315">
        <v>19</v>
      </c>
      <c r="AY17" s="315">
        <v>23</v>
      </c>
      <c r="AZ17" s="315">
        <v>14</v>
      </c>
      <c r="BA17" s="315">
        <v>12</v>
      </c>
      <c r="BB17" s="315">
        <v>5</v>
      </c>
      <c r="BC17" s="312">
        <v>73</v>
      </c>
      <c r="BD17" s="317">
        <v>91</v>
      </c>
      <c r="BE17" s="311">
        <v>0</v>
      </c>
      <c r="BF17" s="315">
        <v>1</v>
      </c>
      <c r="BG17" s="312">
        <v>1</v>
      </c>
      <c r="BH17" s="314">
        <v>0</v>
      </c>
      <c r="BI17" s="315">
        <v>44</v>
      </c>
      <c r="BJ17" s="315">
        <v>33</v>
      </c>
      <c r="BK17" s="315">
        <v>38</v>
      </c>
      <c r="BL17" s="315">
        <v>27</v>
      </c>
      <c r="BM17" s="315">
        <v>14</v>
      </c>
      <c r="BN17" s="316">
        <v>156</v>
      </c>
      <c r="BO17" s="317">
        <v>157</v>
      </c>
      <c r="BP17" s="311">
        <v>0</v>
      </c>
      <c r="BQ17" s="315">
        <v>0</v>
      </c>
      <c r="BR17" s="312">
        <v>0</v>
      </c>
      <c r="BS17" s="314">
        <v>0</v>
      </c>
      <c r="BT17" s="315">
        <v>0</v>
      </c>
      <c r="BU17" s="315">
        <v>0</v>
      </c>
      <c r="BV17" s="315">
        <v>0</v>
      </c>
      <c r="BW17" s="315">
        <v>0</v>
      </c>
      <c r="BX17" s="315">
        <v>0</v>
      </c>
      <c r="BY17" s="312">
        <v>0</v>
      </c>
      <c r="BZ17" s="317">
        <v>0</v>
      </c>
      <c r="CA17" s="311">
        <v>0</v>
      </c>
      <c r="CB17" s="315">
        <v>0</v>
      </c>
      <c r="CC17" s="312">
        <v>0</v>
      </c>
      <c r="CD17" s="314">
        <v>0</v>
      </c>
      <c r="CE17" s="315">
        <v>0</v>
      </c>
      <c r="CF17" s="315">
        <v>0</v>
      </c>
      <c r="CG17" s="315">
        <v>12</v>
      </c>
      <c r="CH17" s="315">
        <v>10</v>
      </c>
      <c r="CI17" s="315">
        <v>5</v>
      </c>
      <c r="CJ17" s="312">
        <v>27</v>
      </c>
      <c r="CK17" s="317">
        <v>27</v>
      </c>
      <c r="CL17" s="311">
        <v>0</v>
      </c>
      <c r="CM17" s="315">
        <v>0</v>
      </c>
      <c r="CN17" s="312">
        <v>0</v>
      </c>
      <c r="CO17" s="314">
        <v>0</v>
      </c>
      <c r="CP17" s="315">
        <v>0</v>
      </c>
      <c r="CQ17" s="315">
        <v>0</v>
      </c>
      <c r="CR17" s="315">
        <v>0</v>
      </c>
      <c r="CS17" s="315">
        <v>0</v>
      </c>
      <c r="CT17" s="315">
        <v>0</v>
      </c>
      <c r="CU17" s="312">
        <v>0</v>
      </c>
      <c r="CV17" s="317">
        <v>0</v>
      </c>
    </row>
    <row r="18" spans="1:100" ht="21" customHeight="1" x14ac:dyDescent="0.2">
      <c r="A18" s="296" t="s">
        <v>16</v>
      </c>
      <c r="B18" s="311">
        <v>0</v>
      </c>
      <c r="C18" s="312">
        <v>0</v>
      </c>
      <c r="D18" s="313">
        <v>0</v>
      </c>
      <c r="E18" s="314">
        <v>0</v>
      </c>
      <c r="F18" s="315">
        <v>10</v>
      </c>
      <c r="G18" s="315">
        <v>12</v>
      </c>
      <c r="H18" s="315">
        <v>9</v>
      </c>
      <c r="I18" s="315">
        <v>13</v>
      </c>
      <c r="J18" s="315">
        <v>7</v>
      </c>
      <c r="K18" s="316">
        <v>51</v>
      </c>
      <c r="L18" s="317">
        <v>51</v>
      </c>
      <c r="M18" s="311">
        <v>0</v>
      </c>
      <c r="N18" s="315">
        <v>0</v>
      </c>
      <c r="O18" s="312">
        <v>0</v>
      </c>
      <c r="P18" s="314">
        <v>0</v>
      </c>
      <c r="Q18" s="315">
        <v>0</v>
      </c>
      <c r="R18" s="315">
        <v>4</v>
      </c>
      <c r="S18" s="315">
        <v>5</v>
      </c>
      <c r="T18" s="315">
        <v>2</v>
      </c>
      <c r="U18" s="315">
        <v>0</v>
      </c>
      <c r="V18" s="312">
        <v>11</v>
      </c>
      <c r="W18" s="317">
        <v>11</v>
      </c>
      <c r="X18" s="311">
        <v>0</v>
      </c>
      <c r="Y18" s="315">
        <v>0</v>
      </c>
      <c r="Z18" s="312">
        <v>0</v>
      </c>
      <c r="AA18" s="314">
        <v>0</v>
      </c>
      <c r="AB18" s="315">
        <v>169</v>
      </c>
      <c r="AC18" s="315">
        <v>185</v>
      </c>
      <c r="AD18" s="315">
        <v>91</v>
      </c>
      <c r="AE18" s="315">
        <v>46</v>
      </c>
      <c r="AF18" s="315">
        <v>18</v>
      </c>
      <c r="AG18" s="312">
        <v>509</v>
      </c>
      <c r="AH18" s="317">
        <v>509</v>
      </c>
      <c r="AI18" s="311">
        <v>0</v>
      </c>
      <c r="AJ18" s="315">
        <v>0</v>
      </c>
      <c r="AK18" s="312">
        <v>0</v>
      </c>
      <c r="AL18" s="314">
        <v>0</v>
      </c>
      <c r="AM18" s="315">
        <v>4</v>
      </c>
      <c r="AN18" s="315">
        <v>12</v>
      </c>
      <c r="AO18" s="315">
        <v>7</v>
      </c>
      <c r="AP18" s="315">
        <v>4</v>
      </c>
      <c r="AQ18" s="315">
        <v>4</v>
      </c>
      <c r="AR18" s="312">
        <v>31</v>
      </c>
      <c r="AS18" s="317">
        <v>31</v>
      </c>
      <c r="AT18" s="311">
        <v>2</v>
      </c>
      <c r="AU18" s="315">
        <v>1</v>
      </c>
      <c r="AV18" s="312">
        <v>3</v>
      </c>
      <c r="AW18" s="314">
        <v>0</v>
      </c>
      <c r="AX18" s="315">
        <v>9</v>
      </c>
      <c r="AY18" s="315">
        <v>22</v>
      </c>
      <c r="AZ18" s="315">
        <v>14</v>
      </c>
      <c r="BA18" s="315">
        <v>11</v>
      </c>
      <c r="BB18" s="315">
        <v>12</v>
      </c>
      <c r="BC18" s="312">
        <v>68</v>
      </c>
      <c r="BD18" s="317">
        <v>71</v>
      </c>
      <c r="BE18" s="311">
        <v>0</v>
      </c>
      <c r="BF18" s="315">
        <v>0</v>
      </c>
      <c r="BG18" s="312">
        <v>0</v>
      </c>
      <c r="BH18" s="314">
        <v>0</v>
      </c>
      <c r="BI18" s="315">
        <v>18</v>
      </c>
      <c r="BJ18" s="315">
        <v>55</v>
      </c>
      <c r="BK18" s="315">
        <v>56</v>
      </c>
      <c r="BL18" s="315">
        <v>33</v>
      </c>
      <c r="BM18" s="315">
        <v>24</v>
      </c>
      <c r="BN18" s="316">
        <v>186</v>
      </c>
      <c r="BO18" s="317">
        <v>186</v>
      </c>
      <c r="BP18" s="311">
        <v>0</v>
      </c>
      <c r="BQ18" s="315">
        <v>0</v>
      </c>
      <c r="BR18" s="312">
        <v>0</v>
      </c>
      <c r="BS18" s="314">
        <v>0</v>
      </c>
      <c r="BT18" s="315">
        <v>0</v>
      </c>
      <c r="BU18" s="315">
        <v>0</v>
      </c>
      <c r="BV18" s="315">
        <v>0</v>
      </c>
      <c r="BW18" s="315">
        <v>0</v>
      </c>
      <c r="BX18" s="315">
        <v>0</v>
      </c>
      <c r="BY18" s="312">
        <v>0</v>
      </c>
      <c r="BZ18" s="317">
        <v>0</v>
      </c>
      <c r="CA18" s="311">
        <v>0</v>
      </c>
      <c r="CB18" s="315">
        <v>0</v>
      </c>
      <c r="CC18" s="312">
        <v>0</v>
      </c>
      <c r="CD18" s="314">
        <v>0</v>
      </c>
      <c r="CE18" s="315">
        <v>1</v>
      </c>
      <c r="CF18" s="315">
        <v>2</v>
      </c>
      <c r="CG18" s="315">
        <v>9</v>
      </c>
      <c r="CH18" s="315">
        <v>8</v>
      </c>
      <c r="CI18" s="315">
        <v>9</v>
      </c>
      <c r="CJ18" s="312">
        <v>29</v>
      </c>
      <c r="CK18" s="317">
        <v>29</v>
      </c>
      <c r="CL18" s="311">
        <v>0</v>
      </c>
      <c r="CM18" s="315">
        <v>0</v>
      </c>
      <c r="CN18" s="312">
        <v>0</v>
      </c>
      <c r="CO18" s="314">
        <v>0</v>
      </c>
      <c r="CP18" s="315">
        <v>3</v>
      </c>
      <c r="CQ18" s="315">
        <v>5</v>
      </c>
      <c r="CR18" s="315">
        <v>6</v>
      </c>
      <c r="CS18" s="315">
        <v>1</v>
      </c>
      <c r="CT18" s="315">
        <v>4</v>
      </c>
      <c r="CU18" s="312">
        <v>19</v>
      </c>
      <c r="CV18" s="317">
        <v>19</v>
      </c>
    </row>
    <row r="19" spans="1:100" ht="21" customHeight="1" x14ac:dyDescent="0.2">
      <c r="A19" s="296" t="s">
        <v>17</v>
      </c>
      <c r="B19" s="311">
        <v>0</v>
      </c>
      <c r="C19" s="312">
        <v>0</v>
      </c>
      <c r="D19" s="313">
        <v>0</v>
      </c>
      <c r="E19" s="314">
        <v>0</v>
      </c>
      <c r="F19" s="315">
        <v>1</v>
      </c>
      <c r="G19" s="315">
        <v>2</v>
      </c>
      <c r="H19" s="315">
        <v>1</v>
      </c>
      <c r="I19" s="315">
        <v>4</v>
      </c>
      <c r="J19" s="315">
        <v>0</v>
      </c>
      <c r="K19" s="316">
        <v>8</v>
      </c>
      <c r="L19" s="317">
        <v>8</v>
      </c>
      <c r="M19" s="311">
        <v>0</v>
      </c>
      <c r="N19" s="315">
        <v>0</v>
      </c>
      <c r="O19" s="312">
        <v>0</v>
      </c>
      <c r="P19" s="314">
        <v>0</v>
      </c>
      <c r="Q19" s="315">
        <v>0</v>
      </c>
      <c r="R19" s="315">
        <v>0</v>
      </c>
      <c r="S19" s="315">
        <v>0</v>
      </c>
      <c r="T19" s="315">
        <v>0</v>
      </c>
      <c r="U19" s="315">
        <v>0</v>
      </c>
      <c r="V19" s="312">
        <v>0</v>
      </c>
      <c r="W19" s="317">
        <v>0</v>
      </c>
      <c r="X19" s="311">
        <v>0</v>
      </c>
      <c r="Y19" s="315">
        <v>0</v>
      </c>
      <c r="Z19" s="312">
        <v>0</v>
      </c>
      <c r="AA19" s="314">
        <v>0</v>
      </c>
      <c r="AB19" s="315">
        <v>249</v>
      </c>
      <c r="AC19" s="315">
        <v>268</v>
      </c>
      <c r="AD19" s="315">
        <v>127</v>
      </c>
      <c r="AE19" s="315">
        <v>85</v>
      </c>
      <c r="AF19" s="315">
        <v>47</v>
      </c>
      <c r="AG19" s="312">
        <v>776</v>
      </c>
      <c r="AH19" s="317">
        <v>776</v>
      </c>
      <c r="AI19" s="311">
        <v>0</v>
      </c>
      <c r="AJ19" s="315">
        <v>2</v>
      </c>
      <c r="AK19" s="312">
        <v>2</v>
      </c>
      <c r="AL19" s="314">
        <v>0</v>
      </c>
      <c r="AM19" s="315">
        <v>21</v>
      </c>
      <c r="AN19" s="315">
        <v>26</v>
      </c>
      <c r="AO19" s="315">
        <v>20</v>
      </c>
      <c r="AP19" s="315">
        <v>12</v>
      </c>
      <c r="AQ19" s="315">
        <v>7</v>
      </c>
      <c r="AR19" s="312">
        <v>86</v>
      </c>
      <c r="AS19" s="317">
        <v>88</v>
      </c>
      <c r="AT19" s="311">
        <v>1</v>
      </c>
      <c r="AU19" s="315">
        <v>1</v>
      </c>
      <c r="AV19" s="312">
        <v>2</v>
      </c>
      <c r="AW19" s="314">
        <v>0</v>
      </c>
      <c r="AX19" s="315">
        <v>14</v>
      </c>
      <c r="AY19" s="315">
        <v>32</v>
      </c>
      <c r="AZ19" s="315">
        <v>28</v>
      </c>
      <c r="BA19" s="315">
        <v>28</v>
      </c>
      <c r="BB19" s="315">
        <v>11</v>
      </c>
      <c r="BC19" s="312">
        <v>113</v>
      </c>
      <c r="BD19" s="317">
        <v>115</v>
      </c>
      <c r="BE19" s="311">
        <v>0</v>
      </c>
      <c r="BF19" s="315">
        <v>0</v>
      </c>
      <c r="BG19" s="312">
        <v>0</v>
      </c>
      <c r="BH19" s="314">
        <v>0</v>
      </c>
      <c r="BI19" s="315">
        <v>49</v>
      </c>
      <c r="BJ19" s="315">
        <v>72</v>
      </c>
      <c r="BK19" s="315">
        <v>55</v>
      </c>
      <c r="BL19" s="315">
        <v>35</v>
      </c>
      <c r="BM19" s="315">
        <v>17</v>
      </c>
      <c r="BN19" s="316">
        <v>228</v>
      </c>
      <c r="BO19" s="317">
        <v>228</v>
      </c>
      <c r="BP19" s="311">
        <v>0</v>
      </c>
      <c r="BQ19" s="315">
        <v>0</v>
      </c>
      <c r="BR19" s="312">
        <v>0</v>
      </c>
      <c r="BS19" s="314">
        <v>0</v>
      </c>
      <c r="BT19" s="315">
        <v>0</v>
      </c>
      <c r="BU19" s="315">
        <v>0</v>
      </c>
      <c r="BV19" s="315">
        <v>0</v>
      </c>
      <c r="BW19" s="315">
        <v>0</v>
      </c>
      <c r="BX19" s="315">
        <v>0</v>
      </c>
      <c r="BY19" s="312">
        <v>0</v>
      </c>
      <c r="BZ19" s="317">
        <v>0</v>
      </c>
      <c r="CA19" s="311">
        <v>0</v>
      </c>
      <c r="CB19" s="315">
        <v>0</v>
      </c>
      <c r="CC19" s="312">
        <v>0</v>
      </c>
      <c r="CD19" s="314">
        <v>0</v>
      </c>
      <c r="CE19" s="315">
        <v>1</v>
      </c>
      <c r="CF19" s="315">
        <v>2</v>
      </c>
      <c r="CG19" s="315">
        <v>34</v>
      </c>
      <c r="CH19" s="315">
        <v>25</v>
      </c>
      <c r="CI19" s="315">
        <v>43</v>
      </c>
      <c r="CJ19" s="312">
        <v>105</v>
      </c>
      <c r="CK19" s="317">
        <v>105</v>
      </c>
      <c r="CL19" s="311">
        <v>0</v>
      </c>
      <c r="CM19" s="315">
        <v>0</v>
      </c>
      <c r="CN19" s="312">
        <v>0</v>
      </c>
      <c r="CO19" s="314">
        <v>0</v>
      </c>
      <c r="CP19" s="315">
        <v>4</v>
      </c>
      <c r="CQ19" s="315">
        <v>0</v>
      </c>
      <c r="CR19" s="315">
        <v>1</v>
      </c>
      <c r="CS19" s="315">
        <v>4</v>
      </c>
      <c r="CT19" s="315">
        <v>9</v>
      </c>
      <c r="CU19" s="312">
        <v>18</v>
      </c>
      <c r="CV19" s="317">
        <v>18</v>
      </c>
    </row>
    <row r="20" spans="1:100" ht="21" customHeight="1" x14ac:dyDescent="0.2">
      <c r="A20" s="296" t="s">
        <v>18</v>
      </c>
      <c r="B20" s="311">
        <v>0</v>
      </c>
      <c r="C20" s="312">
        <v>0</v>
      </c>
      <c r="D20" s="313">
        <v>0</v>
      </c>
      <c r="E20" s="314">
        <v>0</v>
      </c>
      <c r="F20" s="315">
        <v>2</v>
      </c>
      <c r="G20" s="315">
        <v>1</v>
      </c>
      <c r="H20" s="315">
        <v>3</v>
      </c>
      <c r="I20" s="315">
        <v>0</v>
      </c>
      <c r="J20" s="315">
        <v>3</v>
      </c>
      <c r="K20" s="316">
        <v>9</v>
      </c>
      <c r="L20" s="317">
        <v>9</v>
      </c>
      <c r="M20" s="311">
        <v>0</v>
      </c>
      <c r="N20" s="315">
        <v>0</v>
      </c>
      <c r="O20" s="312">
        <v>0</v>
      </c>
      <c r="P20" s="314">
        <v>0</v>
      </c>
      <c r="Q20" s="315">
        <v>0</v>
      </c>
      <c r="R20" s="315">
        <v>0</v>
      </c>
      <c r="S20" s="315">
        <v>0</v>
      </c>
      <c r="T20" s="315">
        <v>0</v>
      </c>
      <c r="U20" s="315">
        <v>0</v>
      </c>
      <c r="V20" s="312">
        <v>0</v>
      </c>
      <c r="W20" s="317">
        <v>0</v>
      </c>
      <c r="X20" s="311">
        <v>0</v>
      </c>
      <c r="Y20" s="315">
        <v>0</v>
      </c>
      <c r="Z20" s="312">
        <v>0</v>
      </c>
      <c r="AA20" s="314">
        <v>0</v>
      </c>
      <c r="AB20" s="315">
        <v>314</v>
      </c>
      <c r="AC20" s="315">
        <v>240</v>
      </c>
      <c r="AD20" s="315">
        <v>94</v>
      </c>
      <c r="AE20" s="315">
        <v>37</v>
      </c>
      <c r="AF20" s="315">
        <v>9</v>
      </c>
      <c r="AG20" s="312">
        <v>694</v>
      </c>
      <c r="AH20" s="317">
        <v>694</v>
      </c>
      <c r="AI20" s="311">
        <v>0</v>
      </c>
      <c r="AJ20" s="315">
        <v>0</v>
      </c>
      <c r="AK20" s="312">
        <v>0</v>
      </c>
      <c r="AL20" s="314">
        <v>0</v>
      </c>
      <c r="AM20" s="315">
        <v>9</v>
      </c>
      <c r="AN20" s="315">
        <v>10</v>
      </c>
      <c r="AO20" s="315">
        <v>19</v>
      </c>
      <c r="AP20" s="315">
        <v>10</v>
      </c>
      <c r="AQ20" s="315">
        <v>17</v>
      </c>
      <c r="AR20" s="312">
        <v>65</v>
      </c>
      <c r="AS20" s="317">
        <v>65</v>
      </c>
      <c r="AT20" s="311">
        <v>8</v>
      </c>
      <c r="AU20" s="315">
        <v>8</v>
      </c>
      <c r="AV20" s="312">
        <v>16</v>
      </c>
      <c r="AW20" s="314">
        <v>0</v>
      </c>
      <c r="AX20" s="315">
        <v>44</v>
      </c>
      <c r="AY20" s="315">
        <v>58</v>
      </c>
      <c r="AZ20" s="315">
        <v>27</v>
      </c>
      <c r="BA20" s="315">
        <v>21</v>
      </c>
      <c r="BB20" s="315">
        <v>7</v>
      </c>
      <c r="BC20" s="312">
        <v>157</v>
      </c>
      <c r="BD20" s="317">
        <v>173</v>
      </c>
      <c r="BE20" s="311">
        <v>0</v>
      </c>
      <c r="BF20" s="315">
        <v>2</v>
      </c>
      <c r="BG20" s="312">
        <v>2</v>
      </c>
      <c r="BH20" s="314">
        <v>0</v>
      </c>
      <c r="BI20" s="315">
        <v>49</v>
      </c>
      <c r="BJ20" s="315">
        <v>94</v>
      </c>
      <c r="BK20" s="315">
        <v>97</v>
      </c>
      <c r="BL20" s="315">
        <v>40</v>
      </c>
      <c r="BM20" s="315">
        <v>24</v>
      </c>
      <c r="BN20" s="316">
        <v>304</v>
      </c>
      <c r="BO20" s="317">
        <v>306</v>
      </c>
      <c r="BP20" s="311">
        <v>0</v>
      </c>
      <c r="BQ20" s="315">
        <v>0</v>
      </c>
      <c r="BR20" s="312">
        <v>0</v>
      </c>
      <c r="BS20" s="314">
        <v>0</v>
      </c>
      <c r="BT20" s="315">
        <v>0</v>
      </c>
      <c r="BU20" s="315">
        <v>0</v>
      </c>
      <c r="BV20" s="315">
        <v>0</v>
      </c>
      <c r="BW20" s="315">
        <v>0</v>
      </c>
      <c r="BX20" s="315">
        <v>0</v>
      </c>
      <c r="BY20" s="312">
        <v>0</v>
      </c>
      <c r="BZ20" s="317">
        <v>0</v>
      </c>
      <c r="CA20" s="311">
        <v>0</v>
      </c>
      <c r="CB20" s="315">
        <v>0</v>
      </c>
      <c r="CC20" s="312">
        <v>0</v>
      </c>
      <c r="CD20" s="314">
        <v>0</v>
      </c>
      <c r="CE20" s="315">
        <v>0</v>
      </c>
      <c r="CF20" s="315">
        <v>2</v>
      </c>
      <c r="CG20" s="315">
        <v>7</v>
      </c>
      <c r="CH20" s="315">
        <v>14</v>
      </c>
      <c r="CI20" s="315">
        <v>5</v>
      </c>
      <c r="CJ20" s="312">
        <v>28</v>
      </c>
      <c r="CK20" s="317">
        <v>28</v>
      </c>
      <c r="CL20" s="311">
        <v>0</v>
      </c>
      <c r="CM20" s="315">
        <v>0</v>
      </c>
      <c r="CN20" s="312">
        <v>0</v>
      </c>
      <c r="CO20" s="314">
        <v>0</v>
      </c>
      <c r="CP20" s="315">
        <v>4</v>
      </c>
      <c r="CQ20" s="315">
        <v>7</v>
      </c>
      <c r="CR20" s="315">
        <v>15</v>
      </c>
      <c r="CS20" s="315">
        <v>14</v>
      </c>
      <c r="CT20" s="315">
        <v>14</v>
      </c>
      <c r="CU20" s="312">
        <v>54</v>
      </c>
      <c r="CV20" s="317">
        <v>54</v>
      </c>
    </row>
    <row r="21" spans="1:100" ht="21" customHeight="1" x14ac:dyDescent="0.2">
      <c r="A21" s="296" t="s">
        <v>19</v>
      </c>
      <c r="B21" s="311">
        <v>0</v>
      </c>
      <c r="C21" s="312">
        <v>0</v>
      </c>
      <c r="D21" s="313">
        <v>0</v>
      </c>
      <c r="E21" s="314">
        <v>0</v>
      </c>
      <c r="F21" s="315">
        <v>15</v>
      </c>
      <c r="G21" s="315">
        <v>8</v>
      </c>
      <c r="H21" s="315">
        <v>3</v>
      </c>
      <c r="I21" s="315">
        <v>5</v>
      </c>
      <c r="J21" s="315">
        <v>2</v>
      </c>
      <c r="K21" s="316">
        <v>33</v>
      </c>
      <c r="L21" s="317">
        <v>33</v>
      </c>
      <c r="M21" s="311">
        <v>0</v>
      </c>
      <c r="N21" s="315">
        <v>0</v>
      </c>
      <c r="O21" s="312">
        <v>0</v>
      </c>
      <c r="P21" s="314">
        <v>0</v>
      </c>
      <c r="Q21" s="315">
        <v>2</v>
      </c>
      <c r="R21" s="315">
        <v>3</v>
      </c>
      <c r="S21" s="315">
        <v>5</v>
      </c>
      <c r="T21" s="315">
        <v>1</v>
      </c>
      <c r="U21" s="315">
        <v>0</v>
      </c>
      <c r="V21" s="312">
        <v>11</v>
      </c>
      <c r="W21" s="317">
        <v>11</v>
      </c>
      <c r="X21" s="311">
        <v>0</v>
      </c>
      <c r="Y21" s="315">
        <v>0</v>
      </c>
      <c r="Z21" s="312">
        <v>0</v>
      </c>
      <c r="AA21" s="314">
        <v>0</v>
      </c>
      <c r="AB21" s="315">
        <v>137</v>
      </c>
      <c r="AC21" s="315">
        <v>121</v>
      </c>
      <c r="AD21" s="315">
        <v>51</v>
      </c>
      <c r="AE21" s="315">
        <v>23</v>
      </c>
      <c r="AF21" s="315">
        <v>13</v>
      </c>
      <c r="AG21" s="312">
        <v>345</v>
      </c>
      <c r="AH21" s="317">
        <v>345</v>
      </c>
      <c r="AI21" s="311">
        <v>0</v>
      </c>
      <c r="AJ21" s="315">
        <v>0</v>
      </c>
      <c r="AK21" s="312">
        <v>0</v>
      </c>
      <c r="AL21" s="314">
        <v>0</v>
      </c>
      <c r="AM21" s="315">
        <v>11</v>
      </c>
      <c r="AN21" s="315">
        <v>23</v>
      </c>
      <c r="AO21" s="315">
        <v>17</v>
      </c>
      <c r="AP21" s="315">
        <v>1</v>
      </c>
      <c r="AQ21" s="315">
        <v>4</v>
      </c>
      <c r="AR21" s="312">
        <v>56</v>
      </c>
      <c r="AS21" s="317">
        <v>56</v>
      </c>
      <c r="AT21" s="311">
        <v>0</v>
      </c>
      <c r="AU21" s="315">
        <v>5</v>
      </c>
      <c r="AV21" s="312">
        <v>5</v>
      </c>
      <c r="AW21" s="314">
        <v>0</v>
      </c>
      <c r="AX21" s="315">
        <v>22</v>
      </c>
      <c r="AY21" s="315">
        <v>29</v>
      </c>
      <c r="AZ21" s="315">
        <v>26</v>
      </c>
      <c r="BA21" s="315">
        <v>15</v>
      </c>
      <c r="BB21" s="315">
        <v>16</v>
      </c>
      <c r="BC21" s="312">
        <v>108</v>
      </c>
      <c r="BD21" s="317">
        <v>113</v>
      </c>
      <c r="BE21" s="311">
        <v>0</v>
      </c>
      <c r="BF21" s="315">
        <v>1</v>
      </c>
      <c r="BG21" s="312">
        <v>1</v>
      </c>
      <c r="BH21" s="314">
        <v>0</v>
      </c>
      <c r="BI21" s="315">
        <v>12</v>
      </c>
      <c r="BJ21" s="315">
        <v>19</v>
      </c>
      <c r="BK21" s="315">
        <v>26</v>
      </c>
      <c r="BL21" s="315">
        <v>16</v>
      </c>
      <c r="BM21" s="315">
        <v>11</v>
      </c>
      <c r="BN21" s="316">
        <v>84</v>
      </c>
      <c r="BO21" s="317">
        <v>85</v>
      </c>
      <c r="BP21" s="311">
        <v>0</v>
      </c>
      <c r="BQ21" s="315">
        <v>0</v>
      </c>
      <c r="BR21" s="312">
        <v>0</v>
      </c>
      <c r="BS21" s="314">
        <v>0</v>
      </c>
      <c r="BT21" s="315">
        <v>0</v>
      </c>
      <c r="BU21" s="315">
        <v>0</v>
      </c>
      <c r="BV21" s="315">
        <v>0</v>
      </c>
      <c r="BW21" s="315">
        <v>0</v>
      </c>
      <c r="BX21" s="315">
        <v>0</v>
      </c>
      <c r="BY21" s="312">
        <v>0</v>
      </c>
      <c r="BZ21" s="317">
        <v>0</v>
      </c>
      <c r="CA21" s="311">
        <v>0</v>
      </c>
      <c r="CB21" s="315">
        <v>0</v>
      </c>
      <c r="CC21" s="312">
        <v>0</v>
      </c>
      <c r="CD21" s="314">
        <v>0</v>
      </c>
      <c r="CE21" s="315">
        <v>0</v>
      </c>
      <c r="CF21" s="315">
        <v>0</v>
      </c>
      <c r="CG21" s="315">
        <v>0</v>
      </c>
      <c r="CH21" s="315">
        <v>0</v>
      </c>
      <c r="CI21" s="315">
        <v>0</v>
      </c>
      <c r="CJ21" s="312">
        <v>0</v>
      </c>
      <c r="CK21" s="317">
        <v>0</v>
      </c>
      <c r="CL21" s="311">
        <v>0</v>
      </c>
      <c r="CM21" s="315">
        <v>0</v>
      </c>
      <c r="CN21" s="312">
        <v>0</v>
      </c>
      <c r="CO21" s="314">
        <v>0</v>
      </c>
      <c r="CP21" s="315">
        <v>4</v>
      </c>
      <c r="CQ21" s="315">
        <v>1</v>
      </c>
      <c r="CR21" s="315">
        <v>3</v>
      </c>
      <c r="CS21" s="315">
        <v>1</v>
      </c>
      <c r="CT21" s="315">
        <v>11</v>
      </c>
      <c r="CU21" s="312">
        <v>20</v>
      </c>
      <c r="CV21" s="317">
        <v>20</v>
      </c>
    </row>
    <row r="22" spans="1:100" ht="21" customHeight="1" x14ac:dyDescent="0.2">
      <c r="A22" s="296" t="s">
        <v>20</v>
      </c>
      <c r="B22" s="311">
        <v>0</v>
      </c>
      <c r="C22" s="312">
        <v>0</v>
      </c>
      <c r="D22" s="313">
        <v>0</v>
      </c>
      <c r="E22" s="314">
        <v>0</v>
      </c>
      <c r="F22" s="315">
        <v>1</v>
      </c>
      <c r="G22" s="315">
        <v>0</v>
      </c>
      <c r="H22" s="315">
        <v>0</v>
      </c>
      <c r="I22" s="315">
        <v>0</v>
      </c>
      <c r="J22" s="315">
        <v>0</v>
      </c>
      <c r="K22" s="316">
        <v>1</v>
      </c>
      <c r="L22" s="317">
        <v>1</v>
      </c>
      <c r="M22" s="311">
        <v>0</v>
      </c>
      <c r="N22" s="315">
        <v>0</v>
      </c>
      <c r="O22" s="312">
        <v>0</v>
      </c>
      <c r="P22" s="314">
        <v>0</v>
      </c>
      <c r="Q22" s="315">
        <v>0</v>
      </c>
      <c r="R22" s="315">
        <v>0</v>
      </c>
      <c r="S22" s="315">
        <v>0</v>
      </c>
      <c r="T22" s="315">
        <v>0</v>
      </c>
      <c r="U22" s="315">
        <v>0</v>
      </c>
      <c r="V22" s="312">
        <v>0</v>
      </c>
      <c r="W22" s="317">
        <v>0</v>
      </c>
      <c r="X22" s="311">
        <v>0</v>
      </c>
      <c r="Y22" s="315">
        <v>0</v>
      </c>
      <c r="Z22" s="312">
        <v>0</v>
      </c>
      <c r="AA22" s="314">
        <v>0</v>
      </c>
      <c r="AB22" s="315">
        <v>190</v>
      </c>
      <c r="AC22" s="315">
        <v>79</v>
      </c>
      <c r="AD22" s="315">
        <v>40</v>
      </c>
      <c r="AE22" s="315">
        <v>26</v>
      </c>
      <c r="AF22" s="315">
        <v>7</v>
      </c>
      <c r="AG22" s="312">
        <v>342</v>
      </c>
      <c r="AH22" s="317">
        <v>342</v>
      </c>
      <c r="AI22" s="311">
        <v>0</v>
      </c>
      <c r="AJ22" s="315">
        <v>0</v>
      </c>
      <c r="AK22" s="312">
        <v>0</v>
      </c>
      <c r="AL22" s="314">
        <v>0</v>
      </c>
      <c r="AM22" s="315">
        <v>0</v>
      </c>
      <c r="AN22" s="315">
        <v>4</v>
      </c>
      <c r="AO22" s="315">
        <v>3</v>
      </c>
      <c r="AP22" s="315">
        <v>3</v>
      </c>
      <c r="AQ22" s="315">
        <v>2</v>
      </c>
      <c r="AR22" s="312">
        <v>12</v>
      </c>
      <c r="AS22" s="317">
        <v>12</v>
      </c>
      <c r="AT22" s="311">
        <v>1</v>
      </c>
      <c r="AU22" s="315">
        <v>1</v>
      </c>
      <c r="AV22" s="312">
        <v>2</v>
      </c>
      <c r="AW22" s="314">
        <v>0</v>
      </c>
      <c r="AX22" s="315">
        <v>13</v>
      </c>
      <c r="AY22" s="315">
        <v>14</v>
      </c>
      <c r="AZ22" s="315">
        <v>6</v>
      </c>
      <c r="BA22" s="315">
        <v>5</v>
      </c>
      <c r="BB22" s="315">
        <v>0</v>
      </c>
      <c r="BC22" s="312">
        <v>38</v>
      </c>
      <c r="BD22" s="317">
        <v>40</v>
      </c>
      <c r="BE22" s="311">
        <v>0</v>
      </c>
      <c r="BF22" s="315">
        <v>0</v>
      </c>
      <c r="BG22" s="312">
        <v>0</v>
      </c>
      <c r="BH22" s="314">
        <v>0</v>
      </c>
      <c r="BI22" s="315">
        <v>27</v>
      </c>
      <c r="BJ22" s="315">
        <v>23</v>
      </c>
      <c r="BK22" s="315">
        <v>37</v>
      </c>
      <c r="BL22" s="315">
        <v>26</v>
      </c>
      <c r="BM22" s="315">
        <v>6</v>
      </c>
      <c r="BN22" s="316">
        <v>119</v>
      </c>
      <c r="BO22" s="317">
        <v>119</v>
      </c>
      <c r="BP22" s="311">
        <v>0</v>
      </c>
      <c r="BQ22" s="315">
        <v>0</v>
      </c>
      <c r="BR22" s="312">
        <v>0</v>
      </c>
      <c r="BS22" s="314">
        <v>0</v>
      </c>
      <c r="BT22" s="315">
        <v>0</v>
      </c>
      <c r="BU22" s="315">
        <v>0</v>
      </c>
      <c r="BV22" s="315">
        <v>0</v>
      </c>
      <c r="BW22" s="315">
        <v>0</v>
      </c>
      <c r="BX22" s="315">
        <v>0</v>
      </c>
      <c r="BY22" s="312">
        <v>0</v>
      </c>
      <c r="BZ22" s="317">
        <v>0</v>
      </c>
      <c r="CA22" s="311">
        <v>0</v>
      </c>
      <c r="CB22" s="315">
        <v>0</v>
      </c>
      <c r="CC22" s="312">
        <v>0</v>
      </c>
      <c r="CD22" s="314">
        <v>0</v>
      </c>
      <c r="CE22" s="315">
        <v>0</v>
      </c>
      <c r="CF22" s="315">
        <v>0</v>
      </c>
      <c r="CG22" s="315">
        <v>0</v>
      </c>
      <c r="CH22" s="315">
        <v>0</v>
      </c>
      <c r="CI22" s="315">
        <v>0</v>
      </c>
      <c r="CJ22" s="312">
        <v>0</v>
      </c>
      <c r="CK22" s="317">
        <v>0</v>
      </c>
      <c r="CL22" s="311">
        <v>0</v>
      </c>
      <c r="CM22" s="315">
        <v>0</v>
      </c>
      <c r="CN22" s="312">
        <v>0</v>
      </c>
      <c r="CO22" s="314">
        <v>0</v>
      </c>
      <c r="CP22" s="315">
        <v>0</v>
      </c>
      <c r="CQ22" s="315">
        <v>0</v>
      </c>
      <c r="CR22" s="315">
        <v>0</v>
      </c>
      <c r="CS22" s="315">
        <v>0</v>
      </c>
      <c r="CT22" s="315">
        <v>0</v>
      </c>
      <c r="CU22" s="312">
        <v>0</v>
      </c>
      <c r="CV22" s="317">
        <v>0</v>
      </c>
    </row>
    <row r="23" spans="1:100" ht="21" customHeight="1" x14ac:dyDescent="0.2">
      <c r="A23" s="296" t="s">
        <v>21</v>
      </c>
      <c r="B23" s="311">
        <v>0</v>
      </c>
      <c r="C23" s="312">
        <v>0</v>
      </c>
      <c r="D23" s="313">
        <v>0</v>
      </c>
      <c r="E23" s="314">
        <v>0</v>
      </c>
      <c r="F23" s="315">
        <v>1</v>
      </c>
      <c r="G23" s="315">
        <v>4</v>
      </c>
      <c r="H23" s="315">
        <v>1</v>
      </c>
      <c r="I23" s="315">
        <v>2</v>
      </c>
      <c r="J23" s="315">
        <v>2</v>
      </c>
      <c r="K23" s="316">
        <v>10</v>
      </c>
      <c r="L23" s="317">
        <v>10</v>
      </c>
      <c r="M23" s="311">
        <v>0</v>
      </c>
      <c r="N23" s="315">
        <v>0</v>
      </c>
      <c r="O23" s="312">
        <v>0</v>
      </c>
      <c r="P23" s="314">
        <v>0</v>
      </c>
      <c r="Q23" s="315">
        <v>0</v>
      </c>
      <c r="R23" s="315">
        <v>0</v>
      </c>
      <c r="S23" s="315">
        <v>0</v>
      </c>
      <c r="T23" s="315">
        <v>0</v>
      </c>
      <c r="U23" s="315">
        <v>0</v>
      </c>
      <c r="V23" s="312">
        <v>0</v>
      </c>
      <c r="W23" s="317">
        <v>0</v>
      </c>
      <c r="X23" s="311">
        <v>0</v>
      </c>
      <c r="Y23" s="315">
        <v>0</v>
      </c>
      <c r="Z23" s="312">
        <v>0</v>
      </c>
      <c r="AA23" s="314">
        <v>0</v>
      </c>
      <c r="AB23" s="315">
        <v>180</v>
      </c>
      <c r="AC23" s="315">
        <v>189</v>
      </c>
      <c r="AD23" s="315">
        <v>66</v>
      </c>
      <c r="AE23" s="315">
        <v>26</v>
      </c>
      <c r="AF23" s="315">
        <v>15</v>
      </c>
      <c r="AG23" s="312">
        <v>476</v>
      </c>
      <c r="AH23" s="317">
        <v>476</v>
      </c>
      <c r="AI23" s="311">
        <v>0</v>
      </c>
      <c r="AJ23" s="315">
        <v>0</v>
      </c>
      <c r="AK23" s="312">
        <v>0</v>
      </c>
      <c r="AL23" s="314">
        <v>0</v>
      </c>
      <c r="AM23" s="315">
        <v>0</v>
      </c>
      <c r="AN23" s="315">
        <v>0</v>
      </c>
      <c r="AO23" s="315">
        <v>0</v>
      </c>
      <c r="AP23" s="315">
        <v>0</v>
      </c>
      <c r="AQ23" s="315">
        <v>0</v>
      </c>
      <c r="AR23" s="312">
        <v>0</v>
      </c>
      <c r="AS23" s="317">
        <v>0</v>
      </c>
      <c r="AT23" s="311">
        <v>1</v>
      </c>
      <c r="AU23" s="315">
        <v>1</v>
      </c>
      <c r="AV23" s="312">
        <v>2</v>
      </c>
      <c r="AW23" s="314">
        <v>0</v>
      </c>
      <c r="AX23" s="315">
        <v>12</v>
      </c>
      <c r="AY23" s="315">
        <v>11</v>
      </c>
      <c r="AZ23" s="315">
        <v>17</v>
      </c>
      <c r="BA23" s="315">
        <v>8</v>
      </c>
      <c r="BB23" s="315">
        <v>5</v>
      </c>
      <c r="BC23" s="312">
        <v>53</v>
      </c>
      <c r="BD23" s="317">
        <v>55</v>
      </c>
      <c r="BE23" s="311">
        <v>0</v>
      </c>
      <c r="BF23" s="315">
        <v>0</v>
      </c>
      <c r="BG23" s="312">
        <v>0</v>
      </c>
      <c r="BH23" s="314">
        <v>0</v>
      </c>
      <c r="BI23" s="315">
        <v>17</v>
      </c>
      <c r="BJ23" s="315">
        <v>27</v>
      </c>
      <c r="BK23" s="315">
        <v>22</v>
      </c>
      <c r="BL23" s="315">
        <v>13</v>
      </c>
      <c r="BM23" s="315">
        <v>7</v>
      </c>
      <c r="BN23" s="316">
        <v>86</v>
      </c>
      <c r="BO23" s="317">
        <v>86</v>
      </c>
      <c r="BP23" s="311">
        <v>0</v>
      </c>
      <c r="BQ23" s="315">
        <v>0</v>
      </c>
      <c r="BR23" s="312">
        <v>0</v>
      </c>
      <c r="BS23" s="314">
        <v>0</v>
      </c>
      <c r="BT23" s="315">
        <v>0</v>
      </c>
      <c r="BU23" s="315">
        <v>0</v>
      </c>
      <c r="BV23" s="315">
        <v>0</v>
      </c>
      <c r="BW23" s="315">
        <v>0</v>
      </c>
      <c r="BX23" s="315">
        <v>0</v>
      </c>
      <c r="BY23" s="312">
        <v>0</v>
      </c>
      <c r="BZ23" s="317">
        <v>0</v>
      </c>
      <c r="CA23" s="311">
        <v>0</v>
      </c>
      <c r="CB23" s="315">
        <v>0</v>
      </c>
      <c r="CC23" s="312">
        <v>0</v>
      </c>
      <c r="CD23" s="314">
        <v>0</v>
      </c>
      <c r="CE23" s="315">
        <v>0</v>
      </c>
      <c r="CF23" s="315">
        <v>0</v>
      </c>
      <c r="CG23" s="315">
        <v>0</v>
      </c>
      <c r="CH23" s="315">
        <v>0</v>
      </c>
      <c r="CI23" s="315">
        <v>0</v>
      </c>
      <c r="CJ23" s="312">
        <v>0</v>
      </c>
      <c r="CK23" s="317">
        <v>0</v>
      </c>
      <c r="CL23" s="311">
        <v>0</v>
      </c>
      <c r="CM23" s="315">
        <v>0</v>
      </c>
      <c r="CN23" s="312">
        <v>0</v>
      </c>
      <c r="CO23" s="314">
        <v>0</v>
      </c>
      <c r="CP23" s="315">
        <v>2</v>
      </c>
      <c r="CQ23" s="315">
        <v>3</v>
      </c>
      <c r="CR23" s="315">
        <v>2</v>
      </c>
      <c r="CS23" s="315">
        <v>1</v>
      </c>
      <c r="CT23" s="315">
        <v>7</v>
      </c>
      <c r="CU23" s="312">
        <v>15</v>
      </c>
      <c r="CV23" s="317">
        <v>15</v>
      </c>
    </row>
    <row r="24" spans="1:100" ht="21" customHeight="1" x14ac:dyDescent="0.2">
      <c r="A24" s="296" t="s">
        <v>22</v>
      </c>
      <c r="B24" s="311">
        <v>0</v>
      </c>
      <c r="C24" s="312">
        <v>0</v>
      </c>
      <c r="D24" s="313">
        <v>0</v>
      </c>
      <c r="E24" s="314">
        <v>0</v>
      </c>
      <c r="F24" s="315">
        <v>4</v>
      </c>
      <c r="G24" s="315">
        <v>5</v>
      </c>
      <c r="H24" s="315">
        <v>3</v>
      </c>
      <c r="I24" s="315">
        <v>1</v>
      </c>
      <c r="J24" s="315">
        <v>0</v>
      </c>
      <c r="K24" s="316">
        <v>13</v>
      </c>
      <c r="L24" s="317">
        <v>13</v>
      </c>
      <c r="M24" s="311">
        <v>0</v>
      </c>
      <c r="N24" s="315">
        <v>0</v>
      </c>
      <c r="O24" s="312">
        <v>0</v>
      </c>
      <c r="P24" s="314">
        <v>0</v>
      </c>
      <c r="Q24" s="315">
        <v>0</v>
      </c>
      <c r="R24" s="315">
        <v>0</v>
      </c>
      <c r="S24" s="315">
        <v>0</v>
      </c>
      <c r="T24" s="315">
        <v>0</v>
      </c>
      <c r="U24" s="315">
        <v>0</v>
      </c>
      <c r="V24" s="312">
        <v>0</v>
      </c>
      <c r="W24" s="317">
        <v>0</v>
      </c>
      <c r="X24" s="311">
        <v>0</v>
      </c>
      <c r="Y24" s="315">
        <v>0</v>
      </c>
      <c r="Z24" s="312">
        <v>0</v>
      </c>
      <c r="AA24" s="314">
        <v>0</v>
      </c>
      <c r="AB24" s="315">
        <v>128</v>
      </c>
      <c r="AC24" s="315">
        <v>85</v>
      </c>
      <c r="AD24" s="315">
        <v>34</v>
      </c>
      <c r="AE24" s="315">
        <v>24</v>
      </c>
      <c r="AF24" s="315">
        <v>6</v>
      </c>
      <c r="AG24" s="312">
        <v>277</v>
      </c>
      <c r="AH24" s="317">
        <v>277</v>
      </c>
      <c r="AI24" s="311">
        <v>0</v>
      </c>
      <c r="AJ24" s="315">
        <v>0</v>
      </c>
      <c r="AK24" s="312">
        <v>0</v>
      </c>
      <c r="AL24" s="314">
        <v>0</v>
      </c>
      <c r="AM24" s="315">
        <v>7</v>
      </c>
      <c r="AN24" s="315">
        <v>8</v>
      </c>
      <c r="AO24" s="315">
        <v>3</v>
      </c>
      <c r="AP24" s="315">
        <v>2</v>
      </c>
      <c r="AQ24" s="315">
        <v>3</v>
      </c>
      <c r="AR24" s="312">
        <v>23</v>
      </c>
      <c r="AS24" s="317">
        <v>23</v>
      </c>
      <c r="AT24" s="311">
        <v>2</v>
      </c>
      <c r="AU24" s="315">
        <v>4</v>
      </c>
      <c r="AV24" s="312">
        <v>6</v>
      </c>
      <c r="AW24" s="314">
        <v>0</v>
      </c>
      <c r="AX24" s="315">
        <v>22</v>
      </c>
      <c r="AY24" s="315">
        <v>11</v>
      </c>
      <c r="AZ24" s="315">
        <v>15</v>
      </c>
      <c r="BA24" s="315">
        <v>6</v>
      </c>
      <c r="BB24" s="315">
        <v>6</v>
      </c>
      <c r="BC24" s="312">
        <v>60</v>
      </c>
      <c r="BD24" s="317">
        <v>66</v>
      </c>
      <c r="BE24" s="311">
        <v>0</v>
      </c>
      <c r="BF24" s="315">
        <v>0</v>
      </c>
      <c r="BG24" s="312">
        <v>0</v>
      </c>
      <c r="BH24" s="314">
        <v>0</v>
      </c>
      <c r="BI24" s="315">
        <v>11</v>
      </c>
      <c r="BJ24" s="315">
        <v>16</v>
      </c>
      <c r="BK24" s="315">
        <v>12</v>
      </c>
      <c r="BL24" s="315">
        <v>8</v>
      </c>
      <c r="BM24" s="315">
        <v>4</v>
      </c>
      <c r="BN24" s="316">
        <v>51</v>
      </c>
      <c r="BO24" s="317">
        <v>51</v>
      </c>
      <c r="BP24" s="311">
        <v>0</v>
      </c>
      <c r="BQ24" s="315">
        <v>0</v>
      </c>
      <c r="BR24" s="312">
        <v>0</v>
      </c>
      <c r="BS24" s="314">
        <v>0</v>
      </c>
      <c r="BT24" s="315">
        <v>0</v>
      </c>
      <c r="BU24" s="315">
        <v>0</v>
      </c>
      <c r="BV24" s="315">
        <v>0</v>
      </c>
      <c r="BW24" s="315">
        <v>0</v>
      </c>
      <c r="BX24" s="315">
        <v>0</v>
      </c>
      <c r="BY24" s="312">
        <v>0</v>
      </c>
      <c r="BZ24" s="317">
        <v>0</v>
      </c>
      <c r="CA24" s="311">
        <v>0</v>
      </c>
      <c r="CB24" s="315">
        <v>0</v>
      </c>
      <c r="CC24" s="312">
        <v>0</v>
      </c>
      <c r="CD24" s="314">
        <v>0</v>
      </c>
      <c r="CE24" s="315">
        <v>0</v>
      </c>
      <c r="CF24" s="315">
        <v>0</v>
      </c>
      <c r="CG24" s="315">
        <v>3</v>
      </c>
      <c r="CH24" s="315">
        <v>19</v>
      </c>
      <c r="CI24" s="315">
        <v>8</v>
      </c>
      <c r="CJ24" s="312">
        <v>30</v>
      </c>
      <c r="CK24" s="317">
        <v>30</v>
      </c>
      <c r="CL24" s="311">
        <v>0</v>
      </c>
      <c r="CM24" s="315">
        <v>0</v>
      </c>
      <c r="CN24" s="312">
        <v>0</v>
      </c>
      <c r="CO24" s="314">
        <v>0</v>
      </c>
      <c r="CP24" s="315">
        <v>0</v>
      </c>
      <c r="CQ24" s="315">
        <v>0</v>
      </c>
      <c r="CR24" s="315">
        <v>0</v>
      </c>
      <c r="CS24" s="315">
        <v>0</v>
      </c>
      <c r="CT24" s="315">
        <v>0</v>
      </c>
      <c r="CU24" s="312">
        <v>0</v>
      </c>
      <c r="CV24" s="317">
        <v>0</v>
      </c>
    </row>
    <row r="25" spans="1:100" ht="21" customHeight="1" x14ac:dyDescent="0.2">
      <c r="A25" s="296" t="s">
        <v>23</v>
      </c>
      <c r="B25" s="311">
        <v>0</v>
      </c>
      <c r="C25" s="312">
        <v>0</v>
      </c>
      <c r="D25" s="313">
        <v>0</v>
      </c>
      <c r="E25" s="314">
        <v>0</v>
      </c>
      <c r="F25" s="315">
        <v>1</v>
      </c>
      <c r="G25" s="315">
        <v>1</v>
      </c>
      <c r="H25" s="315">
        <v>0</v>
      </c>
      <c r="I25" s="315">
        <v>0</v>
      </c>
      <c r="J25" s="315">
        <v>1</v>
      </c>
      <c r="K25" s="316">
        <v>3</v>
      </c>
      <c r="L25" s="317">
        <v>3</v>
      </c>
      <c r="M25" s="311">
        <v>0</v>
      </c>
      <c r="N25" s="315">
        <v>0</v>
      </c>
      <c r="O25" s="312">
        <v>0</v>
      </c>
      <c r="P25" s="314">
        <v>0</v>
      </c>
      <c r="Q25" s="315">
        <v>0</v>
      </c>
      <c r="R25" s="315">
        <v>0</v>
      </c>
      <c r="S25" s="315">
        <v>0</v>
      </c>
      <c r="T25" s="315">
        <v>0</v>
      </c>
      <c r="U25" s="315">
        <v>0</v>
      </c>
      <c r="V25" s="312">
        <v>0</v>
      </c>
      <c r="W25" s="317">
        <v>0</v>
      </c>
      <c r="X25" s="311">
        <v>0</v>
      </c>
      <c r="Y25" s="315">
        <v>0</v>
      </c>
      <c r="Z25" s="312">
        <v>0</v>
      </c>
      <c r="AA25" s="314">
        <v>0</v>
      </c>
      <c r="AB25" s="315">
        <v>55</v>
      </c>
      <c r="AC25" s="315">
        <v>40</v>
      </c>
      <c r="AD25" s="315">
        <v>14</v>
      </c>
      <c r="AE25" s="315">
        <v>15</v>
      </c>
      <c r="AF25" s="315">
        <v>4</v>
      </c>
      <c r="AG25" s="312">
        <v>128</v>
      </c>
      <c r="AH25" s="317">
        <v>128</v>
      </c>
      <c r="AI25" s="311">
        <v>0</v>
      </c>
      <c r="AJ25" s="315">
        <v>0</v>
      </c>
      <c r="AK25" s="312">
        <v>0</v>
      </c>
      <c r="AL25" s="314">
        <v>0</v>
      </c>
      <c r="AM25" s="315">
        <v>0</v>
      </c>
      <c r="AN25" s="315">
        <v>0</v>
      </c>
      <c r="AO25" s="315">
        <v>1</v>
      </c>
      <c r="AP25" s="315">
        <v>1</v>
      </c>
      <c r="AQ25" s="315">
        <v>0</v>
      </c>
      <c r="AR25" s="312">
        <v>2</v>
      </c>
      <c r="AS25" s="317">
        <v>2</v>
      </c>
      <c r="AT25" s="311">
        <v>0</v>
      </c>
      <c r="AU25" s="315">
        <v>0</v>
      </c>
      <c r="AV25" s="312">
        <v>0</v>
      </c>
      <c r="AW25" s="314">
        <v>0</v>
      </c>
      <c r="AX25" s="315">
        <v>5</v>
      </c>
      <c r="AY25" s="315">
        <v>2</v>
      </c>
      <c r="AZ25" s="315">
        <v>5</v>
      </c>
      <c r="BA25" s="315">
        <v>1</v>
      </c>
      <c r="BB25" s="315">
        <v>0</v>
      </c>
      <c r="BC25" s="312">
        <v>13</v>
      </c>
      <c r="BD25" s="317">
        <v>13</v>
      </c>
      <c r="BE25" s="311">
        <v>0</v>
      </c>
      <c r="BF25" s="315">
        <v>1</v>
      </c>
      <c r="BG25" s="312">
        <v>1</v>
      </c>
      <c r="BH25" s="314">
        <v>0</v>
      </c>
      <c r="BI25" s="315">
        <v>28</v>
      </c>
      <c r="BJ25" s="315">
        <v>18</v>
      </c>
      <c r="BK25" s="315">
        <v>18</v>
      </c>
      <c r="BL25" s="315">
        <v>14</v>
      </c>
      <c r="BM25" s="315">
        <v>9</v>
      </c>
      <c r="BN25" s="316">
        <v>87</v>
      </c>
      <c r="BO25" s="317">
        <v>88</v>
      </c>
      <c r="BP25" s="311">
        <v>0</v>
      </c>
      <c r="BQ25" s="315">
        <v>0</v>
      </c>
      <c r="BR25" s="312">
        <v>0</v>
      </c>
      <c r="BS25" s="314">
        <v>0</v>
      </c>
      <c r="BT25" s="315">
        <v>0</v>
      </c>
      <c r="BU25" s="315">
        <v>0</v>
      </c>
      <c r="BV25" s="315">
        <v>0</v>
      </c>
      <c r="BW25" s="315">
        <v>0</v>
      </c>
      <c r="BX25" s="315">
        <v>0</v>
      </c>
      <c r="BY25" s="312">
        <v>0</v>
      </c>
      <c r="BZ25" s="317">
        <v>0</v>
      </c>
      <c r="CA25" s="311">
        <v>0</v>
      </c>
      <c r="CB25" s="315">
        <v>0</v>
      </c>
      <c r="CC25" s="312">
        <v>0</v>
      </c>
      <c r="CD25" s="314">
        <v>0</v>
      </c>
      <c r="CE25" s="315">
        <v>0</v>
      </c>
      <c r="CF25" s="315">
        <v>0</v>
      </c>
      <c r="CG25" s="315">
        <v>0</v>
      </c>
      <c r="CH25" s="315">
        <v>0</v>
      </c>
      <c r="CI25" s="315">
        <v>0</v>
      </c>
      <c r="CJ25" s="312">
        <v>0</v>
      </c>
      <c r="CK25" s="317">
        <v>0</v>
      </c>
      <c r="CL25" s="311">
        <v>0</v>
      </c>
      <c r="CM25" s="315">
        <v>0</v>
      </c>
      <c r="CN25" s="312">
        <v>0</v>
      </c>
      <c r="CO25" s="314">
        <v>0</v>
      </c>
      <c r="CP25" s="315">
        <v>0</v>
      </c>
      <c r="CQ25" s="315">
        <v>0</v>
      </c>
      <c r="CR25" s="315">
        <v>0</v>
      </c>
      <c r="CS25" s="315">
        <v>1</v>
      </c>
      <c r="CT25" s="315">
        <v>0</v>
      </c>
      <c r="CU25" s="312">
        <v>1</v>
      </c>
      <c r="CV25" s="317">
        <v>1</v>
      </c>
    </row>
    <row r="26" spans="1:100" ht="21" customHeight="1" x14ac:dyDescent="0.2">
      <c r="A26" s="296" t="s">
        <v>24</v>
      </c>
      <c r="B26" s="311">
        <v>0</v>
      </c>
      <c r="C26" s="312">
        <v>0</v>
      </c>
      <c r="D26" s="313">
        <v>0</v>
      </c>
      <c r="E26" s="314">
        <v>0</v>
      </c>
      <c r="F26" s="315">
        <v>2</v>
      </c>
      <c r="G26" s="315">
        <v>1</v>
      </c>
      <c r="H26" s="315">
        <v>2</v>
      </c>
      <c r="I26" s="315">
        <v>1</v>
      </c>
      <c r="J26" s="315">
        <v>1</v>
      </c>
      <c r="K26" s="316">
        <v>7</v>
      </c>
      <c r="L26" s="317">
        <v>7</v>
      </c>
      <c r="M26" s="311">
        <v>0</v>
      </c>
      <c r="N26" s="315">
        <v>0</v>
      </c>
      <c r="O26" s="312">
        <v>0</v>
      </c>
      <c r="P26" s="314">
        <v>0</v>
      </c>
      <c r="Q26" s="315">
        <v>0</v>
      </c>
      <c r="R26" s="315">
        <v>0</v>
      </c>
      <c r="S26" s="315">
        <v>0</v>
      </c>
      <c r="T26" s="315">
        <v>0</v>
      </c>
      <c r="U26" s="315">
        <v>0</v>
      </c>
      <c r="V26" s="312">
        <v>0</v>
      </c>
      <c r="W26" s="317">
        <v>0</v>
      </c>
      <c r="X26" s="311">
        <v>0</v>
      </c>
      <c r="Y26" s="315">
        <v>0</v>
      </c>
      <c r="Z26" s="312">
        <v>0</v>
      </c>
      <c r="AA26" s="314">
        <v>0</v>
      </c>
      <c r="AB26" s="315">
        <v>55</v>
      </c>
      <c r="AC26" s="315">
        <v>17</v>
      </c>
      <c r="AD26" s="315">
        <v>19</v>
      </c>
      <c r="AE26" s="315">
        <v>9</v>
      </c>
      <c r="AF26" s="315">
        <v>4</v>
      </c>
      <c r="AG26" s="312">
        <v>104</v>
      </c>
      <c r="AH26" s="317">
        <v>104</v>
      </c>
      <c r="AI26" s="311">
        <v>0</v>
      </c>
      <c r="AJ26" s="315">
        <v>0</v>
      </c>
      <c r="AK26" s="312">
        <v>0</v>
      </c>
      <c r="AL26" s="314">
        <v>0</v>
      </c>
      <c r="AM26" s="315">
        <v>10</v>
      </c>
      <c r="AN26" s="315">
        <v>7</v>
      </c>
      <c r="AO26" s="315">
        <v>4</v>
      </c>
      <c r="AP26" s="315">
        <v>2</v>
      </c>
      <c r="AQ26" s="315">
        <v>2</v>
      </c>
      <c r="AR26" s="312">
        <v>25</v>
      </c>
      <c r="AS26" s="317">
        <v>25</v>
      </c>
      <c r="AT26" s="311">
        <v>7</v>
      </c>
      <c r="AU26" s="315">
        <v>5</v>
      </c>
      <c r="AV26" s="312">
        <v>12</v>
      </c>
      <c r="AW26" s="314">
        <v>0</v>
      </c>
      <c r="AX26" s="315">
        <v>18</v>
      </c>
      <c r="AY26" s="315">
        <v>7</v>
      </c>
      <c r="AZ26" s="315">
        <v>6</v>
      </c>
      <c r="BA26" s="315">
        <v>1</v>
      </c>
      <c r="BB26" s="315">
        <v>1</v>
      </c>
      <c r="BC26" s="312">
        <v>33</v>
      </c>
      <c r="BD26" s="317">
        <v>45</v>
      </c>
      <c r="BE26" s="311">
        <v>0</v>
      </c>
      <c r="BF26" s="315">
        <v>0</v>
      </c>
      <c r="BG26" s="312">
        <v>0</v>
      </c>
      <c r="BH26" s="314">
        <v>0</v>
      </c>
      <c r="BI26" s="315">
        <v>2</v>
      </c>
      <c r="BJ26" s="315">
        <v>3</v>
      </c>
      <c r="BK26" s="315">
        <v>14</v>
      </c>
      <c r="BL26" s="315">
        <v>5</v>
      </c>
      <c r="BM26" s="315">
        <v>4</v>
      </c>
      <c r="BN26" s="316">
        <v>28</v>
      </c>
      <c r="BO26" s="317">
        <v>28</v>
      </c>
      <c r="BP26" s="311">
        <v>0</v>
      </c>
      <c r="BQ26" s="315">
        <v>0</v>
      </c>
      <c r="BR26" s="312">
        <v>0</v>
      </c>
      <c r="BS26" s="314">
        <v>0</v>
      </c>
      <c r="BT26" s="315">
        <v>0</v>
      </c>
      <c r="BU26" s="315">
        <v>0</v>
      </c>
      <c r="BV26" s="315">
        <v>0</v>
      </c>
      <c r="BW26" s="315">
        <v>0</v>
      </c>
      <c r="BX26" s="315">
        <v>0</v>
      </c>
      <c r="BY26" s="312">
        <v>0</v>
      </c>
      <c r="BZ26" s="317">
        <v>0</v>
      </c>
      <c r="CA26" s="311">
        <v>0</v>
      </c>
      <c r="CB26" s="315">
        <v>0</v>
      </c>
      <c r="CC26" s="312">
        <v>0</v>
      </c>
      <c r="CD26" s="314">
        <v>0</v>
      </c>
      <c r="CE26" s="315">
        <v>0</v>
      </c>
      <c r="CF26" s="315">
        <v>0</v>
      </c>
      <c r="CG26" s="315">
        <v>0</v>
      </c>
      <c r="CH26" s="315">
        <v>0</v>
      </c>
      <c r="CI26" s="315">
        <v>0</v>
      </c>
      <c r="CJ26" s="312">
        <v>0</v>
      </c>
      <c r="CK26" s="317">
        <v>0</v>
      </c>
      <c r="CL26" s="311">
        <v>0</v>
      </c>
      <c r="CM26" s="315">
        <v>0</v>
      </c>
      <c r="CN26" s="312">
        <v>0</v>
      </c>
      <c r="CO26" s="314">
        <v>0</v>
      </c>
      <c r="CP26" s="315">
        <v>0</v>
      </c>
      <c r="CQ26" s="315">
        <v>0</v>
      </c>
      <c r="CR26" s="315">
        <v>0</v>
      </c>
      <c r="CS26" s="315">
        <v>0</v>
      </c>
      <c r="CT26" s="315">
        <v>0</v>
      </c>
      <c r="CU26" s="312">
        <v>0</v>
      </c>
      <c r="CV26" s="317">
        <v>0</v>
      </c>
    </row>
    <row r="27" spans="1:100" ht="21" customHeight="1" x14ac:dyDescent="0.2">
      <c r="A27" s="296" t="s">
        <v>25</v>
      </c>
      <c r="B27" s="311">
        <v>0</v>
      </c>
      <c r="C27" s="312">
        <v>0</v>
      </c>
      <c r="D27" s="313">
        <v>0</v>
      </c>
      <c r="E27" s="314">
        <v>0</v>
      </c>
      <c r="F27" s="315">
        <v>0</v>
      </c>
      <c r="G27" s="315">
        <v>0</v>
      </c>
      <c r="H27" s="315">
        <v>0</v>
      </c>
      <c r="I27" s="315">
        <v>0</v>
      </c>
      <c r="J27" s="315">
        <v>0</v>
      </c>
      <c r="K27" s="316">
        <v>0</v>
      </c>
      <c r="L27" s="317">
        <v>0</v>
      </c>
      <c r="M27" s="311">
        <v>0</v>
      </c>
      <c r="N27" s="315">
        <v>0</v>
      </c>
      <c r="O27" s="312">
        <v>0</v>
      </c>
      <c r="P27" s="314">
        <v>0</v>
      </c>
      <c r="Q27" s="315">
        <v>0</v>
      </c>
      <c r="R27" s="315">
        <v>0</v>
      </c>
      <c r="S27" s="315">
        <v>0</v>
      </c>
      <c r="T27" s="315">
        <v>0</v>
      </c>
      <c r="U27" s="315">
        <v>0</v>
      </c>
      <c r="V27" s="312">
        <v>0</v>
      </c>
      <c r="W27" s="317">
        <v>0</v>
      </c>
      <c r="X27" s="311">
        <v>0</v>
      </c>
      <c r="Y27" s="315">
        <v>0</v>
      </c>
      <c r="Z27" s="312">
        <v>0</v>
      </c>
      <c r="AA27" s="314">
        <v>0</v>
      </c>
      <c r="AB27" s="315">
        <v>70</v>
      </c>
      <c r="AC27" s="315">
        <v>28</v>
      </c>
      <c r="AD27" s="315">
        <v>15</v>
      </c>
      <c r="AE27" s="315">
        <v>11</v>
      </c>
      <c r="AF27" s="315">
        <v>2</v>
      </c>
      <c r="AG27" s="312">
        <v>126</v>
      </c>
      <c r="AH27" s="317">
        <v>126</v>
      </c>
      <c r="AI27" s="311">
        <v>0</v>
      </c>
      <c r="AJ27" s="315">
        <v>0</v>
      </c>
      <c r="AK27" s="312">
        <v>0</v>
      </c>
      <c r="AL27" s="314">
        <v>0</v>
      </c>
      <c r="AM27" s="315">
        <v>7</v>
      </c>
      <c r="AN27" s="315">
        <v>3</v>
      </c>
      <c r="AO27" s="315">
        <v>0</v>
      </c>
      <c r="AP27" s="315">
        <v>0</v>
      </c>
      <c r="AQ27" s="315">
        <v>1</v>
      </c>
      <c r="AR27" s="312">
        <v>11</v>
      </c>
      <c r="AS27" s="317">
        <v>11</v>
      </c>
      <c r="AT27" s="311">
        <v>0</v>
      </c>
      <c r="AU27" s="315">
        <v>0</v>
      </c>
      <c r="AV27" s="312">
        <v>0</v>
      </c>
      <c r="AW27" s="314">
        <v>0</v>
      </c>
      <c r="AX27" s="315">
        <v>2</v>
      </c>
      <c r="AY27" s="315">
        <v>2</v>
      </c>
      <c r="AZ27" s="315">
        <v>4</v>
      </c>
      <c r="BA27" s="315">
        <v>0</v>
      </c>
      <c r="BB27" s="315">
        <v>1</v>
      </c>
      <c r="BC27" s="312">
        <v>9</v>
      </c>
      <c r="BD27" s="317">
        <v>9</v>
      </c>
      <c r="BE27" s="311">
        <v>0</v>
      </c>
      <c r="BF27" s="315">
        <v>0</v>
      </c>
      <c r="BG27" s="312">
        <v>0</v>
      </c>
      <c r="BH27" s="314">
        <v>0</v>
      </c>
      <c r="BI27" s="315">
        <v>11</v>
      </c>
      <c r="BJ27" s="315">
        <v>7</v>
      </c>
      <c r="BK27" s="315">
        <v>5</v>
      </c>
      <c r="BL27" s="315">
        <v>4</v>
      </c>
      <c r="BM27" s="315">
        <v>1</v>
      </c>
      <c r="BN27" s="316">
        <v>28</v>
      </c>
      <c r="BO27" s="317">
        <v>28</v>
      </c>
      <c r="BP27" s="311">
        <v>0</v>
      </c>
      <c r="BQ27" s="315">
        <v>0</v>
      </c>
      <c r="BR27" s="312">
        <v>0</v>
      </c>
      <c r="BS27" s="314">
        <v>0</v>
      </c>
      <c r="BT27" s="315">
        <v>0</v>
      </c>
      <c r="BU27" s="315">
        <v>0</v>
      </c>
      <c r="BV27" s="315">
        <v>0</v>
      </c>
      <c r="BW27" s="315">
        <v>0</v>
      </c>
      <c r="BX27" s="315">
        <v>0</v>
      </c>
      <c r="BY27" s="312">
        <v>0</v>
      </c>
      <c r="BZ27" s="317">
        <v>0</v>
      </c>
      <c r="CA27" s="311">
        <v>0</v>
      </c>
      <c r="CB27" s="315">
        <v>0</v>
      </c>
      <c r="CC27" s="312">
        <v>0</v>
      </c>
      <c r="CD27" s="314">
        <v>0</v>
      </c>
      <c r="CE27" s="315">
        <v>0</v>
      </c>
      <c r="CF27" s="315">
        <v>0</v>
      </c>
      <c r="CG27" s="315">
        <v>0</v>
      </c>
      <c r="CH27" s="315">
        <v>0</v>
      </c>
      <c r="CI27" s="315">
        <v>0</v>
      </c>
      <c r="CJ27" s="312">
        <v>0</v>
      </c>
      <c r="CK27" s="317">
        <v>0</v>
      </c>
      <c r="CL27" s="311">
        <v>0</v>
      </c>
      <c r="CM27" s="315">
        <v>0</v>
      </c>
      <c r="CN27" s="312">
        <v>0</v>
      </c>
      <c r="CO27" s="314">
        <v>0</v>
      </c>
      <c r="CP27" s="315">
        <v>0</v>
      </c>
      <c r="CQ27" s="315">
        <v>0</v>
      </c>
      <c r="CR27" s="315">
        <v>0</v>
      </c>
      <c r="CS27" s="315">
        <v>0</v>
      </c>
      <c r="CT27" s="315">
        <v>0</v>
      </c>
      <c r="CU27" s="312">
        <v>0</v>
      </c>
      <c r="CV27" s="317">
        <v>0</v>
      </c>
    </row>
    <row r="28" spans="1:100" ht="21" customHeight="1" x14ac:dyDescent="0.2">
      <c r="A28" s="296" t="s">
        <v>26</v>
      </c>
      <c r="B28" s="311">
        <v>0</v>
      </c>
      <c r="C28" s="312">
        <v>0</v>
      </c>
      <c r="D28" s="313">
        <v>0</v>
      </c>
      <c r="E28" s="314">
        <v>0</v>
      </c>
      <c r="F28" s="315">
        <v>0</v>
      </c>
      <c r="G28" s="315">
        <v>0</v>
      </c>
      <c r="H28" s="315">
        <v>0</v>
      </c>
      <c r="I28" s="315">
        <v>0</v>
      </c>
      <c r="J28" s="315">
        <v>0</v>
      </c>
      <c r="K28" s="316">
        <v>0</v>
      </c>
      <c r="L28" s="317">
        <v>0</v>
      </c>
      <c r="M28" s="311">
        <v>0</v>
      </c>
      <c r="N28" s="315">
        <v>0</v>
      </c>
      <c r="O28" s="312">
        <v>0</v>
      </c>
      <c r="P28" s="314">
        <v>0</v>
      </c>
      <c r="Q28" s="315">
        <v>0</v>
      </c>
      <c r="R28" s="315">
        <v>0</v>
      </c>
      <c r="S28" s="315">
        <v>0</v>
      </c>
      <c r="T28" s="315">
        <v>0</v>
      </c>
      <c r="U28" s="315">
        <v>0</v>
      </c>
      <c r="V28" s="312">
        <v>0</v>
      </c>
      <c r="W28" s="317">
        <v>0</v>
      </c>
      <c r="X28" s="311">
        <v>0</v>
      </c>
      <c r="Y28" s="315">
        <v>0</v>
      </c>
      <c r="Z28" s="312">
        <v>0</v>
      </c>
      <c r="AA28" s="314">
        <v>0</v>
      </c>
      <c r="AB28" s="315">
        <v>46</v>
      </c>
      <c r="AC28" s="315">
        <v>44</v>
      </c>
      <c r="AD28" s="315">
        <v>15</v>
      </c>
      <c r="AE28" s="315">
        <v>14</v>
      </c>
      <c r="AF28" s="315">
        <v>10</v>
      </c>
      <c r="AG28" s="312">
        <v>129</v>
      </c>
      <c r="AH28" s="317">
        <v>129</v>
      </c>
      <c r="AI28" s="311">
        <v>0</v>
      </c>
      <c r="AJ28" s="315">
        <v>0</v>
      </c>
      <c r="AK28" s="312">
        <v>0</v>
      </c>
      <c r="AL28" s="314">
        <v>0</v>
      </c>
      <c r="AM28" s="315">
        <v>1</v>
      </c>
      <c r="AN28" s="315">
        <v>3</v>
      </c>
      <c r="AO28" s="315">
        <v>6</v>
      </c>
      <c r="AP28" s="315">
        <v>2</v>
      </c>
      <c r="AQ28" s="315">
        <v>3</v>
      </c>
      <c r="AR28" s="312">
        <v>15</v>
      </c>
      <c r="AS28" s="317">
        <v>15</v>
      </c>
      <c r="AT28" s="311">
        <v>2</v>
      </c>
      <c r="AU28" s="315">
        <v>0</v>
      </c>
      <c r="AV28" s="312">
        <v>2</v>
      </c>
      <c r="AW28" s="314">
        <v>0</v>
      </c>
      <c r="AX28" s="315">
        <v>9</v>
      </c>
      <c r="AY28" s="315">
        <v>6</v>
      </c>
      <c r="AZ28" s="315">
        <v>2</v>
      </c>
      <c r="BA28" s="315">
        <v>2</v>
      </c>
      <c r="BB28" s="315">
        <v>4</v>
      </c>
      <c r="BC28" s="312">
        <v>23</v>
      </c>
      <c r="BD28" s="317">
        <v>25</v>
      </c>
      <c r="BE28" s="311">
        <v>0</v>
      </c>
      <c r="BF28" s="315">
        <v>0</v>
      </c>
      <c r="BG28" s="312">
        <v>0</v>
      </c>
      <c r="BH28" s="314">
        <v>0</v>
      </c>
      <c r="BI28" s="315">
        <v>10</v>
      </c>
      <c r="BJ28" s="315">
        <v>8</v>
      </c>
      <c r="BK28" s="315">
        <v>19</v>
      </c>
      <c r="BL28" s="315">
        <v>12</v>
      </c>
      <c r="BM28" s="315">
        <v>6</v>
      </c>
      <c r="BN28" s="316">
        <v>55</v>
      </c>
      <c r="BO28" s="317">
        <v>55</v>
      </c>
      <c r="BP28" s="311">
        <v>0</v>
      </c>
      <c r="BQ28" s="315">
        <v>0</v>
      </c>
      <c r="BR28" s="312">
        <v>0</v>
      </c>
      <c r="BS28" s="314">
        <v>0</v>
      </c>
      <c r="BT28" s="315">
        <v>0</v>
      </c>
      <c r="BU28" s="315">
        <v>0</v>
      </c>
      <c r="BV28" s="315">
        <v>0</v>
      </c>
      <c r="BW28" s="315">
        <v>0</v>
      </c>
      <c r="BX28" s="315">
        <v>0</v>
      </c>
      <c r="BY28" s="312">
        <v>0</v>
      </c>
      <c r="BZ28" s="317">
        <v>0</v>
      </c>
      <c r="CA28" s="311">
        <v>0</v>
      </c>
      <c r="CB28" s="315">
        <v>0</v>
      </c>
      <c r="CC28" s="312">
        <v>0</v>
      </c>
      <c r="CD28" s="314">
        <v>0</v>
      </c>
      <c r="CE28" s="315">
        <v>0</v>
      </c>
      <c r="CF28" s="315">
        <v>1</v>
      </c>
      <c r="CG28" s="315">
        <v>0</v>
      </c>
      <c r="CH28" s="315">
        <v>0</v>
      </c>
      <c r="CI28" s="315">
        <v>0</v>
      </c>
      <c r="CJ28" s="312">
        <v>1</v>
      </c>
      <c r="CK28" s="317">
        <v>1</v>
      </c>
      <c r="CL28" s="311">
        <v>0</v>
      </c>
      <c r="CM28" s="315">
        <v>0</v>
      </c>
      <c r="CN28" s="312">
        <v>0</v>
      </c>
      <c r="CO28" s="314">
        <v>0</v>
      </c>
      <c r="CP28" s="315">
        <v>0</v>
      </c>
      <c r="CQ28" s="315">
        <v>0</v>
      </c>
      <c r="CR28" s="315">
        <v>0</v>
      </c>
      <c r="CS28" s="315">
        <v>0</v>
      </c>
      <c r="CT28" s="315">
        <v>0</v>
      </c>
      <c r="CU28" s="312">
        <v>0</v>
      </c>
      <c r="CV28" s="317">
        <v>0</v>
      </c>
    </row>
    <row r="29" spans="1:100" ht="21" customHeight="1" x14ac:dyDescent="0.2">
      <c r="A29" s="296" t="s">
        <v>27</v>
      </c>
      <c r="B29" s="311">
        <v>0</v>
      </c>
      <c r="C29" s="312">
        <v>0</v>
      </c>
      <c r="D29" s="313">
        <v>0</v>
      </c>
      <c r="E29" s="314">
        <v>0</v>
      </c>
      <c r="F29" s="315">
        <v>0</v>
      </c>
      <c r="G29" s="315">
        <v>1</v>
      </c>
      <c r="H29" s="315">
        <v>1</v>
      </c>
      <c r="I29" s="315">
        <v>0</v>
      </c>
      <c r="J29" s="315">
        <v>0</v>
      </c>
      <c r="K29" s="316">
        <v>2</v>
      </c>
      <c r="L29" s="317">
        <v>2</v>
      </c>
      <c r="M29" s="311">
        <v>0</v>
      </c>
      <c r="N29" s="315">
        <v>0</v>
      </c>
      <c r="O29" s="312">
        <v>0</v>
      </c>
      <c r="P29" s="314">
        <v>0</v>
      </c>
      <c r="Q29" s="315">
        <v>0</v>
      </c>
      <c r="R29" s="315">
        <v>0</v>
      </c>
      <c r="S29" s="315">
        <v>0</v>
      </c>
      <c r="T29" s="315">
        <v>0</v>
      </c>
      <c r="U29" s="315">
        <v>0</v>
      </c>
      <c r="V29" s="312">
        <v>0</v>
      </c>
      <c r="W29" s="317">
        <v>0</v>
      </c>
      <c r="X29" s="311">
        <v>0</v>
      </c>
      <c r="Y29" s="315">
        <v>0</v>
      </c>
      <c r="Z29" s="312">
        <v>0</v>
      </c>
      <c r="AA29" s="314">
        <v>0</v>
      </c>
      <c r="AB29" s="315">
        <v>30</v>
      </c>
      <c r="AC29" s="315">
        <v>19</v>
      </c>
      <c r="AD29" s="315">
        <v>14</v>
      </c>
      <c r="AE29" s="315">
        <v>1</v>
      </c>
      <c r="AF29" s="315">
        <v>1</v>
      </c>
      <c r="AG29" s="312">
        <v>65</v>
      </c>
      <c r="AH29" s="317">
        <v>65</v>
      </c>
      <c r="AI29" s="311">
        <v>0</v>
      </c>
      <c r="AJ29" s="315">
        <v>0</v>
      </c>
      <c r="AK29" s="312">
        <v>0</v>
      </c>
      <c r="AL29" s="314">
        <v>0</v>
      </c>
      <c r="AM29" s="315">
        <v>3</v>
      </c>
      <c r="AN29" s="315">
        <v>2</v>
      </c>
      <c r="AO29" s="315">
        <v>1</v>
      </c>
      <c r="AP29" s="315">
        <v>1</v>
      </c>
      <c r="AQ29" s="315">
        <v>1</v>
      </c>
      <c r="AR29" s="312">
        <v>8</v>
      </c>
      <c r="AS29" s="317">
        <v>8</v>
      </c>
      <c r="AT29" s="311">
        <v>0</v>
      </c>
      <c r="AU29" s="315">
        <v>0</v>
      </c>
      <c r="AV29" s="312">
        <v>0</v>
      </c>
      <c r="AW29" s="314">
        <v>0</v>
      </c>
      <c r="AX29" s="315">
        <v>0</v>
      </c>
      <c r="AY29" s="315">
        <v>1</v>
      </c>
      <c r="AZ29" s="315">
        <v>0</v>
      </c>
      <c r="BA29" s="315">
        <v>0</v>
      </c>
      <c r="BB29" s="315">
        <v>0</v>
      </c>
      <c r="BC29" s="312">
        <v>1</v>
      </c>
      <c r="BD29" s="317">
        <v>1</v>
      </c>
      <c r="BE29" s="311">
        <v>0</v>
      </c>
      <c r="BF29" s="315">
        <v>0</v>
      </c>
      <c r="BG29" s="312">
        <v>0</v>
      </c>
      <c r="BH29" s="314">
        <v>0</v>
      </c>
      <c r="BI29" s="315">
        <v>18</v>
      </c>
      <c r="BJ29" s="315">
        <v>4</v>
      </c>
      <c r="BK29" s="315">
        <v>5</v>
      </c>
      <c r="BL29" s="315">
        <v>2</v>
      </c>
      <c r="BM29" s="315">
        <v>6</v>
      </c>
      <c r="BN29" s="316">
        <v>35</v>
      </c>
      <c r="BO29" s="317">
        <v>35</v>
      </c>
      <c r="BP29" s="311">
        <v>0</v>
      </c>
      <c r="BQ29" s="315">
        <v>0</v>
      </c>
      <c r="BR29" s="312">
        <v>0</v>
      </c>
      <c r="BS29" s="314">
        <v>0</v>
      </c>
      <c r="BT29" s="315">
        <v>0</v>
      </c>
      <c r="BU29" s="315">
        <v>0</v>
      </c>
      <c r="BV29" s="315">
        <v>0</v>
      </c>
      <c r="BW29" s="315">
        <v>0</v>
      </c>
      <c r="BX29" s="315">
        <v>0</v>
      </c>
      <c r="BY29" s="312">
        <v>0</v>
      </c>
      <c r="BZ29" s="317">
        <v>0</v>
      </c>
      <c r="CA29" s="311">
        <v>0</v>
      </c>
      <c r="CB29" s="315">
        <v>0</v>
      </c>
      <c r="CC29" s="312">
        <v>0</v>
      </c>
      <c r="CD29" s="314">
        <v>0</v>
      </c>
      <c r="CE29" s="315">
        <v>0</v>
      </c>
      <c r="CF29" s="315">
        <v>0</v>
      </c>
      <c r="CG29" s="315">
        <v>14</v>
      </c>
      <c r="CH29" s="315">
        <v>5</v>
      </c>
      <c r="CI29" s="315">
        <v>3</v>
      </c>
      <c r="CJ29" s="312">
        <v>22</v>
      </c>
      <c r="CK29" s="317">
        <v>22</v>
      </c>
      <c r="CL29" s="311">
        <v>0</v>
      </c>
      <c r="CM29" s="315">
        <v>0</v>
      </c>
      <c r="CN29" s="312">
        <v>0</v>
      </c>
      <c r="CO29" s="314">
        <v>0</v>
      </c>
      <c r="CP29" s="315">
        <v>0</v>
      </c>
      <c r="CQ29" s="315">
        <v>0</v>
      </c>
      <c r="CR29" s="315">
        <v>1</v>
      </c>
      <c r="CS29" s="315">
        <v>0</v>
      </c>
      <c r="CT29" s="315">
        <v>0</v>
      </c>
      <c r="CU29" s="312">
        <v>1</v>
      </c>
      <c r="CV29" s="317">
        <v>1</v>
      </c>
    </row>
    <row r="30" spans="1:100" ht="21" customHeight="1" x14ac:dyDescent="0.2">
      <c r="A30" s="296" t="s">
        <v>28</v>
      </c>
      <c r="B30" s="311">
        <v>0</v>
      </c>
      <c r="C30" s="312">
        <v>0</v>
      </c>
      <c r="D30" s="313">
        <v>0</v>
      </c>
      <c r="E30" s="314">
        <v>0</v>
      </c>
      <c r="F30" s="315">
        <v>0</v>
      </c>
      <c r="G30" s="315">
        <v>0</v>
      </c>
      <c r="H30" s="315">
        <v>0</v>
      </c>
      <c r="I30" s="315">
        <v>0</v>
      </c>
      <c r="J30" s="315">
        <v>0</v>
      </c>
      <c r="K30" s="316">
        <v>0</v>
      </c>
      <c r="L30" s="317">
        <v>0</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17</v>
      </c>
      <c r="AC30" s="315">
        <v>16</v>
      </c>
      <c r="AD30" s="315">
        <v>1</v>
      </c>
      <c r="AE30" s="315">
        <v>4</v>
      </c>
      <c r="AF30" s="315">
        <v>1</v>
      </c>
      <c r="AG30" s="312">
        <v>39</v>
      </c>
      <c r="AH30" s="317">
        <v>39</v>
      </c>
      <c r="AI30" s="311">
        <v>0</v>
      </c>
      <c r="AJ30" s="315">
        <v>0</v>
      </c>
      <c r="AK30" s="312">
        <v>0</v>
      </c>
      <c r="AL30" s="314">
        <v>0</v>
      </c>
      <c r="AM30" s="315">
        <v>1</v>
      </c>
      <c r="AN30" s="315">
        <v>1</v>
      </c>
      <c r="AO30" s="315">
        <v>3</v>
      </c>
      <c r="AP30" s="315">
        <v>0</v>
      </c>
      <c r="AQ30" s="315">
        <v>1</v>
      </c>
      <c r="AR30" s="312">
        <v>6</v>
      </c>
      <c r="AS30" s="317">
        <v>6</v>
      </c>
      <c r="AT30" s="311">
        <v>0</v>
      </c>
      <c r="AU30" s="315">
        <v>0</v>
      </c>
      <c r="AV30" s="312">
        <v>0</v>
      </c>
      <c r="AW30" s="314">
        <v>0</v>
      </c>
      <c r="AX30" s="315">
        <v>0</v>
      </c>
      <c r="AY30" s="315">
        <v>0</v>
      </c>
      <c r="AZ30" s="315">
        <v>0</v>
      </c>
      <c r="BA30" s="315">
        <v>0</v>
      </c>
      <c r="BB30" s="315">
        <v>0</v>
      </c>
      <c r="BC30" s="312">
        <v>0</v>
      </c>
      <c r="BD30" s="317">
        <v>0</v>
      </c>
      <c r="BE30" s="311">
        <v>0</v>
      </c>
      <c r="BF30" s="315">
        <v>0</v>
      </c>
      <c r="BG30" s="312">
        <v>0</v>
      </c>
      <c r="BH30" s="314">
        <v>0</v>
      </c>
      <c r="BI30" s="315">
        <v>0</v>
      </c>
      <c r="BJ30" s="315">
        <v>3</v>
      </c>
      <c r="BK30" s="315">
        <v>6</v>
      </c>
      <c r="BL30" s="315">
        <v>2</v>
      </c>
      <c r="BM30" s="315">
        <v>4</v>
      </c>
      <c r="BN30" s="316">
        <v>15</v>
      </c>
      <c r="BO30" s="317">
        <v>15</v>
      </c>
      <c r="BP30" s="311">
        <v>0</v>
      </c>
      <c r="BQ30" s="315">
        <v>0</v>
      </c>
      <c r="BR30" s="312">
        <v>0</v>
      </c>
      <c r="BS30" s="314">
        <v>0</v>
      </c>
      <c r="BT30" s="315">
        <v>0</v>
      </c>
      <c r="BU30" s="315">
        <v>0</v>
      </c>
      <c r="BV30" s="315">
        <v>0</v>
      </c>
      <c r="BW30" s="315">
        <v>0</v>
      </c>
      <c r="BX30" s="315">
        <v>0</v>
      </c>
      <c r="BY30" s="312">
        <v>0</v>
      </c>
      <c r="BZ30" s="317">
        <v>0</v>
      </c>
      <c r="CA30" s="311">
        <v>0</v>
      </c>
      <c r="CB30" s="315">
        <v>0</v>
      </c>
      <c r="CC30" s="312">
        <v>0</v>
      </c>
      <c r="CD30" s="314">
        <v>0</v>
      </c>
      <c r="CE30" s="315">
        <v>0</v>
      </c>
      <c r="CF30" s="315">
        <v>0</v>
      </c>
      <c r="CG30" s="315">
        <v>1</v>
      </c>
      <c r="CH30" s="315">
        <v>0</v>
      </c>
      <c r="CI30" s="315">
        <v>0</v>
      </c>
      <c r="CJ30" s="312">
        <v>1</v>
      </c>
      <c r="CK30" s="317">
        <v>1</v>
      </c>
      <c r="CL30" s="311">
        <v>0</v>
      </c>
      <c r="CM30" s="315">
        <v>0</v>
      </c>
      <c r="CN30" s="312">
        <v>0</v>
      </c>
      <c r="CO30" s="314">
        <v>0</v>
      </c>
      <c r="CP30" s="315">
        <v>0</v>
      </c>
      <c r="CQ30" s="315">
        <v>0</v>
      </c>
      <c r="CR30" s="315">
        <v>0</v>
      </c>
      <c r="CS30" s="315">
        <v>0</v>
      </c>
      <c r="CT30" s="315">
        <v>0</v>
      </c>
      <c r="CU30" s="312">
        <v>0</v>
      </c>
      <c r="CV30" s="317">
        <v>0</v>
      </c>
    </row>
    <row r="31" spans="1:100" ht="21" customHeight="1" x14ac:dyDescent="0.2">
      <c r="A31" s="296" t="s">
        <v>29</v>
      </c>
      <c r="B31" s="311">
        <v>0</v>
      </c>
      <c r="C31" s="312">
        <v>0</v>
      </c>
      <c r="D31" s="313">
        <v>0</v>
      </c>
      <c r="E31" s="314">
        <v>0</v>
      </c>
      <c r="F31" s="315">
        <v>0</v>
      </c>
      <c r="G31" s="315">
        <v>0</v>
      </c>
      <c r="H31" s="315">
        <v>0</v>
      </c>
      <c r="I31" s="315">
        <v>0</v>
      </c>
      <c r="J31" s="315">
        <v>0</v>
      </c>
      <c r="K31" s="316">
        <v>0</v>
      </c>
      <c r="L31" s="317">
        <v>0</v>
      </c>
      <c r="M31" s="311">
        <v>0</v>
      </c>
      <c r="N31" s="315">
        <v>0</v>
      </c>
      <c r="O31" s="312">
        <v>0</v>
      </c>
      <c r="P31" s="314">
        <v>0</v>
      </c>
      <c r="Q31" s="315">
        <v>0</v>
      </c>
      <c r="R31" s="315">
        <v>0</v>
      </c>
      <c r="S31" s="315">
        <v>0</v>
      </c>
      <c r="T31" s="315">
        <v>0</v>
      </c>
      <c r="U31" s="315">
        <v>0</v>
      </c>
      <c r="V31" s="312">
        <v>0</v>
      </c>
      <c r="W31" s="317">
        <v>0</v>
      </c>
      <c r="X31" s="311">
        <v>0</v>
      </c>
      <c r="Y31" s="315">
        <v>0</v>
      </c>
      <c r="Z31" s="312">
        <v>0</v>
      </c>
      <c r="AA31" s="314">
        <v>0</v>
      </c>
      <c r="AB31" s="315">
        <v>16</v>
      </c>
      <c r="AC31" s="315">
        <v>16</v>
      </c>
      <c r="AD31" s="315">
        <v>3</v>
      </c>
      <c r="AE31" s="315">
        <v>2</v>
      </c>
      <c r="AF31" s="315">
        <v>0</v>
      </c>
      <c r="AG31" s="312">
        <v>37</v>
      </c>
      <c r="AH31" s="317">
        <v>37</v>
      </c>
      <c r="AI31" s="311">
        <v>0</v>
      </c>
      <c r="AJ31" s="315">
        <v>0</v>
      </c>
      <c r="AK31" s="312">
        <v>0</v>
      </c>
      <c r="AL31" s="314">
        <v>0</v>
      </c>
      <c r="AM31" s="315">
        <v>0</v>
      </c>
      <c r="AN31" s="315">
        <v>2</v>
      </c>
      <c r="AO31" s="315">
        <v>3</v>
      </c>
      <c r="AP31" s="315">
        <v>1</v>
      </c>
      <c r="AQ31" s="315">
        <v>0</v>
      </c>
      <c r="AR31" s="312">
        <v>6</v>
      </c>
      <c r="AS31" s="317">
        <v>6</v>
      </c>
      <c r="AT31" s="311">
        <v>1</v>
      </c>
      <c r="AU31" s="315">
        <v>2</v>
      </c>
      <c r="AV31" s="312">
        <v>3</v>
      </c>
      <c r="AW31" s="314">
        <v>0</v>
      </c>
      <c r="AX31" s="315">
        <v>3</v>
      </c>
      <c r="AY31" s="315">
        <v>2</v>
      </c>
      <c r="AZ31" s="315">
        <v>3</v>
      </c>
      <c r="BA31" s="315">
        <v>5</v>
      </c>
      <c r="BB31" s="315">
        <v>1</v>
      </c>
      <c r="BC31" s="312">
        <v>14</v>
      </c>
      <c r="BD31" s="317">
        <v>17</v>
      </c>
      <c r="BE31" s="311">
        <v>0</v>
      </c>
      <c r="BF31" s="315">
        <v>0</v>
      </c>
      <c r="BG31" s="312">
        <v>0</v>
      </c>
      <c r="BH31" s="314">
        <v>0</v>
      </c>
      <c r="BI31" s="315">
        <v>2</v>
      </c>
      <c r="BJ31" s="315">
        <v>4</v>
      </c>
      <c r="BK31" s="315">
        <v>2</v>
      </c>
      <c r="BL31" s="315">
        <v>2</v>
      </c>
      <c r="BM31" s="315">
        <v>2</v>
      </c>
      <c r="BN31" s="316">
        <v>12</v>
      </c>
      <c r="BO31" s="317">
        <v>12</v>
      </c>
      <c r="BP31" s="311">
        <v>0</v>
      </c>
      <c r="BQ31" s="315">
        <v>0</v>
      </c>
      <c r="BR31" s="312">
        <v>0</v>
      </c>
      <c r="BS31" s="314">
        <v>0</v>
      </c>
      <c r="BT31" s="315">
        <v>0</v>
      </c>
      <c r="BU31" s="315">
        <v>0</v>
      </c>
      <c r="BV31" s="315">
        <v>0</v>
      </c>
      <c r="BW31" s="315">
        <v>0</v>
      </c>
      <c r="BX31" s="315">
        <v>0</v>
      </c>
      <c r="BY31" s="312">
        <v>0</v>
      </c>
      <c r="BZ31" s="317">
        <v>0</v>
      </c>
      <c r="CA31" s="311">
        <v>0</v>
      </c>
      <c r="CB31" s="315">
        <v>0</v>
      </c>
      <c r="CC31" s="312">
        <v>0</v>
      </c>
      <c r="CD31" s="314">
        <v>0</v>
      </c>
      <c r="CE31" s="315">
        <v>0</v>
      </c>
      <c r="CF31" s="315">
        <v>1</v>
      </c>
      <c r="CG31" s="315">
        <v>5</v>
      </c>
      <c r="CH31" s="315">
        <v>5</v>
      </c>
      <c r="CI31" s="315">
        <v>5</v>
      </c>
      <c r="CJ31" s="312">
        <v>16</v>
      </c>
      <c r="CK31" s="317">
        <v>16</v>
      </c>
      <c r="CL31" s="311">
        <v>0</v>
      </c>
      <c r="CM31" s="315">
        <v>0</v>
      </c>
      <c r="CN31" s="312">
        <v>0</v>
      </c>
      <c r="CO31" s="314">
        <v>0</v>
      </c>
      <c r="CP31" s="315">
        <v>0</v>
      </c>
      <c r="CQ31" s="315">
        <v>0</v>
      </c>
      <c r="CR31" s="315">
        <v>0</v>
      </c>
      <c r="CS31" s="315">
        <v>0</v>
      </c>
      <c r="CT31" s="315">
        <v>0</v>
      </c>
      <c r="CU31" s="312">
        <v>0</v>
      </c>
      <c r="CV31" s="317">
        <v>0</v>
      </c>
    </row>
    <row r="32" spans="1:100" ht="21" customHeight="1" x14ac:dyDescent="0.2">
      <c r="A32" s="296" t="s">
        <v>30</v>
      </c>
      <c r="B32" s="311">
        <v>0</v>
      </c>
      <c r="C32" s="312">
        <v>0</v>
      </c>
      <c r="D32" s="313">
        <v>0</v>
      </c>
      <c r="E32" s="314">
        <v>0</v>
      </c>
      <c r="F32" s="315">
        <v>0</v>
      </c>
      <c r="G32" s="315">
        <v>0</v>
      </c>
      <c r="H32" s="315">
        <v>1</v>
      </c>
      <c r="I32" s="315">
        <v>0</v>
      </c>
      <c r="J32" s="315">
        <v>0</v>
      </c>
      <c r="K32" s="316">
        <v>1</v>
      </c>
      <c r="L32" s="317">
        <v>1</v>
      </c>
      <c r="M32" s="311">
        <v>0</v>
      </c>
      <c r="N32" s="315">
        <v>0</v>
      </c>
      <c r="O32" s="312">
        <v>0</v>
      </c>
      <c r="P32" s="314">
        <v>0</v>
      </c>
      <c r="Q32" s="315">
        <v>0</v>
      </c>
      <c r="R32" s="315">
        <v>0</v>
      </c>
      <c r="S32" s="315">
        <v>0</v>
      </c>
      <c r="T32" s="315">
        <v>0</v>
      </c>
      <c r="U32" s="315">
        <v>0</v>
      </c>
      <c r="V32" s="312">
        <v>0</v>
      </c>
      <c r="W32" s="317">
        <v>0</v>
      </c>
      <c r="X32" s="311">
        <v>0</v>
      </c>
      <c r="Y32" s="315">
        <v>0</v>
      </c>
      <c r="Z32" s="312">
        <v>0</v>
      </c>
      <c r="AA32" s="314">
        <v>0</v>
      </c>
      <c r="AB32" s="315">
        <v>25</v>
      </c>
      <c r="AC32" s="315">
        <v>14</v>
      </c>
      <c r="AD32" s="315">
        <v>11</v>
      </c>
      <c r="AE32" s="315">
        <v>4</v>
      </c>
      <c r="AF32" s="315">
        <v>1</v>
      </c>
      <c r="AG32" s="312">
        <v>55</v>
      </c>
      <c r="AH32" s="317">
        <v>55</v>
      </c>
      <c r="AI32" s="311">
        <v>1</v>
      </c>
      <c r="AJ32" s="315">
        <v>0</v>
      </c>
      <c r="AK32" s="312">
        <v>1</v>
      </c>
      <c r="AL32" s="314">
        <v>0</v>
      </c>
      <c r="AM32" s="315">
        <v>0</v>
      </c>
      <c r="AN32" s="315">
        <v>1</v>
      </c>
      <c r="AO32" s="315">
        <v>2</v>
      </c>
      <c r="AP32" s="315">
        <v>0</v>
      </c>
      <c r="AQ32" s="315">
        <v>0</v>
      </c>
      <c r="AR32" s="312">
        <v>3</v>
      </c>
      <c r="AS32" s="317">
        <v>4</v>
      </c>
      <c r="AT32" s="311">
        <v>0</v>
      </c>
      <c r="AU32" s="315">
        <v>0</v>
      </c>
      <c r="AV32" s="312">
        <v>0</v>
      </c>
      <c r="AW32" s="314">
        <v>0</v>
      </c>
      <c r="AX32" s="315">
        <v>0</v>
      </c>
      <c r="AY32" s="315">
        <v>0</v>
      </c>
      <c r="AZ32" s="315">
        <v>1</v>
      </c>
      <c r="BA32" s="315">
        <v>1</v>
      </c>
      <c r="BB32" s="315">
        <v>0</v>
      </c>
      <c r="BC32" s="312">
        <v>2</v>
      </c>
      <c r="BD32" s="317">
        <v>2</v>
      </c>
      <c r="BE32" s="311">
        <v>0</v>
      </c>
      <c r="BF32" s="315">
        <v>0</v>
      </c>
      <c r="BG32" s="312">
        <v>0</v>
      </c>
      <c r="BH32" s="314">
        <v>0</v>
      </c>
      <c r="BI32" s="315">
        <v>8</v>
      </c>
      <c r="BJ32" s="315">
        <v>3</v>
      </c>
      <c r="BK32" s="315">
        <v>8</v>
      </c>
      <c r="BL32" s="315">
        <v>2</v>
      </c>
      <c r="BM32" s="315">
        <v>1</v>
      </c>
      <c r="BN32" s="316">
        <v>22</v>
      </c>
      <c r="BO32" s="317">
        <v>22</v>
      </c>
      <c r="BP32" s="311">
        <v>0</v>
      </c>
      <c r="BQ32" s="315">
        <v>0</v>
      </c>
      <c r="BR32" s="312">
        <v>0</v>
      </c>
      <c r="BS32" s="314">
        <v>0</v>
      </c>
      <c r="BT32" s="315">
        <v>0</v>
      </c>
      <c r="BU32" s="315">
        <v>0</v>
      </c>
      <c r="BV32" s="315">
        <v>0</v>
      </c>
      <c r="BW32" s="315">
        <v>0</v>
      </c>
      <c r="BX32" s="315">
        <v>0</v>
      </c>
      <c r="BY32" s="312">
        <v>0</v>
      </c>
      <c r="BZ32" s="317">
        <v>0</v>
      </c>
      <c r="CA32" s="311">
        <v>0</v>
      </c>
      <c r="CB32" s="315">
        <v>0</v>
      </c>
      <c r="CC32" s="312">
        <v>0</v>
      </c>
      <c r="CD32" s="314">
        <v>0</v>
      </c>
      <c r="CE32" s="315">
        <v>0</v>
      </c>
      <c r="CF32" s="315">
        <v>0</v>
      </c>
      <c r="CG32" s="315">
        <v>0</v>
      </c>
      <c r="CH32" s="315">
        <v>0</v>
      </c>
      <c r="CI32" s="315">
        <v>0</v>
      </c>
      <c r="CJ32" s="312">
        <v>0</v>
      </c>
      <c r="CK32" s="317">
        <v>0</v>
      </c>
      <c r="CL32" s="311">
        <v>0</v>
      </c>
      <c r="CM32" s="315">
        <v>0</v>
      </c>
      <c r="CN32" s="312">
        <v>0</v>
      </c>
      <c r="CO32" s="314">
        <v>0</v>
      </c>
      <c r="CP32" s="315">
        <v>0</v>
      </c>
      <c r="CQ32" s="315">
        <v>0</v>
      </c>
      <c r="CR32" s="315">
        <v>0</v>
      </c>
      <c r="CS32" s="315">
        <v>0</v>
      </c>
      <c r="CT32" s="315">
        <v>0</v>
      </c>
      <c r="CU32" s="312">
        <v>0</v>
      </c>
      <c r="CV32" s="317">
        <v>0</v>
      </c>
    </row>
    <row r="33" spans="1:100" ht="21" customHeight="1" x14ac:dyDescent="0.2">
      <c r="A33" s="296" t="s">
        <v>31</v>
      </c>
      <c r="B33" s="311">
        <v>0</v>
      </c>
      <c r="C33" s="312">
        <v>0</v>
      </c>
      <c r="D33" s="313">
        <v>0</v>
      </c>
      <c r="E33" s="314">
        <v>0</v>
      </c>
      <c r="F33" s="315">
        <v>0</v>
      </c>
      <c r="G33" s="315">
        <v>2</v>
      </c>
      <c r="H33" s="315">
        <v>0</v>
      </c>
      <c r="I33" s="315">
        <v>0</v>
      </c>
      <c r="J33" s="315">
        <v>0</v>
      </c>
      <c r="K33" s="316">
        <v>2</v>
      </c>
      <c r="L33" s="317">
        <v>2</v>
      </c>
      <c r="M33" s="311">
        <v>0</v>
      </c>
      <c r="N33" s="315">
        <v>0</v>
      </c>
      <c r="O33" s="312">
        <v>0</v>
      </c>
      <c r="P33" s="314">
        <v>0</v>
      </c>
      <c r="Q33" s="315">
        <v>0</v>
      </c>
      <c r="R33" s="315">
        <v>0</v>
      </c>
      <c r="S33" s="315">
        <v>0</v>
      </c>
      <c r="T33" s="315">
        <v>0</v>
      </c>
      <c r="U33" s="315">
        <v>0</v>
      </c>
      <c r="V33" s="312">
        <v>0</v>
      </c>
      <c r="W33" s="317">
        <v>0</v>
      </c>
      <c r="X33" s="311">
        <v>0</v>
      </c>
      <c r="Y33" s="315">
        <v>0</v>
      </c>
      <c r="Z33" s="312">
        <v>0</v>
      </c>
      <c r="AA33" s="314">
        <v>0</v>
      </c>
      <c r="AB33" s="315">
        <v>28</v>
      </c>
      <c r="AC33" s="315">
        <v>19</v>
      </c>
      <c r="AD33" s="315">
        <v>8</v>
      </c>
      <c r="AE33" s="315">
        <v>1</v>
      </c>
      <c r="AF33" s="315">
        <v>2</v>
      </c>
      <c r="AG33" s="312">
        <v>58</v>
      </c>
      <c r="AH33" s="317">
        <v>58</v>
      </c>
      <c r="AI33" s="311">
        <v>0</v>
      </c>
      <c r="AJ33" s="315">
        <v>0</v>
      </c>
      <c r="AK33" s="312">
        <v>0</v>
      </c>
      <c r="AL33" s="314">
        <v>0</v>
      </c>
      <c r="AM33" s="315">
        <v>0</v>
      </c>
      <c r="AN33" s="315">
        <v>1</v>
      </c>
      <c r="AO33" s="315">
        <v>1</v>
      </c>
      <c r="AP33" s="315">
        <v>0</v>
      </c>
      <c r="AQ33" s="315">
        <v>0</v>
      </c>
      <c r="AR33" s="312">
        <v>2</v>
      </c>
      <c r="AS33" s="317">
        <v>2</v>
      </c>
      <c r="AT33" s="311">
        <v>0</v>
      </c>
      <c r="AU33" s="315">
        <v>1</v>
      </c>
      <c r="AV33" s="312">
        <v>1</v>
      </c>
      <c r="AW33" s="314">
        <v>0</v>
      </c>
      <c r="AX33" s="315">
        <v>6</v>
      </c>
      <c r="AY33" s="315">
        <v>8</v>
      </c>
      <c r="AZ33" s="315">
        <v>4</v>
      </c>
      <c r="BA33" s="315">
        <v>2</v>
      </c>
      <c r="BB33" s="315">
        <v>2</v>
      </c>
      <c r="BC33" s="312">
        <v>22</v>
      </c>
      <c r="BD33" s="317">
        <v>23</v>
      </c>
      <c r="BE33" s="311">
        <v>0</v>
      </c>
      <c r="BF33" s="315">
        <v>0</v>
      </c>
      <c r="BG33" s="312">
        <v>0</v>
      </c>
      <c r="BH33" s="314">
        <v>0</v>
      </c>
      <c r="BI33" s="315">
        <v>7</v>
      </c>
      <c r="BJ33" s="315">
        <v>10</v>
      </c>
      <c r="BK33" s="315">
        <v>12</v>
      </c>
      <c r="BL33" s="315">
        <v>8</v>
      </c>
      <c r="BM33" s="315">
        <v>2</v>
      </c>
      <c r="BN33" s="316">
        <v>39</v>
      </c>
      <c r="BO33" s="317">
        <v>39</v>
      </c>
      <c r="BP33" s="311">
        <v>0</v>
      </c>
      <c r="BQ33" s="315">
        <v>0</v>
      </c>
      <c r="BR33" s="312">
        <v>0</v>
      </c>
      <c r="BS33" s="314">
        <v>0</v>
      </c>
      <c r="BT33" s="315">
        <v>0</v>
      </c>
      <c r="BU33" s="315">
        <v>0</v>
      </c>
      <c r="BV33" s="315">
        <v>0</v>
      </c>
      <c r="BW33" s="315">
        <v>0</v>
      </c>
      <c r="BX33" s="315">
        <v>0</v>
      </c>
      <c r="BY33" s="312">
        <v>0</v>
      </c>
      <c r="BZ33" s="317">
        <v>0</v>
      </c>
      <c r="CA33" s="311">
        <v>0</v>
      </c>
      <c r="CB33" s="315">
        <v>0</v>
      </c>
      <c r="CC33" s="312">
        <v>0</v>
      </c>
      <c r="CD33" s="314">
        <v>0</v>
      </c>
      <c r="CE33" s="315">
        <v>0</v>
      </c>
      <c r="CF33" s="315">
        <v>0</v>
      </c>
      <c r="CG33" s="315">
        <v>0</v>
      </c>
      <c r="CH33" s="315">
        <v>0</v>
      </c>
      <c r="CI33" s="315">
        <v>0</v>
      </c>
      <c r="CJ33" s="312">
        <v>0</v>
      </c>
      <c r="CK33" s="317">
        <v>0</v>
      </c>
      <c r="CL33" s="311">
        <v>0</v>
      </c>
      <c r="CM33" s="315">
        <v>0</v>
      </c>
      <c r="CN33" s="312">
        <v>0</v>
      </c>
      <c r="CO33" s="314">
        <v>0</v>
      </c>
      <c r="CP33" s="315">
        <v>0</v>
      </c>
      <c r="CQ33" s="315">
        <v>0</v>
      </c>
      <c r="CR33" s="315">
        <v>0</v>
      </c>
      <c r="CS33" s="315">
        <v>0</v>
      </c>
      <c r="CT33" s="315">
        <v>0</v>
      </c>
      <c r="CU33" s="312">
        <v>0</v>
      </c>
      <c r="CV33" s="317">
        <v>0</v>
      </c>
    </row>
    <row r="34" spans="1:100" ht="21" customHeight="1" x14ac:dyDescent="0.2">
      <c r="A34" s="296" t="s">
        <v>32</v>
      </c>
      <c r="B34" s="311">
        <v>0</v>
      </c>
      <c r="C34" s="312">
        <v>0</v>
      </c>
      <c r="D34" s="313">
        <v>0</v>
      </c>
      <c r="E34" s="314">
        <v>0</v>
      </c>
      <c r="F34" s="315">
        <v>3</v>
      </c>
      <c r="G34" s="315">
        <v>1</v>
      </c>
      <c r="H34" s="315">
        <v>2</v>
      </c>
      <c r="I34" s="315">
        <v>2</v>
      </c>
      <c r="J34" s="315">
        <v>0</v>
      </c>
      <c r="K34" s="316">
        <v>8</v>
      </c>
      <c r="L34" s="317">
        <v>8</v>
      </c>
      <c r="M34" s="311">
        <v>0</v>
      </c>
      <c r="N34" s="315">
        <v>0</v>
      </c>
      <c r="O34" s="312">
        <v>0</v>
      </c>
      <c r="P34" s="314">
        <v>0</v>
      </c>
      <c r="Q34" s="315">
        <v>0</v>
      </c>
      <c r="R34" s="315">
        <v>0</v>
      </c>
      <c r="S34" s="315">
        <v>0</v>
      </c>
      <c r="T34" s="315">
        <v>0</v>
      </c>
      <c r="U34" s="315">
        <v>0</v>
      </c>
      <c r="V34" s="312">
        <v>0</v>
      </c>
      <c r="W34" s="317">
        <v>0</v>
      </c>
      <c r="X34" s="311">
        <v>0</v>
      </c>
      <c r="Y34" s="315">
        <v>0</v>
      </c>
      <c r="Z34" s="312">
        <v>0</v>
      </c>
      <c r="AA34" s="314">
        <v>0</v>
      </c>
      <c r="AB34" s="315">
        <v>45</v>
      </c>
      <c r="AC34" s="315">
        <v>23</v>
      </c>
      <c r="AD34" s="315">
        <v>8</v>
      </c>
      <c r="AE34" s="315">
        <v>3</v>
      </c>
      <c r="AF34" s="315">
        <v>1</v>
      </c>
      <c r="AG34" s="312">
        <v>80</v>
      </c>
      <c r="AH34" s="317">
        <v>80</v>
      </c>
      <c r="AI34" s="311">
        <v>0</v>
      </c>
      <c r="AJ34" s="315">
        <v>0</v>
      </c>
      <c r="AK34" s="312">
        <v>0</v>
      </c>
      <c r="AL34" s="314">
        <v>0</v>
      </c>
      <c r="AM34" s="315">
        <v>2</v>
      </c>
      <c r="AN34" s="315">
        <v>0</v>
      </c>
      <c r="AO34" s="315">
        <v>2</v>
      </c>
      <c r="AP34" s="315">
        <v>0</v>
      </c>
      <c r="AQ34" s="315">
        <v>2</v>
      </c>
      <c r="AR34" s="312">
        <v>6</v>
      </c>
      <c r="AS34" s="317">
        <v>6</v>
      </c>
      <c r="AT34" s="311">
        <v>0</v>
      </c>
      <c r="AU34" s="315">
        <v>0</v>
      </c>
      <c r="AV34" s="312">
        <v>0</v>
      </c>
      <c r="AW34" s="314">
        <v>0</v>
      </c>
      <c r="AX34" s="315">
        <v>1</v>
      </c>
      <c r="AY34" s="315">
        <v>0</v>
      </c>
      <c r="AZ34" s="315">
        <v>2</v>
      </c>
      <c r="BA34" s="315">
        <v>2</v>
      </c>
      <c r="BB34" s="315">
        <v>0</v>
      </c>
      <c r="BC34" s="312">
        <v>5</v>
      </c>
      <c r="BD34" s="317">
        <v>5</v>
      </c>
      <c r="BE34" s="311">
        <v>0</v>
      </c>
      <c r="BF34" s="315">
        <v>0</v>
      </c>
      <c r="BG34" s="312">
        <v>0</v>
      </c>
      <c r="BH34" s="314">
        <v>0</v>
      </c>
      <c r="BI34" s="315">
        <v>3</v>
      </c>
      <c r="BJ34" s="315">
        <v>7</v>
      </c>
      <c r="BK34" s="315">
        <v>12</v>
      </c>
      <c r="BL34" s="315">
        <v>7</v>
      </c>
      <c r="BM34" s="315">
        <v>5</v>
      </c>
      <c r="BN34" s="316">
        <v>34</v>
      </c>
      <c r="BO34" s="317">
        <v>34</v>
      </c>
      <c r="BP34" s="311">
        <v>0</v>
      </c>
      <c r="BQ34" s="315">
        <v>0</v>
      </c>
      <c r="BR34" s="312">
        <v>0</v>
      </c>
      <c r="BS34" s="314">
        <v>0</v>
      </c>
      <c r="BT34" s="315">
        <v>0</v>
      </c>
      <c r="BU34" s="315">
        <v>0</v>
      </c>
      <c r="BV34" s="315">
        <v>0</v>
      </c>
      <c r="BW34" s="315">
        <v>0</v>
      </c>
      <c r="BX34" s="315">
        <v>0</v>
      </c>
      <c r="BY34" s="312">
        <v>0</v>
      </c>
      <c r="BZ34" s="317">
        <v>0</v>
      </c>
      <c r="CA34" s="311">
        <v>0</v>
      </c>
      <c r="CB34" s="315">
        <v>0</v>
      </c>
      <c r="CC34" s="312">
        <v>0</v>
      </c>
      <c r="CD34" s="314">
        <v>0</v>
      </c>
      <c r="CE34" s="315">
        <v>0</v>
      </c>
      <c r="CF34" s="315">
        <v>1</v>
      </c>
      <c r="CG34" s="315">
        <v>10</v>
      </c>
      <c r="CH34" s="315">
        <v>12</v>
      </c>
      <c r="CI34" s="315">
        <v>3</v>
      </c>
      <c r="CJ34" s="312">
        <v>26</v>
      </c>
      <c r="CK34" s="317">
        <v>26</v>
      </c>
      <c r="CL34" s="311">
        <v>0</v>
      </c>
      <c r="CM34" s="315">
        <v>0</v>
      </c>
      <c r="CN34" s="312">
        <v>0</v>
      </c>
      <c r="CO34" s="314">
        <v>0</v>
      </c>
      <c r="CP34" s="315">
        <v>0</v>
      </c>
      <c r="CQ34" s="315">
        <v>0</v>
      </c>
      <c r="CR34" s="315">
        <v>0</v>
      </c>
      <c r="CS34" s="315">
        <v>0</v>
      </c>
      <c r="CT34" s="315">
        <v>0</v>
      </c>
      <c r="CU34" s="312">
        <v>0</v>
      </c>
      <c r="CV34" s="317">
        <v>0</v>
      </c>
    </row>
    <row r="35" spans="1:100" ht="21" customHeight="1" x14ac:dyDescent="0.2">
      <c r="A35" s="296" t="s">
        <v>33</v>
      </c>
      <c r="B35" s="311">
        <v>0</v>
      </c>
      <c r="C35" s="312">
        <v>0</v>
      </c>
      <c r="D35" s="313">
        <v>0</v>
      </c>
      <c r="E35" s="314">
        <v>0</v>
      </c>
      <c r="F35" s="315">
        <v>0</v>
      </c>
      <c r="G35" s="315">
        <v>0</v>
      </c>
      <c r="H35" s="315">
        <v>0</v>
      </c>
      <c r="I35" s="315">
        <v>0</v>
      </c>
      <c r="J35" s="315">
        <v>0</v>
      </c>
      <c r="K35" s="316">
        <v>0</v>
      </c>
      <c r="L35" s="317">
        <v>0</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30</v>
      </c>
      <c r="AC35" s="315">
        <v>15</v>
      </c>
      <c r="AD35" s="315">
        <v>11</v>
      </c>
      <c r="AE35" s="315">
        <v>3</v>
      </c>
      <c r="AF35" s="315">
        <v>2</v>
      </c>
      <c r="AG35" s="312">
        <v>61</v>
      </c>
      <c r="AH35" s="317">
        <v>61</v>
      </c>
      <c r="AI35" s="311">
        <v>0</v>
      </c>
      <c r="AJ35" s="315">
        <v>0</v>
      </c>
      <c r="AK35" s="312">
        <v>0</v>
      </c>
      <c r="AL35" s="314">
        <v>0</v>
      </c>
      <c r="AM35" s="315">
        <v>1</v>
      </c>
      <c r="AN35" s="315">
        <v>0</v>
      </c>
      <c r="AO35" s="315">
        <v>0</v>
      </c>
      <c r="AP35" s="315">
        <v>0</v>
      </c>
      <c r="AQ35" s="315">
        <v>0</v>
      </c>
      <c r="AR35" s="312">
        <v>1</v>
      </c>
      <c r="AS35" s="317">
        <v>1</v>
      </c>
      <c r="AT35" s="311">
        <v>0</v>
      </c>
      <c r="AU35" s="315">
        <v>0</v>
      </c>
      <c r="AV35" s="312">
        <v>0</v>
      </c>
      <c r="AW35" s="314">
        <v>0</v>
      </c>
      <c r="AX35" s="315">
        <v>0</v>
      </c>
      <c r="AY35" s="315">
        <v>0</v>
      </c>
      <c r="AZ35" s="315">
        <v>0</v>
      </c>
      <c r="BA35" s="315">
        <v>0</v>
      </c>
      <c r="BB35" s="315">
        <v>0</v>
      </c>
      <c r="BC35" s="312">
        <v>0</v>
      </c>
      <c r="BD35" s="317">
        <v>0</v>
      </c>
      <c r="BE35" s="311">
        <v>0</v>
      </c>
      <c r="BF35" s="315">
        <v>2</v>
      </c>
      <c r="BG35" s="312">
        <v>2</v>
      </c>
      <c r="BH35" s="314">
        <v>0</v>
      </c>
      <c r="BI35" s="315">
        <v>2</v>
      </c>
      <c r="BJ35" s="315">
        <v>4</v>
      </c>
      <c r="BK35" s="315">
        <v>8</v>
      </c>
      <c r="BL35" s="315">
        <v>1</v>
      </c>
      <c r="BM35" s="315">
        <v>1</v>
      </c>
      <c r="BN35" s="316">
        <v>16</v>
      </c>
      <c r="BO35" s="317">
        <v>18</v>
      </c>
      <c r="BP35" s="311">
        <v>0</v>
      </c>
      <c r="BQ35" s="315">
        <v>0</v>
      </c>
      <c r="BR35" s="312">
        <v>0</v>
      </c>
      <c r="BS35" s="314">
        <v>0</v>
      </c>
      <c r="BT35" s="315">
        <v>0</v>
      </c>
      <c r="BU35" s="315">
        <v>0</v>
      </c>
      <c r="BV35" s="315">
        <v>0</v>
      </c>
      <c r="BW35" s="315">
        <v>0</v>
      </c>
      <c r="BX35" s="315">
        <v>0</v>
      </c>
      <c r="BY35" s="312">
        <v>0</v>
      </c>
      <c r="BZ35" s="317">
        <v>0</v>
      </c>
      <c r="CA35" s="311">
        <v>0</v>
      </c>
      <c r="CB35" s="315">
        <v>0</v>
      </c>
      <c r="CC35" s="312">
        <v>0</v>
      </c>
      <c r="CD35" s="314">
        <v>0</v>
      </c>
      <c r="CE35" s="315">
        <v>0</v>
      </c>
      <c r="CF35" s="315">
        <v>0</v>
      </c>
      <c r="CG35" s="315">
        <v>0</v>
      </c>
      <c r="CH35" s="315">
        <v>0</v>
      </c>
      <c r="CI35" s="315">
        <v>0</v>
      </c>
      <c r="CJ35" s="312">
        <v>0</v>
      </c>
      <c r="CK35" s="317">
        <v>0</v>
      </c>
      <c r="CL35" s="311">
        <v>0</v>
      </c>
      <c r="CM35" s="315">
        <v>0</v>
      </c>
      <c r="CN35" s="312">
        <v>0</v>
      </c>
      <c r="CO35" s="314">
        <v>0</v>
      </c>
      <c r="CP35" s="315">
        <v>6</v>
      </c>
      <c r="CQ35" s="315">
        <v>8</v>
      </c>
      <c r="CR35" s="315">
        <v>6</v>
      </c>
      <c r="CS35" s="315">
        <v>1</v>
      </c>
      <c r="CT35" s="315">
        <v>1</v>
      </c>
      <c r="CU35" s="312">
        <v>22</v>
      </c>
      <c r="CV35" s="317">
        <v>22</v>
      </c>
    </row>
    <row r="36" spans="1:100" ht="21" customHeight="1" x14ac:dyDescent="0.2">
      <c r="A36" s="296" t="s">
        <v>34</v>
      </c>
      <c r="B36" s="311">
        <v>0</v>
      </c>
      <c r="C36" s="312">
        <v>0</v>
      </c>
      <c r="D36" s="313">
        <v>0</v>
      </c>
      <c r="E36" s="314">
        <v>0</v>
      </c>
      <c r="F36" s="315">
        <v>0</v>
      </c>
      <c r="G36" s="315">
        <v>0</v>
      </c>
      <c r="H36" s="315">
        <v>0</v>
      </c>
      <c r="I36" s="315">
        <v>0</v>
      </c>
      <c r="J36" s="315">
        <v>0</v>
      </c>
      <c r="K36" s="316">
        <v>0</v>
      </c>
      <c r="L36" s="317">
        <v>0</v>
      </c>
      <c r="M36" s="311">
        <v>0</v>
      </c>
      <c r="N36" s="315">
        <v>0</v>
      </c>
      <c r="O36" s="312">
        <v>0</v>
      </c>
      <c r="P36" s="314">
        <v>0</v>
      </c>
      <c r="Q36" s="315">
        <v>0</v>
      </c>
      <c r="R36" s="315">
        <v>0</v>
      </c>
      <c r="S36" s="315">
        <v>0</v>
      </c>
      <c r="T36" s="315">
        <v>0</v>
      </c>
      <c r="U36" s="315">
        <v>0</v>
      </c>
      <c r="V36" s="312">
        <v>0</v>
      </c>
      <c r="W36" s="317">
        <v>0</v>
      </c>
      <c r="X36" s="311">
        <v>0</v>
      </c>
      <c r="Y36" s="315">
        <v>0</v>
      </c>
      <c r="Z36" s="312">
        <v>0</v>
      </c>
      <c r="AA36" s="314">
        <v>0</v>
      </c>
      <c r="AB36" s="315">
        <v>17</v>
      </c>
      <c r="AC36" s="315">
        <v>5</v>
      </c>
      <c r="AD36" s="315">
        <v>0</v>
      </c>
      <c r="AE36" s="315">
        <v>2</v>
      </c>
      <c r="AF36" s="315">
        <v>1</v>
      </c>
      <c r="AG36" s="312">
        <v>25</v>
      </c>
      <c r="AH36" s="317">
        <v>25</v>
      </c>
      <c r="AI36" s="311">
        <v>0</v>
      </c>
      <c r="AJ36" s="315">
        <v>0</v>
      </c>
      <c r="AK36" s="312">
        <v>0</v>
      </c>
      <c r="AL36" s="314">
        <v>0</v>
      </c>
      <c r="AM36" s="315">
        <v>0</v>
      </c>
      <c r="AN36" s="315">
        <v>0</v>
      </c>
      <c r="AO36" s="315">
        <v>0</v>
      </c>
      <c r="AP36" s="315">
        <v>1</v>
      </c>
      <c r="AQ36" s="315">
        <v>0</v>
      </c>
      <c r="AR36" s="312">
        <v>1</v>
      </c>
      <c r="AS36" s="317">
        <v>1</v>
      </c>
      <c r="AT36" s="311">
        <v>3</v>
      </c>
      <c r="AU36" s="315">
        <v>3</v>
      </c>
      <c r="AV36" s="312">
        <v>6</v>
      </c>
      <c r="AW36" s="314">
        <v>0</v>
      </c>
      <c r="AX36" s="315">
        <v>7</v>
      </c>
      <c r="AY36" s="315">
        <v>7</v>
      </c>
      <c r="AZ36" s="315">
        <v>2</v>
      </c>
      <c r="BA36" s="315">
        <v>2</v>
      </c>
      <c r="BB36" s="315">
        <v>1</v>
      </c>
      <c r="BC36" s="312">
        <v>19</v>
      </c>
      <c r="BD36" s="317">
        <v>25</v>
      </c>
      <c r="BE36" s="311">
        <v>0</v>
      </c>
      <c r="BF36" s="315">
        <v>0</v>
      </c>
      <c r="BG36" s="312">
        <v>0</v>
      </c>
      <c r="BH36" s="314">
        <v>0</v>
      </c>
      <c r="BI36" s="315">
        <v>3</v>
      </c>
      <c r="BJ36" s="315">
        <v>2</v>
      </c>
      <c r="BK36" s="315">
        <v>2</v>
      </c>
      <c r="BL36" s="315">
        <v>4</v>
      </c>
      <c r="BM36" s="315">
        <v>3</v>
      </c>
      <c r="BN36" s="316">
        <v>14</v>
      </c>
      <c r="BO36" s="317">
        <v>14</v>
      </c>
      <c r="BP36" s="311">
        <v>0</v>
      </c>
      <c r="BQ36" s="315">
        <v>0</v>
      </c>
      <c r="BR36" s="312">
        <v>0</v>
      </c>
      <c r="BS36" s="314">
        <v>0</v>
      </c>
      <c r="BT36" s="315">
        <v>0</v>
      </c>
      <c r="BU36" s="315">
        <v>0</v>
      </c>
      <c r="BV36" s="315">
        <v>0</v>
      </c>
      <c r="BW36" s="315">
        <v>0</v>
      </c>
      <c r="BX36" s="315">
        <v>0</v>
      </c>
      <c r="BY36" s="312">
        <v>0</v>
      </c>
      <c r="BZ36" s="317">
        <v>0</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4</v>
      </c>
      <c r="CQ36" s="315">
        <v>11</v>
      </c>
      <c r="CR36" s="315">
        <v>5</v>
      </c>
      <c r="CS36" s="315">
        <v>3</v>
      </c>
      <c r="CT36" s="315">
        <v>1</v>
      </c>
      <c r="CU36" s="312">
        <v>24</v>
      </c>
      <c r="CV36" s="317">
        <v>24</v>
      </c>
    </row>
    <row r="37" spans="1:100" ht="21" customHeight="1" x14ac:dyDescent="0.2">
      <c r="A37" s="296" t="s">
        <v>35</v>
      </c>
      <c r="B37" s="311">
        <v>0</v>
      </c>
      <c r="C37" s="312">
        <v>0</v>
      </c>
      <c r="D37" s="313">
        <v>0</v>
      </c>
      <c r="E37" s="314">
        <v>0</v>
      </c>
      <c r="F37" s="315">
        <v>0</v>
      </c>
      <c r="G37" s="315">
        <v>1</v>
      </c>
      <c r="H37" s="315">
        <v>1</v>
      </c>
      <c r="I37" s="315">
        <v>1</v>
      </c>
      <c r="J37" s="315">
        <v>0</v>
      </c>
      <c r="K37" s="316">
        <v>3</v>
      </c>
      <c r="L37" s="317">
        <v>3</v>
      </c>
      <c r="M37" s="311">
        <v>0</v>
      </c>
      <c r="N37" s="315">
        <v>0</v>
      </c>
      <c r="O37" s="312">
        <v>0</v>
      </c>
      <c r="P37" s="314">
        <v>0</v>
      </c>
      <c r="Q37" s="315">
        <v>0</v>
      </c>
      <c r="R37" s="315">
        <v>0</v>
      </c>
      <c r="S37" s="315">
        <v>0</v>
      </c>
      <c r="T37" s="315">
        <v>0</v>
      </c>
      <c r="U37" s="315">
        <v>0</v>
      </c>
      <c r="V37" s="312">
        <v>0</v>
      </c>
      <c r="W37" s="317">
        <v>0</v>
      </c>
      <c r="X37" s="311">
        <v>0</v>
      </c>
      <c r="Y37" s="315">
        <v>0</v>
      </c>
      <c r="Z37" s="312">
        <v>0</v>
      </c>
      <c r="AA37" s="314">
        <v>0</v>
      </c>
      <c r="AB37" s="315">
        <v>22</v>
      </c>
      <c r="AC37" s="315">
        <v>15</v>
      </c>
      <c r="AD37" s="315">
        <v>9</v>
      </c>
      <c r="AE37" s="315">
        <v>11</v>
      </c>
      <c r="AF37" s="315">
        <v>1</v>
      </c>
      <c r="AG37" s="312">
        <v>58</v>
      </c>
      <c r="AH37" s="317">
        <v>58</v>
      </c>
      <c r="AI37" s="311">
        <v>0</v>
      </c>
      <c r="AJ37" s="315">
        <v>0</v>
      </c>
      <c r="AK37" s="312">
        <v>0</v>
      </c>
      <c r="AL37" s="314">
        <v>0</v>
      </c>
      <c r="AM37" s="315">
        <v>0</v>
      </c>
      <c r="AN37" s="315">
        <v>0</v>
      </c>
      <c r="AO37" s="315">
        <v>0</v>
      </c>
      <c r="AP37" s="315">
        <v>0</v>
      </c>
      <c r="AQ37" s="315">
        <v>0</v>
      </c>
      <c r="AR37" s="312">
        <v>0</v>
      </c>
      <c r="AS37" s="317">
        <v>0</v>
      </c>
      <c r="AT37" s="311">
        <v>0</v>
      </c>
      <c r="AU37" s="315">
        <v>3</v>
      </c>
      <c r="AV37" s="312">
        <v>3</v>
      </c>
      <c r="AW37" s="314">
        <v>0</v>
      </c>
      <c r="AX37" s="315">
        <v>7</v>
      </c>
      <c r="AY37" s="315">
        <v>11</v>
      </c>
      <c r="AZ37" s="315">
        <v>8</v>
      </c>
      <c r="BA37" s="315">
        <v>3</v>
      </c>
      <c r="BB37" s="315">
        <v>2</v>
      </c>
      <c r="BC37" s="312">
        <v>31</v>
      </c>
      <c r="BD37" s="317">
        <v>34</v>
      </c>
      <c r="BE37" s="311">
        <v>0</v>
      </c>
      <c r="BF37" s="315">
        <v>0</v>
      </c>
      <c r="BG37" s="312">
        <v>0</v>
      </c>
      <c r="BH37" s="314">
        <v>0</v>
      </c>
      <c r="BI37" s="315">
        <v>11</v>
      </c>
      <c r="BJ37" s="315">
        <v>15</v>
      </c>
      <c r="BK37" s="315">
        <v>18</v>
      </c>
      <c r="BL37" s="315">
        <v>12</v>
      </c>
      <c r="BM37" s="315">
        <v>5</v>
      </c>
      <c r="BN37" s="316">
        <v>61</v>
      </c>
      <c r="BO37" s="317">
        <v>61</v>
      </c>
      <c r="BP37" s="311">
        <v>0</v>
      </c>
      <c r="BQ37" s="315">
        <v>0</v>
      </c>
      <c r="BR37" s="312">
        <v>0</v>
      </c>
      <c r="BS37" s="314">
        <v>0</v>
      </c>
      <c r="BT37" s="315">
        <v>0</v>
      </c>
      <c r="BU37" s="315">
        <v>0</v>
      </c>
      <c r="BV37" s="315">
        <v>0</v>
      </c>
      <c r="BW37" s="315">
        <v>0</v>
      </c>
      <c r="BX37" s="315">
        <v>0</v>
      </c>
      <c r="BY37" s="312">
        <v>0</v>
      </c>
      <c r="BZ37" s="317">
        <v>0</v>
      </c>
      <c r="CA37" s="311">
        <v>0</v>
      </c>
      <c r="CB37" s="315">
        <v>0</v>
      </c>
      <c r="CC37" s="312">
        <v>0</v>
      </c>
      <c r="CD37" s="314">
        <v>0</v>
      </c>
      <c r="CE37" s="315">
        <v>0</v>
      </c>
      <c r="CF37" s="315">
        <v>0</v>
      </c>
      <c r="CG37" s="315">
        <v>0</v>
      </c>
      <c r="CH37" s="315">
        <v>0</v>
      </c>
      <c r="CI37" s="315">
        <v>0</v>
      </c>
      <c r="CJ37" s="312">
        <v>0</v>
      </c>
      <c r="CK37" s="317">
        <v>0</v>
      </c>
      <c r="CL37" s="311">
        <v>0</v>
      </c>
      <c r="CM37" s="315">
        <v>0</v>
      </c>
      <c r="CN37" s="312">
        <v>0</v>
      </c>
      <c r="CO37" s="314">
        <v>0</v>
      </c>
      <c r="CP37" s="315">
        <v>0</v>
      </c>
      <c r="CQ37" s="315">
        <v>0</v>
      </c>
      <c r="CR37" s="315">
        <v>0</v>
      </c>
      <c r="CS37" s="315">
        <v>0</v>
      </c>
      <c r="CT37" s="315">
        <v>0</v>
      </c>
      <c r="CU37" s="312">
        <v>0</v>
      </c>
      <c r="CV37" s="317">
        <v>0</v>
      </c>
    </row>
    <row r="38" spans="1:100" ht="21" customHeight="1" x14ac:dyDescent="0.2">
      <c r="A38" s="296" t="s">
        <v>36</v>
      </c>
      <c r="B38" s="311">
        <v>0</v>
      </c>
      <c r="C38" s="312">
        <v>0</v>
      </c>
      <c r="D38" s="313">
        <v>0</v>
      </c>
      <c r="E38" s="314">
        <v>0</v>
      </c>
      <c r="F38" s="315">
        <v>0</v>
      </c>
      <c r="G38" s="315">
        <v>0</v>
      </c>
      <c r="H38" s="315">
        <v>0</v>
      </c>
      <c r="I38" s="315">
        <v>0</v>
      </c>
      <c r="J38" s="315">
        <v>0</v>
      </c>
      <c r="K38" s="316">
        <v>0</v>
      </c>
      <c r="L38" s="317">
        <v>0</v>
      </c>
      <c r="M38" s="311">
        <v>0</v>
      </c>
      <c r="N38" s="315">
        <v>0</v>
      </c>
      <c r="O38" s="312">
        <v>0</v>
      </c>
      <c r="P38" s="314">
        <v>0</v>
      </c>
      <c r="Q38" s="315">
        <v>0</v>
      </c>
      <c r="R38" s="315">
        <v>0</v>
      </c>
      <c r="S38" s="315">
        <v>0</v>
      </c>
      <c r="T38" s="315">
        <v>0</v>
      </c>
      <c r="U38" s="315">
        <v>0</v>
      </c>
      <c r="V38" s="312">
        <v>0</v>
      </c>
      <c r="W38" s="317">
        <v>0</v>
      </c>
      <c r="X38" s="311">
        <v>0</v>
      </c>
      <c r="Y38" s="315">
        <v>0</v>
      </c>
      <c r="Z38" s="312">
        <v>0</v>
      </c>
      <c r="AA38" s="314">
        <v>0</v>
      </c>
      <c r="AB38" s="315">
        <v>58</v>
      </c>
      <c r="AC38" s="315">
        <v>55</v>
      </c>
      <c r="AD38" s="315">
        <v>27</v>
      </c>
      <c r="AE38" s="315">
        <v>15</v>
      </c>
      <c r="AF38" s="315">
        <v>11</v>
      </c>
      <c r="AG38" s="312">
        <v>166</v>
      </c>
      <c r="AH38" s="317">
        <v>166</v>
      </c>
      <c r="AI38" s="311">
        <v>0</v>
      </c>
      <c r="AJ38" s="315">
        <v>0</v>
      </c>
      <c r="AK38" s="312">
        <v>0</v>
      </c>
      <c r="AL38" s="314">
        <v>0</v>
      </c>
      <c r="AM38" s="315">
        <v>0</v>
      </c>
      <c r="AN38" s="315">
        <v>0</v>
      </c>
      <c r="AO38" s="315">
        <v>0</v>
      </c>
      <c r="AP38" s="315">
        <v>0</v>
      </c>
      <c r="AQ38" s="315">
        <v>0</v>
      </c>
      <c r="AR38" s="312">
        <v>0</v>
      </c>
      <c r="AS38" s="317">
        <v>0</v>
      </c>
      <c r="AT38" s="311">
        <v>1</v>
      </c>
      <c r="AU38" s="315">
        <v>1</v>
      </c>
      <c r="AV38" s="312">
        <v>2</v>
      </c>
      <c r="AW38" s="314">
        <v>0</v>
      </c>
      <c r="AX38" s="315">
        <v>7</v>
      </c>
      <c r="AY38" s="315">
        <v>6</v>
      </c>
      <c r="AZ38" s="315">
        <v>4</v>
      </c>
      <c r="BA38" s="315">
        <v>2</v>
      </c>
      <c r="BB38" s="315">
        <v>0</v>
      </c>
      <c r="BC38" s="312">
        <v>19</v>
      </c>
      <c r="BD38" s="317">
        <v>21</v>
      </c>
      <c r="BE38" s="311">
        <v>0</v>
      </c>
      <c r="BF38" s="315">
        <v>0</v>
      </c>
      <c r="BG38" s="312">
        <v>0</v>
      </c>
      <c r="BH38" s="314">
        <v>0</v>
      </c>
      <c r="BI38" s="315">
        <v>5</v>
      </c>
      <c r="BJ38" s="315">
        <v>5</v>
      </c>
      <c r="BK38" s="315">
        <v>13</v>
      </c>
      <c r="BL38" s="315">
        <v>9</v>
      </c>
      <c r="BM38" s="315">
        <v>2</v>
      </c>
      <c r="BN38" s="316">
        <v>34</v>
      </c>
      <c r="BO38" s="317">
        <v>34</v>
      </c>
      <c r="BP38" s="311">
        <v>0</v>
      </c>
      <c r="BQ38" s="315">
        <v>0</v>
      </c>
      <c r="BR38" s="312">
        <v>0</v>
      </c>
      <c r="BS38" s="314">
        <v>0</v>
      </c>
      <c r="BT38" s="315">
        <v>0</v>
      </c>
      <c r="BU38" s="315">
        <v>0</v>
      </c>
      <c r="BV38" s="315">
        <v>0</v>
      </c>
      <c r="BW38" s="315">
        <v>0</v>
      </c>
      <c r="BX38" s="315">
        <v>0</v>
      </c>
      <c r="BY38" s="312">
        <v>0</v>
      </c>
      <c r="BZ38" s="317">
        <v>0</v>
      </c>
      <c r="CA38" s="311">
        <v>0</v>
      </c>
      <c r="CB38" s="315">
        <v>0</v>
      </c>
      <c r="CC38" s="312">
        <v>0</v>
      </c>
      <c r="CD38" s="314">
        <v>0</v>
      </c>
      <c r="CE38" s="315">
        <v>0</v>
      </c>
      <c r="CF38" s="315">
        <v>0</v>
      </c>
      <c r="CG38" s="315">
        <v>0</v>
      </c>
      <c r="CH38" s="315">
        <v>0</v>
      </c>
      <c r="CI38" s="315">
        <v>0</v>
      </c>
      <c r="CJ38" s="312">
        <v>0</v>
      </c>
      <c r="CK38" s="317">
        <v>0</v>
      </c>
      <c r="CL38" s="311">
        <v>0</v>
      </c>
      <c r="CM38" s="315">
        <v>0</v>
      </c>
      <c r="CN38" s="312">
        <v>0</v>
      </c>
      <c r="CO38" s="314">
        <v>0</v>
      </c>
      <c r="CP38" s="315">
        <v>0</v>
      </c>
      <c r="CQ38" s="315">
        <v>0</v>
      </c>
      <c r="CR38" s="315">
        <v>0</v>
      </c>
      <c r="CS38" s="315">
        <v>0</v>
      </c>
      <c r="CT38" s="315">
        <v>0</v>
      </c>
      <c r="CU38" s="312">
        <v>0</v>
      </c>
      <c r="CV38" s="317">
        <v>0</v>
      </c>
    </row>
    <row r="39" spans="1:100" ht="21" customHeight="1" thickBot="1" x14ac:dyDescent="0.25">
      <c r="A39" s="297" t="s">
        <v>37</v>
      </c>
      <c r="B39" s="318">
        <v>0</v>
      </c>
      <c r="C39" s="319">
        <v>0</v>
      </c>
      <c r="D39" s="320">
        <v>0</v>
      </c>
      <c r="E39" s="321">
        <v>0</v>
      </c>
      <c r="F39" s="322">
        <v>0</v>
      </c>
      <c r="G39" s="322">
        <v>0</v>
      </c>
      <c r="H39" s="322">
        <v>0</v>
      </c>
      <c r="I39" s="322">
        <v>0</v>
      </c>
      <c r="J39" s="322">
        <v>1</v>
      </c>
      <c r="K39" s="323">
        <v>1</v>
      </c>
      <c r="L39" s="324">
        <v>1</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15</v>
      </c>
      <c r="AC39" s="322">
        <v>10</v>
      </c>
      <c r="AD39" s="322">
        <v>4</v>
      </c>
      <c r="AE39" s="322">
        <v>0</v>
      </c>
      <c r="AF39" s="322">
        <v>2</v>
      </c>
      <c r="AG39" s="319">
        <v>31</v>
      </c>
      <c r="AH39" s="324">
        <v>31</v>
      </c>
      <c r="AI39" s="318">
        <v>0</v>
      </c>
      <c r="AJ39" s="322">
        <v>0</v>
      </c>
      <c r="AK39" s="319">
        <v>0</v>
      </c>
      <c r="AL39" s="321">
        <v>0</v>
      </c>
      <c r="AM39" s="322">
        <v>1</v>
      </c>
      <c r="AN39" s="322">
        <v>0</v>
      </c>
      <c r="AO39" s="322">
        <v>1</v>
      </c>
      <c r="AP39" s="322">
        <v>0</v>
      </c>
      <c r="AQ39" s="322">
        <v>0</v>
      </c>
      <c r="AR39" s="319">
        <v>2</v>
      </c>
      <c r="AS39" s="324">
        <v>2</v>
      </c>
      <c r="AT39" s="318">
        <v>0</v>
      </c>
      <c r="AU39" s="322">
        <v>0</v>
      </c>
      <c r="AV39" s="319">
        <v>0</v>
      </c>
      <c r="AW39" s="321">
        <v>0</v>
      </c>
      <c r="AX39" s="322">
        <v>0</v>
      </c>
      <c r="AY39" s="322">
        <v>0</v>
      </c>
      <c r="AZ39" s="322">
        <v>0</v>
      </c>
      <c r="BA39" s="322">
        <v>0</v>
      </c>
      <c r="BB39" s="322">
        <v>0</v>
      </c>
      <c r="BC39" s="319">
        <v>0</v>
      </c>
      <c r="BD39" s="324">
        <v>0</v>
      </c>
      <c r="BE39" s="318">
        <v>0</v>
      </c>
      <c r="BF39" s="322">
        <v>0</v>
      </c>
      <c r="BG39" s="319">
        <v>0</v>
      </c>
      <c r="BH39" s="321">
        <v>0</v>
      </c>
      <c r="BI39" s="322">
        <v>1</v>
      </c>
      <c r="BJ39" s="322">
        <v>1</v>
      </c>
      <c r="BK39" s="322">
        <v>3</v>
      </c>
      <c r="BL39" s="322">
        <v>0</v>
      </c>
      <c r="BM39" s="322">
        <v>0</v>
      </c>
      <c r="BN39" s="323">
        <v>5</v>
      </c>
      <c r="BO39" s="324">
        <v>5</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0</v>
      </c>
      <c r="CT39" s="322">
        <v>0</v>
      </c>
      <c r="CU39" s="319">
        <v>0</v>
      </c>
      <c r="CV39" s="324">
        <v>0</v>
      </c>
    </row>
  </sheetData>
  <mergeCells count="39">
    <mergeCell ref="P4:V4"/>
    <mergeCell ref="AT3:BD3"/>
    <mergeCell ref="H1:I1"/>
    <mergeCell ref="K1:L1"/>
    <mergeCell ref="BZ4:BZ5"/>
    <mergeCell ref="BE3:BO3"/>
    <mergeCell ref="BP3:BZ3"/>
    <mergeCell ref="BO4:BO5"/>
    <mergeCell ref="BD4:BD5"/>
    <mergeCell ref="A3:A5"/>
    <mergeCell ref="AH4:AH5"/>
    <mergeCell ref="AI4:AK4"/>
    <mergeCell ref="B3:L3"/>
    <mergeCell ref="M3:W3"/>
    <mergeCell ref="X3:AH3"/>
    <mergeCell ref="AI3:AS3"/>
    <mergeCell ref="AL4:AR4"/>
    <mergeCell ref="AS4:AS5"/>
    <mergeCell ref="B4:D4"/>
    <mergeCell ref="E4:K4"/>
    <mergeCell ref="L4:L5"/>
    <mergeCell ref="W4:W5"/>
    <mergeCell ref="X4:Z4"/>
    <mergeCell ref="AA4:AG4"/>
    <mergeCell ref="M4:O4"/>
    <mergeCell ref="CL3:CV3"/>
    <mergeCell ref="CO4:CU4"/>
    <mergeCell ref="CL4:CN4"/>
    <mergeCell ref="CA4:CC4"/>
    <mergeCell ref="AT4:AV4"/>
    <mergeCell ref="AW4:BC4"/>
    <mergeCell ref="CD4:CJ4"/>
    <mergeCell ref="BE4:BG4"/>
    <mergeCell ref="BH4:BN4"/>
    <mergeCell ref="BP4:BR4"/>
    <mergeCell ref="BS4:BY4"/>
    <mergeCell ref="CA3:CK3"/>
    <mergeCell ref="CV4:CV5"/>
    <mergeCell ref="CK4:CK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33203125" style="290" customWidth="1"/>
    <col min="5" max="5" width="7.6640625" style="290" customWidth="1"/>
    <col min="6" max="6" width="8.44140625" style="290" customWidth="1"/>
    <col min="7" max="7" width="8.77734375" style="290" customWidth="1"/>
    <col min="8" max="15" width="9" style="290"/>
    <col min="16" max="16" width="7.21875" style="290" customWidth="1"/>
    <col min="17" max="26" width="9" style="290"/>
    <col min="27" max="27" width="7.6640625" style="290" customWidth="1"/>
    <col min="28" max="37" width="9" style="290"/>
    <col min="38" max="38" width="8.5546875" style="290" customWidth="1"/>
    <col min="39" max="48" width="9" style="290"/>
    <col min="49" max="49" width="7.6640625" style="290" customWidth="1"/>
    <col min="50" max="59" width="9" style="290"/>
    <col min="60" max="60" width="7.21875" style="290" customWidth="1"/>
    <col min="61" max="70" width="9" style="290"/>
    <col min="71" max="71" width="7.21875" style="290" customWidth="1"/>
    <col min="72" max="81" width="9" style="290"/>
    <col min="82" max="82" width="7.33203125" style="290" customWidth="1"/>
    <col min="83" max="92" width="9" style="290"/>
    <col min="93" max="93" width="7.44140625" style="290" customWidth="1"/>
    <col min="94" max="16384" width="9" style="290"/>
  </cols>
  <sheetData>
    <row r="1" spans="1:100" ht="22.5" customHeight="1" x14ac:dyDescent="0.2">
      <c r="A1" s="325" t="s">
        <v>124</v>
      </c>
      <c r="H1" s="522">
        <f>第１表!F2</f>
        <v>4</v>
      </c>
      <c r="I1" s="522"/>
      <c r="J1" s="282">
        <f>第１表!G2</f>
        <v>3</v>
      </c>
      <c r="K1" s="523">
        <f>IF(J1&lt;3,J1+12-2,J1-2)</f>
        <v>1</v>
      </c>
      <c r="L1" s="523"/>
    </row>
    <row r="2" spans="1:100" s="326" customFormat="1" ht="21" customHeight="1" thickBot="1" x14ac:dyDescent="0.25">
      <c r="A2" s="325" t="s">
        <v>131</v>
      </c>
    </row>
    <row r="3" spans="1:100" ht="23.25" customHeight="1" thickBot="1" x14ac:dyDescent="0.25">
      <c r="A3" s="531"/>
      <c r="B3" s="534" t="s">
        <v>94</v>
      </c>
      <c r="C3" s="535"/>
      <c r="D3" s="535"/>
      <c r="E3" s="535"/>
      <c r="F3" s="535"/>
      <c r="G3" s="535"/>
      <c r="H3" s="535"/>
      <c r="I3" s="535"/>
      <c r="J3" s="535"/>
      <c r="K3" s="535"/>
      <c r="L3" s="536"/>
      <c r="M3" s="534" t="s">
        <v>88</v>
      </c>
      <c r="N3" s="535"/>
      <c r="O3" s="535"/>
      <c r="P3" s="535"/>
      <c r="Q3" s="535"/>
      <c r="R3" s="535"/>
      <c r="S3" s="535"/>
      <c r="T3" s="535"/>
      <c r="U3" s="535"/>
      <c r="V3" s="535"/>
      <c r="W3" s="536"/>
      <c r="X3" s="534" t="s">
        <v>142</v>
      </c>
      <c r="Y3" s="535"/>
      <c r="Z3" s="535"/>
      <c r="AA3" s="535"/>
      <c r="AB3" s="535"/>
      <c r="AC3" s="535"/>
      <c r="AD3" s="535"/>
      <c r="AE3" s="535"/>
      <c r="AF3" s="535"/>
      <c r="AG3" s="535"/>
      <c r="AH3" s="536"/>
      <c r="AI3" s="534" t="s">
        <v>90</v>
      </c>
      <c r="AJ3" s="535"/>
      <c r="AK3" s="535"/>
      <c r="AL3" s="535"/>
      <c r="AM3" s="535"/>
      <c r="AN3" s="535"/>
      <c r="AO3" s="535"/>
      <c r="AP3" s="535"/>
      <c r="AQ3" s="535"/>
      <c r="AR3" s="535"/>
      <c r="AS3" s="536"/>
      <c r="AT3" s="540" t="s">
        <v>89</v>
      </c>
      <c r="AU3" s="541"/>
      <c r="AV3" s="541"/>
      <c r="AW3" s="541"/>
      <c r="AX3" s="541"/>
      <c r="AY3" s="541"/>
      <c r="AZ3" s="541"/>
      <c r="BA3" s="541"/>
      <c r="BB3" s="541"/>
      <c r="BC3" s="541"/>
      <c r="BD3" s="542"/>
      <c r="BE3" s="540" t="s">
        <v>91</v>
      </c>
      <c r="BF3" s="541"/>
      <c r="BG3" s="541"/>
      <c r="BH3" s="541"/>
      <c r="BI3" s="541"/>
      <c r="BJ3" s="541"/>
      <c r="BK3" s="541"/>
      <c r="BL3" s="541"/>
      <c r="BM3" s="541"/>
      <c r="BN3" s="541"/>
      <c r="BO3" s="542"/>
      <c r="BP3" s="540" t="s">
        <v>92</v>
      </c>
      <c r="BQ3" s="541"/>
      <c r="BR3" s="541"/>
      <c r="BS3" s="541"/>
      <c r="BT3" s="541"/>
      <c r="BU3" s="541"/>
      <c r="BV3" s="541"/>
      <c r="BW3" s="541"/>
      <c r="BX3" s="541"/>
      <c r="BY3" s="541"/>
      <c r="BZ3" s="542"/>
      <c r="CA3" s="540" t="s">
        <v>93</v>
      </c>
      <c r="CB3" s="541"/>
      <c r="CC3" s="541"/>
      <c r="CD3" s="541"/>
      <c r="CE3" s="541"/>
      <c r="CF3" s="541"/>
      <c r="CG3" s="541"/>
      <c r="CH3" s="541"/>
      <c r="CI3" s="541"/>
      <c r="CJ3" s="541"/>
      <c r="CK3" s="542"/>
      <c r="CL3" s="541" t="s">
        <v>141</v>
      </c>
      <c r="CM3" s="541"/>
      <c r="CN3" s="541"/>
      <c r="CO3" s="541"/>
      <c r="CP3" s="541"/>
      <c r="CQ3" s="541"/>
      <c r="CR3" s="541"/>
      <c r="CS3" s="541"/>
      <c r="CT3" s="541"/>
      <c r="CU3" s="541"/>
      <c r="CV3" s="542"/>
    </row>
    <row r="4" spans="1:100" ht="22.5" customHeight="1" x14ac:dyDescent="0.2">
      <c r="A4" s="532"/>
      <c r="B4" s="526" t="s">
        <v>61</v>
      </c>
      <c r="C4" s="527"/>
      <c r="D4" s="528"/>
      <c r="E4" s="529" t="s">
        <v>62</v>
      </c>
      <c r="F4" s="527"/>
      <c r="G4" s="527"/>
      <c r="H4" s="527"/>
      <c r="I4" s="527"/>
      <c r="J4" s="527"/>
      <c r="K4" s="530"/>
      <c r="L4" s="524" t="s">
        <v>52</v>
      </c>
      <c r="M4" s="526" t="s">
        <v>61</v>
      </c>
      <c r="N4" s="527"/>
      <c r="O4" s="528"/>
      <c r="P4" s="529" t="s">
        <v>62</v>
      </c>
      <c r="Q4" s="527"/>
      <c r="R4" s="527"/>
      <c r="S4" s="527"/>
      <c r="T4" s="527"/>
      <c r="U4" s="527"/>
      <c r="V4" s="528"/>
      <c r="W4" s="524" t="s">
        <v>52</v>
      </c>
      <c r="X4" s="526" t="s">
        <v>61</v>
      </c>
      <c r="Y4" s="527"/>
      <c r="Z4" s="528"/>
      <c r="AA4" s="529" t="s">
        <v>62</v>
      </c>
      <c r="AB4" s="527"/>
      <c r="AC4" s="527"/>
      <c r="AD4" s="527"/>
      <c r="AE4" s="527"/>
      <c r="AF4" s="527"/>
      <c r="AG4" s="528"/>
      <c r="AH4" s="524" t="s">
        <v>52</v>
      </c>
      <c r="AI4" s="526" t="s">
        <v>61</v>
      </c>
      <c r="AJ4" s="527"/>
      <c r="AK4" s="528"/>
      <c r="AL4" s="529" t="s">
        <v>62</v>
      </c>
      <c r="AM4" s="527"/>
      <c r="AN4" s="527"/>
      <c r="AO4" s="527"/>
      <c r="AP4" s="527"/>
      <c r="AQ4" s="527"/>
      <c r="AR4" s="528"/>
      <c r="AS4" s="524" t="s">
        <v>52</v>
      </c>
      <c r="AT4" s="556" t="s">
        <v>61</v>
      </c>
      <c r="AU4" s="554"/>
      <c r="AV4" s="555"/>
      <c r="AW4" s="553" t="s">
        <v>62</v>
      </c>
      <c r="AX4" s="554"/>
      <c r="AY4" s="554"/>
      <c r="AZ4" s="554"/>
      <c r="BA4" s="554"/>
      <c r="BB4" s="554"/>
      <c r="BC4" s="555"/>
      <c r="BD4" s="557" t="s">
        <v>52</v>
      </c>
      <c r="BE4" s="556" t="s">
        <v>61</v>
      </c>
      <c r="BF4" s="554"/>
      <c r="BG4" s="555"/>
      <c r="BH4" s="553" t="s">
        <v>62</v>
      </c>
      <c r="BI4" s="554"/>
      <c r="BJ4" s="554"/>
      <c r="BK4" s="554"/>
      <c r="BL4" s="554"/>
      <c r="BM4" s="554"/>
      <c r="BN4" s="555"/>
      <c r="BO4" s="557" t="s">
        <v>52</v>
      </c>
      <c r="BP4" s="556" t="s">
        <v>61</v>
      </c>
      <c r="BQ4" s="554"/>
      <c r="BR4" s="555"/>
      <c r="BS4" s="553" t="s">
        <v>62</v>
      </c>
      <c r="BT4" s="554"/>
      <c r="BU4" s="554"/>
      <c r="BV4" s="554"/>
      <c r="BW4" s="554"/>
      <c r="BX4" s="554"/>
      <c r="BY4" s="555"/>
      <c r="BZ4" s="557" t="s">
        <v>52</v>
      </c>
      <c r="CA4" s="556" t="s">
        <v>61</v>
      </c>
      <c r="CB4" s="554"/>
      <c r="CC4" s="555"/>
      <c r="CD4" s="553" t="s">
        <v>62</v>
      </c>
      <c r="CE4" s="554"/>
      <c r="CF4" s="554"/>
      <c r="CG4" s="554"/>
      <c r="CH4" s="554"/>
      <c r="CI4" s="554"/>
      <c r="CJ4" s="555"/>
      <c r="CK4" s="557" t="s">
        <v>52</v>
      </c>
      <c r="CL4" s="556" t="s">
        <v>61</v>
      </c>
      <c r="CM4" s="554"/>
      <c r="CN4" s="555"/>
      <c r="CO4" s="553" t="s">
        <v>62</v>
      </c>
      <c r="CP4" s="554"/>
      <c r="CQ4" s="554"/>
      <c r="CR4" s="554"/>
      <c r="CS4" s="554"/>
      <c r="CT4" s="554"/>
      <c r="CU4" s="555"/>
      <c r="CV4" s="557" t="s">
        <v>52</v>
      </c>
    </row>
    <row r="5" spans="1:100" ht="34.5" customHeight="1" thickBot="1" x14ac:dyDescent="0.25">
      <c r="A5" s="533"/>
      <c r="B5" s="360" t="s">
        <v>43</v>
      </c>
      <c r="C5" s="300" t="s">
        <v>44</v>
      </c>
      <c r="D5" s="301" t="s">
        <v>45</v>
      </c>
      <c r="E5" s="302" t="s">
        <v>83</v>
      </c>
      <c r="F5" s="294" t="s">
        <v>47</v>
      </c>
      <c r="G5" s="294" t="s">
        <v>48</v>
      </c>
      <c r="H5" s="294" t="s">
        <v>49</v>
      </c>
      <c r="I5" s="294" t="s">
        <v>50</v>
      </c>
      <c r="J5" s="294" t="s">
        <v>51</v>
      </c>
      <c r="K5" s="303" t="s">
        <v>45</v>
      </c>
      <c r="L5" s="525"/>
      <c r="M5" s="360" t="s">
        <v>43</v>
      </c>
      <c r="N5" s="294" t="s">
        <v>44</v>
      </c>
      <c r="O5" s="300" t="s">
        <v>45</v>
      </c>
      <c r="P5" s="302" t="s">
        <v>83</v>
      </c>
      <c r="Q5" s="294" t="s">
        <v>47</v>
      </c>
      <c r="R5" s="294" t="s">
        <v>48</v>
      </c>
      <c r="S5" s="294" t="s">
        <v>49</v>
      </c>
      <c r="T5" s="294" t="s">
        <v>50</v>
      </c>
      <c r="U5" s="294" t="s">
        <v>51</v>
      </c>
      <c r="V5" s="300" t="s">
        <v>45</v>
      </c>
      <c r="W5" s="525"/>
      <c r="X5" s="360" t="s">
        <v>43</v>
      </c>
      <c r="Y5" s="294" t="s">
        <v>44</v>
      </c>
      <c r="Z5" s="300" t="s">
        <v>45</v>
      </c>
      <c r="AA5" s="302" t="s">
        <v>83</v>
      </c>
      <c r="AB5" s="294" t="s">
        <v>47</v>
      </c>
      <c r="AC5" s="294" t="s">
        <v>48</v>
      </c>
      <c r="AD5" s="294" t="s">
        <v>49</v>
      </c>
      <c r="AE5" s="294" t="s">
        <v>50</v>
      </c>
      <c r="AF5" s="294" t="s">
        <v>51</v>
      </c>
      <c r="AG5" s="300" t="s">
        <v>45</v>
      </c>
      <c r="AH5" s="525"/>
      <c r="AI5" s="382" t="s">
        <v>43</v>
      </c>
      <c r="AJ5" s="294" t="s">
        <v>44</v>
      </c>
      <c r="AK5" s="300" t="s">
        <v>45</v>
      </c>
      <c r="AL5" s="302" t="s">
        <v>83</v>
      </c>
      <c r="AM5" s="294" t="s">
        <v>47</v>
      </c>
      <c r="AN5" s="294" t="s">
        <v>48</v>
      </c>
      <c r="AO5" s="294" t="s">
        <v>49</v>
      </c>
      <c r="AP5" s="294" t="s">
        <v>50</v>
      </c>
      <c r="AQ5" s="294" t="s">
        <v>51</v>
      </c>
      <c r="AR5" s="300" t="s">
        <v>45</v>
      </c>
      <c r="AS5" s="525"/>
      <c r="AT5" s="382" t="s">
        <v>43</v>
      </c>
      <c r="AU5" s="294" t="s">
        <v>44</v>
      </c>
      <c r="AV5" s="300" t="s">
        <v>45</v>
      </c>
      <c r="AW5" s="302" t="s">
        <v>83</v>
      </c>
      <c r="AX5" s="294" t="s">
        <v>47</v>
      </c>
      <c r="AY5" s="294" t="s">
        <v>48</v>
      </c>
      <c r="AZ5" s="294" t="s">
        <v>49</v>
      </c>
      <c r="BA5" s="294" t="s">
        <v>50</v>
      </c>
      <c r="BB5" s="294" t="s">
        <v>51</v>
      </c>
      <c r="BC5" s="300" t="s">
        <v>45</v>
      </c>
      <c r="BD5" s="558"/>
      <c r="BE5" s="382" t="s">
        <v>43</v>
      </c>
      <c r="BF5" s="294" t="s">
        <v>44</v>
      </c>
      <c r="BG5" s="300" t="s">
        <v>45</v>
      </c>
      <c r="BH5" s="302" t="s">
        <v>83</v>
      </c>
      <c r="BI5" s="294" t="s">
        <v>47</v>
      </c>
      <c r="BJ5" s="294" t="s">
        <v>48</v>
      </c>
      <c r="BK5" s="294" t="s">
        <v>49</v>
      </c>
      <c r="BL5" s="294" t="s">
        <v>50</v>
      </c>
      <c r="BM5" s="294" t="s">
        <v>51</v>
      </c>
      <c r="BN5" s="300" t="s">
        <v>45</v>
      </c>
      <c r="BO5" s="558"/>
      <c r="BP5" s="382" t="s">
        <v>43</v>
      </c>
      <c r="BQ5" s="294" t="s">
        <v>44</v>
      </c>
      <c r="BR5" s="300" t="s">
        <v>45</v>
      </c>
      <c r="BS5" s="302" t="s">
        <v>83</v>
      </c>
      <c r="BT5" s="294" t="s">
        <v>47</v>
      </c>
      <c r="BU5" s="294" t="s">
        <v>48</v>
      </c>
      <c r="BV5" s="294" t="s">
        <v>49</v>
      </c>
      <c r="BW5" s="294" t="s">
        <v>50</v>
      </c>
      <c r="BX5" s="294" t="s">
        <v>51</v>
      </c>
      <c r="BY5" s="300" t="s">
        <v>45</v>
      </c>
      <c r="BZ5" s="558"/>
      <c r="CA5" s="382" t="s">
        <v>43</v>
      </c>
      <c r="CB5" s="294" t="s">
        <v>44</v>
      </c>
      <c r="CC5" s="300" t="s">
        <v>45</v>
      </c>
      <c r="CD5" s="302" t="s">
        <v>83</v>
      </c>
      <c r="CE5" s="294" t="s">
        <v>47</v>
      </c>
      <c r="CF5" s="294" t="s">
        <v>48</v>
      </c>
      <c r="CG5" s="294" t="s">
        <v>49</v>
      </c>
      <c r="CH5" s="294" t="s">
        <v>50</v>
      </c>
      <c r="CI5" s="294" t="s">
        <v>51</v>
      </c>
      <c r="CJ5" s="300" t="s">
        <v>45</v>
      </c>
      <c r="CK5" s="558"/>
      <c r="CL5" s="382" t="s">
        <v>43</v>
      </c>
      <c r="CM5" s="294" t="s">
        <v>44</v>
      </c>
      <c r="CN5" s="300" t="s">
        <v>45</v>
      </c>
      <c r="CO5" s="302" t="s">
        <v>83</v>
      </c>
      <c r="CP5" s="294" t="s">
        <v>47</v>
      </c>
      <c r="CQ5" s="294" t="s">
        <v>48</v>
      </c>
      <c r="CR5" s="294" t="s">
        <v>49</v>
      </c>
      <c r="CS5" s="294" t="s">
        <v>50</v>
      </c>
      <c r="CT5" s="294" t="s">
        <v>51</v>
      </c>
      <c r="CU5" s="300" t="s">
        <v>45</v>
      </c>
      <c r="CV5" s="558"/>
    </row>
    <row r="6" spans="1:100" ht="21" customHeight="1" x14ac:dyDescent="0.2">
      <c r="A6" s="295" t="s">
        <v>4</v>
      </c>
      <c r="B6" s="304">
        <v>0</v>
      </c>
      <c r="C6" s="305">
        <v>0</v>
      </c>
      <c r="D6" s="306">
        <v>0</v>
      </c>
      <c r="E6" s="307">
        <v>0</v>
      </c>
      <c r="F6" s="308">
        <v>23</v>
      </c>
      <c r="G6" s="308">
        <v>30</v>
      </c>
      <c r="H6" s="308">
        <v>20</v>
      </c>
      <c r="I6" s="308">
        <v>22</v>
      </c>
      <c r="J6" s="308">
        <v>16</v>
      </c>
      <c r="K6" s="309">
        <v>111</v>
      </c>
      <c r="L6" s="310">
        <v>111</v>
      </c>
      <c r="M6" s="304">
        <v>0</v>
      </c>
      <c r="N6" s="308">
        <v>0</v>
      </c>
      <c r="O6" s="305">
        <v>0</v>
      </c>
      <c r="P6" s="307">
        <v>0</v>
      </c>
      <c r="Q6" s="308">
        <v>16</v>
      </c>
      <c r="R6" s="308">
        <v>39</v>
      </c>
      <c r="S6" s="308">
        <v>38</v>
      </c>
      <c r="T6" s="308">
        <v>37</v>
      </c>
      <c r="U6" s="308">
        <v>27</v>
      </c>
      <c r="V6" s="305">
        <v>157</v>
      </c>
      <c r="W6" s="310">
        <v>157</v>
      </c>
      <c r="X6" s="304">
        <v>0</v>
      </c>
      <c r="Y6" s="308">
        <v>0</v>
      </c>
      <c r="Z6" s="305">
        <v>0</v>
      </c>
      <c r="AA6" s="307">
        <v>0</v>
      </c>
      <c r="AB6" s="308">
        <v>956</v>
      </c>
      <c r="AC6" s="308">
        <v>775</v>
      </c>
      <c r="AD6" s="308">
        <v>351</v>
      </c>
      <c r="AE6" s="308">
        <v>170</v>
      </c>
      <c r="AF6" s="308">
        <v>71</v>
      </c>
      <c r="AG6" s="305">
        <v>2323</v>
      </c>
      <c r="AH6" s="310">
        <v>2323</v>
      </c>
      <c r="AI6" s="304">
        <v>2</v>
      </c>
      <c r="AJ6" s="308">
        <v>1</v>
      </c>
      <c r="AK6" s="305">
        <v>3</v>
      </c>
      <c r="AL6" s="307">
        <v>0</v>
      </c>
      <c r="AM6" s="308">
        <v>73</v>
      </c>
      <c r="AN6" s="308">
        <v>82</v>
      </c>
      <c r="AO6" s="308">
        <v>68</v>
      </c>
      <c r="AP6" s="308">
        <v>35</v>
      </c>
      <c r="AQ6" s="308">
        <v>19</v>
      </c>
      <c r="AR6" s="305">
        <v>277</v>
      </c>
      <c r="AS6" s="310">
        <v>280</v>
      </c>
      <c r="AT6" s="304">
        <v>14</v>
      </c>
      <c r="AU6" s="308">
        <v>9</v>
      </c>
      <c r="AV6" s="305">
        <v>23</v>
      </c>
      <c r="AW6" s="307">
        <v>0</v>
      </c>
      <c r="AX6" s="308">
        <v>87</v>
      </c>
      <c r="AY6" s="308">
        <v>87</v>
      </c>
      <c r="AZ6" s="308">
        <v>65</v>
      </c>
      <c r="BA6" s="308">
        <v>64</v>
      </c>
      <c r="BB6" s="308">
        <v>24</v>
      </c>
      <c r="BC6" s="305">
        <v>327</v>
      </c>
      <c r="BD6" s="310">
        <v>350</v>
      </c>
      <c r="BE6" s="304">
        <v>0</v>
      </c>
      <c r="BF6" s="308">
        <v>1</v>
      </c>
      <c r="BG6" s="305">
        <v>1</v>
      </c>
      <c r="BH6" s="307">
        <v>0</v>
      </c>
      <c r="BI6" s="308">
        <v>112</v>
      </c>
      <c r="BJ6" s="308">
        <v>161</v>
      </c>
      <c r="BK6" s="308">
        <v>170</v>
      </c>
      <c r="BL6" s="308">
        <v>111</v>
      </c>
      <c r="BM6" s="308">
        <v>46</v>
      </c>
      <c r="BN6" s="309">
        <v>600</v>
      </c>
      <c r="BO6" s="310">
        <v>601</v>
      </c>
      <c r="BP6" s="304">
        <v>0</v>
      </c>
      <c r="BQ6" s="308">
        <v>0</v>
      </c>
      <c r="BR6" s="305">
        <v>0</v>
      </c>
      <c r="BS6" s="307">
        <v>0</v>
      </c>
      <c r="BT6" s="308">
        <v>1</v>
      </c>
      <c r="BU6" s="308">
        <v>6</v>
      </c>
      <c r="BV6" s="308">
        <v>7</v>
      </c>
      <c r="BW6" s="308">
        <v>10</v>
      </c>
      <c r="BX6" s="308">
        <v>3</v>
      </c>
      <c r="BY6" s="305">
        <v>27</v>
      </c>
      <c r="BZ6" s="310">
        <v>27</v>
      </c>
      <c r="CA6" s="304">
        <v>0</v>
      </c>
      <c r="CB6" s="308">
        <v>0</v>
      </c>
      <c r="CC6" s="305">
        <v>0</v>
      </c>
      <c r="CD6" s="307">
        <v>0</v>
      </c>
      <c r="CE6" s="308">
        <v>0</v>
      </c>
      <c r="CF6" s="308">
        <v>1</v>
      </c>
      <c r="CG6" s="308">
        <v>17</v>
      </c>
      <c r="CH6" s="308">
        <v>13</v>
      </c>
      <c r="CI6" s="308">
        <v>11</v>
      </c>
      <c r="CJ6" s="305">
        <v>42</v>
      </c>
      <c r="CK6" s="310">
        <v>42</v>
      </c>
      <c r="CL6" s="304">
        <v>0</v>
      </c>
      <c r="CM6" s="308">
        <v>0</v>
      </c>
      <c r="CN6" s="305">
        <v>0</v>
      </c>
      <c r="CO6" s="307">
        <v>0</v>
      </c>
      <c r="CP6" s="308">
        <v>18</v>
      </c>
      <c r="CQ6" s="308">
        <v>17</v>
      </c>
      <c r="CR6" s="308">
        <v>18</v>
      </c>
      <c r="CS6" s="308">
        <v>21</v>
      </c>
      <c r="CT6" s="308">
        <v>36</v>
      </c>
      <c r="CU6" s="305">
        <v>110</v>
      </c>
      <c r="CV6" s="310">
        <v>110</v>
      </c>
    </row>
    <row r="7" spans="1:100" ht="21" customHeight="1" x14ac:dyDescent="0.2">
      <c r="A7" s="296" t="s">
        <v>5</v>
      </c>
      <c r="B7" s="311">
        <v>0</v>
      </c>
      <c r="C7" s="312">
        <v>0</v>
      </c>
      <c r="D7" s="313">
        <v>0</v>
      </c>
      <c r="E7" s="314">
        <v>0</v>
      </c>
      <c r="F7" s="315">
        <v>11</v>
      </c>
      <c r="G7" s="315">
        <v>14</v>
      </c>
      <c r="H7" s="315">
        <v>11</v>
      </c>
      <c r="I7" s="315">
        <v>12</v>
      </c>
      <c r="J7" s="315">
        <v>7</v>
      </c>
      <c r="K7" s="316">
        <v>55</v>
      </c>
      <c r="L7" s="317">
        <v>55</v>
      </c>
      <c r="M7" s="311">
        <v>0</v>
      </c>
      <c r="N7" s="315">
        <v>0</v>
      </c>
      <c r="O7" s="312">
        <v>0</v>
      </c>
      <c r="P7" s="314">
        <v>0</v>
      </c>
      <c r="Q7" s="315">
        <v>10</v>
      </c>
      <c r="R7" s="315">
        <v>29</v>
      </c>
      <c r="S7" s="315">
        <v>30</v>
      </c>
      <c r="T7" s="315">
        <v>28</v>
      </c>
      <c r="U7" s="315">
        <v>20</v>
      </c>
      <c r="V7" s="312">
        <v>117</v>
      </c>
      <c r="W7" s="317">
        <v>117</v>
      </c>
      <c r="X7" s="311">
        <v>0</v>
      </c>
      <c r="Y7" s="315">
        <v>0</v>
      </c>
      <c r="Z7" s="312">
        <v>0</v>
      </c>
      <c r="AA7" s="314">
        <v>0</v>
      </c>
      <c r="AB7" s="315">
        <v>339</v>
      </c>
      <c r="AC7" s="315">
        <v>372</v>
      </c>
      <c r="AD7" s="315">
        <v>188</v>
      </c>
      <c r="AE7" s="315">
        <v>74</v>
      </c>
      <c r="AF7" s="315">
        <v>38</v>
      </c>
      <c r="AG7" s="312">
        <v>1011</v>
      </c>
      <c r="AH7" s="317">
        <v>1011</v>
      </c>
      <c r="AI7" s="311">
        <v>1</v>
      </c>
      <c r="AJ7" s="315">
        <v>1</v>
      </c>
      <c r="AK7" s="312">
        <v>2</v>
      </c>
      <c r="AL7" s="314">
        <v>0</v>
      </c>
      <c r="AM7" s="315">
        <v>33</v>
      </c>
      <c r="AN7" s="315">
        <v>43</v>
      </c>
      <c r="AO7" s="315">
        <v>31</v>
      </c>
      <c r="AP7" s="315">
        <v>24</v>
      </c>
      <c r="AQ7" s="315">
        <v>12</v>
      </c>
      <c r="AR7" s="312">
        <v>143</v>
      </c>
      <c r="AS7" s="317">
        <v>145</v>
      </c>
      <c r="AT7" s="311">
        <v>4</v>
      </c>
      <c r="AU7" s="315">
        <v>7</v>
      </c>
      <c r="AV7" s="312">
        <v>11</v>
      </c>
      <c r="AW7" s="314">
        <v>0</v>
      </c>
      <c r="AX7" s="315">
        <v>28</v>
      </c>
      <c r="AY7" s="315">
        <v>33</v>
      </c>
      <c r="AZ7" s="315">
        <v>26</v>
      </c>
      <c r="BA7" s="315">
        <v>30</v>
      </c>
      <c r="BB7" s="315">
        <v>10</v>
      </c>
      <c r="BC7" s="312">
        <v>127</v>
      </c>
      <c r="BD7" s="317">
        <v>138</v>
      </c>
      <c r="BE7" s="311">
        <v>0</v>
      </c>
      <c r="BF7" s="315">
        <v>1</v>
      </c>
      <c r="BG7" s="312">
        <v>1</v>
      </c>
      <c r="BH7" s="314">
        <v>0</v>
      </c>
      <c r="BI7" s="315">
        <v>34</v>
      </c>
      <c r="BJ7" s="315">
        <v>66</v>
      </c>
      <c r="BK7" s="315">
        <v>65</v>
      </c>
      <c r="BL7" s="315">
        <v>38</v>
      </c>
      <c r="BM7" s="315">
        <v>17</v>
      </c>
      <c r="BN7" s="316">
        <v>220</v>
      </c>
      <c r="BO7" s="317">
        <v>221</v>
      </c>
      <c r="BP7" s="311">
        <v>0</v>
      </c>
      <c r="BQ7" s="315">
        <v>0</v>
      </c>
      <c r="BR7" s="312">
        <v>0</v>
      </c>
      <c r="BS7" s="314">
        <v>0</v>
      </c>
      <c r="BT7" s="315">
        <v>0</v>
      </c>
      <c r="BU7" s="315">
        <v>0</v>
      </c>
      <c r="BV7" s="315">
        <v>0</v>
      </c>
      <c r="BW7" s="315">
        <v>0</v>
      </c>
      <c r="BX7" s="315">
        <v>0</v>
      </c>
      <c r="BY7" s="312">
        <v>0</v>
      </c>
      <c r="BZ7" s="317">
        <v>0</v>
      </c>
      <c r="CA7" s="311">
        <v>0</v>
      </c>
      <c r="CB7" s="315">
        <v>0</v>
      </c>
      <c r="CC7" s="312">
        <v>0</v>
      </c>
      <c r="CD7" s="314">
        <v>0</v>
      </c>
      <c r="CE7" s="315">
        <v>0</v>
      </c>
      <c r="CF7" s="315">
        <v>1</v>
      </c>
      <c r="CG7" s="315">
        <v>2</v>
      </c>
      <c r="CH7" s="315">
        <v>2</v>
      </c>
      <c r="CI7" s="315">
        <v>2</v>
      </c>
      <c r="CJ7" s="312">
        <v>7</v>
      </c>
      <c r="CK7" s="317">
        <v>7</v>
      </c>
      <c r="CL7" s="311">
        <v>0</v>
      </c>
      <c r="CM7" s="315">
        <v>0</v>
      </c>
      <c r="CN7" s="312">
        <v>0</v>
      </c>
      <c r="CO7" s="314">
        <v>0</v>
      </c>
      <c r="CP7" s="315">
        <v>3</v>
      </c>
      <c r="CQ7" s="315">
        <v>6</v>
      </c>
      <c r="CR7" s="315">
        <v>5</v>
      </c>
      <c r="CS7" s="315">
        <v>3</v>
      </c>
      <c r="CT7" s="315">
        <v>23</v>
      </c>
      <c r="CU7" s="312">
        <v>40</v>
      </c>
      <c r="CV7" s="317">
        <v>40</v>
      </c>
    </row>
    <row r="8" spans="1:100" ht="21" customHeight="1" x14ac:dyDescent="0.2">
      <c r="A8" s="296" t="s">
        <v>6</v>
      </c>
      <c r="B8" s="311">
        <v>0</v>
      </c>
      <c r="C8" s="312">
        <v>0</v>
      </c>
      <c r="D8" s="313">
        <v>0</v>
      </c>
      <c r="E8" s="314">
        <v>0</v>
      </c>
      <c r="F8" s="315">
        <v>6</v>
      </c>
      <c r="G8" s="315">
        <v>5</v>
      </c>
      <c r="H8" s="315">
        <v>2</v>
      </c>
      <c r="I8" s="315">
        <v>7</v>
      </c>
      <c r="J8" s="315">
        <v>4</v>
      </c>
      <c r="K8" s="316">
        <v>24</v>
      </c>
      <c r="L8" s="317">
        <v>24</v>
      </c>
      <c r="M8" s="311">
        <v>0</v>
      </c>
      <c r="N8" s="315">
        <v>0</v>
      </c>
      <c r="O8" s="312">
        <v>0</v>
      </c>
      <c r="P8" s="314">
        <v>0</v>
      </c>
      <c r="Q8" s="315">
        <v>5</v>
      </c>
      <c r="R8" s="315">
        <v>8</v>
      </c>
      <c r="S8" s="315">
        <v>6</v>
      </c>
      <c r="T8" s="315">
        <v>9</v>
      </c>
      <c r="U8" s="315">
        <v>6</v>
      </c>
      <c r="V8" s="312">
        <v>34</v>
      </c>
      <c r="W8" s="317">
        <v>34</v>
      </c>
      <c r="X8" s="311">
        <v>0</v>
      </c>
      <c r="Y8" s="315">
        <v>0</v>
      </c>
      <c r="Z8" s="312">
        <v>0</v>
      </c>
      <c r="AA8" s="314">
        <v>0</v>
      </c>
      <c r="AB8" s="315">
        <v>115</v>
      </c>
      <c r="AC8" s="315">
        <v>73</v>
      </c>
      <c r="AD8" s="315">
        <v>31</v>
      </c>
      <c r="AE8" s="315">
        <v>25</v>
      </c>
      <c r="AF8" s="315">
        <v>5</v>
      </c>
      <c r="AG8" s="312">
        <v>249</v>
      </c>
      <c r="AH8" s="317">
        <v>249</v>
      </c>
      <c r="AI8" s="311">
        <v>0</v>
      </c>
      <c r="AJ8" s="315">
        <v>0</v>
      </c>
      <c r="AK8" s="312">
        <v>0</v>
      </c>
      <c r="AL8" s="314">
        <v>0</v>
      </c>
      <c r="AM8" s="315">
        <v>13</v>
      </c>
      <c r="AN8" s="315">
        <v>12</v>
      </c>
      <c r="AO8" s="315">
        <v>13</v>
      </c>
      <c r="AP8" s="315">
        <v>4</v>
      </c>
      <c r="AQ8" s="315">
        <v>3</v>
      </c>
      <c r="AR8" s="312">
        <v>45</v>
      </c>
      <c r="AS8" s="317">
        <v>45</v>
      </c>
      <c r="AT8" s="311">
        <v>3</v>
      </c>
      <c r="AU8" s="315">
        <v>1</v>
      </c>
      <c r="AV8" s="312">
        <v>4</v>
      </c>
      <c r="AW8" s="314">
        <v>0</v>
      </c>
      <c r="AX8" s="315">
        <v>11</v>
      </c>
      <c r="AY8" s="315">
        <v>16</v>
      </c>
      <c r="AZ8" s="315">
        <v>8</v>
      </c>
      <c r="BA8" s="315">
        <v>9</v>
      </c>
      <c r="BB8" s="315">
        <v>4</v>
      </c>
      <c r="BC8" s="312">
        <v>48</v>
      </c>
      <c r="BD8" s="317">
        <v>52</v>
      </c>
      <c r="BE8" s="311">
        <v>0</v>
      </c>
      <c r="BF8" s="315">
        <v>0</v>
      </c>
      <c r="BG8" s="312">
        <v>0</v>
      </c>
      <c r="BH8" s="314">
        <v>0</v>
      </c>
      <c r="BI8" s="315">
        <v>17</v>
      </c>
      <c r="BJ8" s="315">
        <v>23</v>
      </c>
      <c r="BK8" s="315">
        <v>31</v>
      </c>
      <c r="BL8" s="315">
        <v>19</v>
      </c>
      <c r="BM8" s="315">
        <v>8</v>
      </c>
      <c r="BN8" s="316">
        <v>98</v>
      </c>
      <c r="BO8" s="317">
        <v>98</v>
      </c>
      <c r="BP8" s="311">
        <v>0</v>
      </c>
      <c r="BQ8" s="315">
        <v>0</v>
      </c>
      <c r="BR8" s="312">
        <v>0</v>
      </c>
      <c r="BS8" s="314">
        <v>0</v>
      </c>
      <c r="BT8" s="315">
        <v>0</v>
      </c>
      <c r="BU8" s="315">
        <v>0</v>
      </c>
      <c r="BV8" s="315">
        <v>0</v>
      </c>
      <c r="BW8" s="315">
        <v>0</v>
      </c>
      <c r="BX8" s="315">
        <v>0</v>
      </c>
      <c r="BY8" s="312">
        <v>0</v>
      </c>
      <c r="BZ8" s="317">
        <v>0</v>
      </c>
      <c r="CA8" s="311">
        <v>0</v>
      </c>
      <c r="CB8" s="315">
        <v>0</v>
      </c>
      <c r="CC8" s="312">
        <v>0</v>
      </c>
      <c r="CD8" s="314">
        <v>0</v>
      </c>
      <c r="CE8" s="315">
        <v>0</v>
      </c>
      <c r="CF8" s="315">
        <v>0</v>
      </c>
      <c r="CG8" s="315">
        <v>8</v>
      </c>
      <c r="CH8" s="315">
        <v>3</v>
      </c>
      <c r="CI8" s="315">
        <v>2</v>
      </c>
      <c r="CJ8" s="312">
        <v>13</v>
      </c>
      <c r="CK8" s="317">
        <v>13</v>
      </c>
      <c r="CL8" s="311">
        <v>0</v>
      </c>
      <c r="CM8" s="315">
        <v>0</v>
      </c>
      <c r="CN8" s="312">
        <v>0</v>
      </c>
      <c r="CO8" s="314">
        <v>0</v>
      </c>
      <c r="CP8" s="315">
        <v>5</v>
      </c>
      <c r="CQ8" s="315">
        <v>2</v>
      </c>
      <c r="CR8" s="315">
        <v>4</v>
      </c>
      <c r="CS8" s="315">
        <v>7</v>
      </c>
      <c r="CT8" s="315">
        <v>4</v>
      </c>
      <c r="CU8" s="312">
        <v>22</v>
      </c>
      <c r="CV8" s="317">
        <v>22</v>
      </c>
    </row>
    <row r="9" spans="1:100" ht="21" customHeight="1" x14ac:dyDescent="0.2">
      <c r="A9" s="296" t="s">
        <v>14</v>
      </c>
      <c r="B9" s="311">
        <v>0</v>
      </c>
      <c r="C9" s="312">
        <v>0</v>
      </c>
      <c r="D9" s="313">
        <v>0</v>
      </c>
      <c r="E9" s="314">
        <v>0</v>
      </c>
      <c r="F9" s="315">
        <v>1</v>
      </c>
      <c r="G9" s="315">
        <v>2</v>
      </c>
      <c r="H9" s="315">
        <v>0</v>
      </c>
      <c r="I9" s="315">
        <v>1</v>
      </c>
      <c r="J9" s="315">
        <v>0</v>
      </c>
      <c r="K9" s="316">
        <v>4</v>
      </c>
      <c r="L9" s="317">
        <v>4</v>
      </c>
      <c r="M9" s="311">
        <v>0</v>
      </c>
      <c r="N9" s="315">
        <v>0</v>
      </c>
      <c r="O9" s="312">
        <v>0</v>
      </c>
      <c r="P9" s="314">
        <v>0</v>
      </c>
      <c r="Q9" s="315">
        <v>0</v>
      </c>
      <c r="R9" s="315">
        <v>0</v>
      </c>
      <c r="S9" s="315">
        <v>0</v>
      </c>
      <c r="T9" s="315">
        <v>0</v>
      </c>
      <c r="U9" s="315">
        <v>0</v>
      </c>
      <c r="V9" s="312">
        <v>0</v>
      </c>
      <c r="W9" s="317">
        <v>0</v>
      </c>
      <c r="X9" s="311">
        <v>0</v>
      </c>
      <c r="Y9" s="315">
        <v>0</v>
      </c>
      <c r="Z9" s="312">
        <v>0</v>
      </c>
      <c r="AA9" s="314">
        <v>0</v>
      </c>
      <c r="AB9" s="315">
        <v>82</v>
      </c>
      <c r="AC9" s="315">
        <v>68</v>
      </c>
      <c r="AD9" s="315">
        <v>32</v>
      </c>
      <c r="AE9" s="315">
        <v>10</v>
      </c>
      <c r="AF9" s="315">
        <v>6</v>
      </c>
      <c r="AG9" s="312">
        <v>198</v>
      </c>
      <c r="AH9" s="317">
        <v>198</v>
      </c>
      <c r="AI9" s="311">
        <v>0</v>
      </c>
      <c r="AJ9" s="315">
        <v>0</v>
      </c>
      <c r="AK9" s="312">
        <v>0</v>
      </c>
      <c r="AL9" s="314">
        <v>0</v>
      </c>
      <c r="AM9" s="315">
        <v>1</v>
      </c>
      <c r="AN9" s="315">
        <v>1</v>
      </c>
      <c r="AO9" s="315">
        <v>1</v>
      </c>
      <c r="AP9" s="315">
        <v>2</v>
      </c>
      <c r="AQ9" s="315">
        <v>2</v>
      </c>
      <c r="AR9" s="312">
        <v>7</v>
      </c>
      <c r="AS9" s="317">
        <v>7</v>
      </c>
      <c r="AT9" s="311">
        <v>1</v>
      </c>
      <c r="AU9" s="315">
        <v>1</v>
      </c>
      <c r="AV9" s="312">
        <v>2</v>
      </c>
      <c r="AW9" s="314">
        <v>0</v>
      </c>
      <c r="AX9" s="315">
        <v>9</v>
      </c>
      <c r="AY9" s="315">
        <v>5</v>
      </c>
      <c r="AZ9" s="315">
        <v>6</v>
      </c>
      <c r="BA9" s="315">
        <v>4</v>
      </c>
      <c r="BB9" s="315">
        <v>1</v>
      </c>
      <c r="BC9" s="312">
        <v>25</v>
      </c>
      <c r="BD9" s="317">
        <v>27</v>
      </c>
      <c r="BE9" s="311">
        <v>0</v>
      </c>
      <c r="BF9" s="315">
        <v>0</v>
      </c>
      <c r="BG9" s="312">
        <v>0</v>
      </c>
      <c r="BH9" s="314">
        <v>0</v>
      </c>
      <c r="BI9" s="315">
        <v>9</v>
      </c>
      <c r="BJ9" s="315">
        <v>11</v>
      </c>
      <c r="BK9" s="315">
        <v>14</v>
      </c>
      <c r="BL9" s="315">
        <v>13</v>
      </c>
      <c r="BM9" s="315">
        <v>3</v>
      </c>
      <c r="BN9" s="316">
        <v>50</v>
      </c>
      <c r="BO9" s="317">
        <v>50</v>
      </c>
      <c r="BP9" s="311">
        <v>0</v>
      </c>
      <c r="BQ9" s="315">
        <v>0</v>
      </c>
      <c r="BR9" s="312">
        <v>0</v>
      </c>
      <c r="BS9" s="314">
        <v>0</v>
      </c>
      <c r="BT9" s="315">
        <v>0</v>
      </c>
      <c r="BU9" s="315">
        <v>0</v>
      </c>
      <c r="BV9" s="315">
        <v>0</v>
      </c>
      <c r="BW9" s="315">
        <v>0</v>
      </c>
      <c r="BX9" s="315">
        <v>0</v>
      </c>
      <c r="BY9" s="312">
        <v>0</v>
      </c>
      <c r="BZ9" s="317">
        <v>0</v>
      </c>
      <c r="CA9" s="311">
        <v>0</v>
      </c>
      <c r="CB9" s="315">
        <v>0</v>
      </c>
      <c r="CC9" s="312">
        <v>0</v>
      </c>
      <c r="CD9" s="314">
        <v>0</v>
      </c>
      <c r="CE9" s="315">
        <v>0</v>
      </c>
      <c r="CF9" s="315">
        <v>0</v>
      </c>
      <c r="CG9" s="315">
        <v>1</v>
      </c>
      <c r="CH9" s="315">
        <v>0</v>
      </c>
      <c r="CI9" s="315">
        <v>0</v>
      </c>
      <c r="CJ9" s="312">
        <v>1</v>
      </c>
      <c r="CK9" s="317">
        <v>1</v>
      </c>
      <c r="CL9" s="311">
        <v>0</v>
      </c>
      <c r="CM9" s="315">
        <v>0</v>
      </c>
      <c r="CN9" s="312">
        <v>0</v>
      </c>
      <c r="CO9" s="314">
        <v>0</v>
      </c>
      <c r="CP9" s="315">
        <v>1</v>
      </c>
      <c r="CQ9" s="315">
        <v>1</v>
      </c>
      <c r="CR9" s="315">
        <v>0</v>
      </c>
      <c r="CS9" s="315">
        <v>1</v>
      </c>
      <c r="CT9" s="315">
        <v>1</v>
      </c>
      <c r="CU9" s="312">
        <v>4</v>
      </c>
      <c r="CV9" s="317">
        <v>4</v>
      </c>
    </row>
    <row r="10" spans="1:100" ht="21" customHeight="1" x14ac:dyDescent="0.2">
      <c r="A10" s="296" t="s">
        <v>7</v>
      </c>
      <c r="B10" s="311">
        <v>0</v>
      </c>
      <c r="C10" s="312">
        <v>0</v>
      </c>
      <c r="D10" s="313">
        <v>0</v>
      </c>
      <c r="E10" s="314">
        <v>0</v>
      </c>
      <c r="F10" s="315">
        <v>0</v>
      </c>
      <c r="G10" s="315">
        <v>0</v>
      </c>
      <c r="H10" s="315">
        <v>1</v>
      </c>
      <c r="I10" s="315">
        <v>0</v>
      </c>
      <c r="J10" s="315">
        <v>1</v>
      </c>
      <c r="K10" s="316">
        <v>2</v>
      </c>
      <c r="L10" s="317">
        <v>2</v>
      </c>
      <c r="M10" s="311">
        <v>0</v>
      </c>
      <c r="N10" s="315">
        <v>0</v>
      </c>
      <c r="O10" s="312">
        <v>0</v>
      </c>
      <c r="P10" s="314">
        <v>0</v>
      </c>
      <c r="Q10" s="315">
        <v>0</v>
      </c>
      <c r="R10" s="315">
        <v>0</v>
      </c>
      <c r="S10" s="315">
        <v>0</v>
      </c>
      <c r="T10" s="315">
        <v>0</v>
      </c>
      <c r="U10" s="315">
        <v>0</v>
      </c>
      <c r="V10" s="312">
        <v>0</v>
      </c>
      <c r="W10" s="317">
        <v>0</v>
      </c>
      <c r="X10" s="311">
        <v>0</v>
      </c>
      <c r="Y10" s="315">
        <v>0</v>
      </c>
      <c r="Z10" s="312">
        <v>0</v>
      </c>
      <c r="AA10" s="314">
        <v>0</v>
      </c>
      <c r="AB10" s="315">
        <v>85</v>
      </c>
      <c r="AC10" s="315">
        <v>43</v>
      </c>
      <c r="AD10" s="315">
        <v>14</v>
      </c>
      <c r="AE10" s="315">
        <v>7</v>
      </c>
      <c r="AF10" s="315">
        <v>2</v>
      </c>
      <c r="AG10" s="312">
        <v>151</v>
      </c>
      <c r="AH10" s="317">
        <v>151</v>
      </c>
      <c r="AI10" s="311">
        <v>0</v>
      </c>
      <c r="AJ10" s="315">
        <v>0</v>
      </c>
      <c r="AK10" s="312">
        <v>0</v>
      </c>
      <c r="AL10" s="314">
        <v>0</v>
      </c>
      <c r="AM10" s="315">
        <v>9</v>
      </c>
      <c r="AN10" s="315">
        <v>12</v>
      </c>
      <c r="AO10" s="315">
        <v>6</v>
      </c>
      <c r="AP10" s="315">
        <v>1</v>
      </c>
      <c r="AQ10" s="315">
        <v>0</v>
      </c>
      <c r="AR10" s="312">
        <v>28</v>
      </c>
      <c r="AS10" s="317">
        <v>28</v>
      </c>
      <c r="AT10" s="311">
        <v>1</v>
      </c>
      <c r="AU10" s="315">
        <v>0</v>
      </c>
      <c r="AV10" s="312">
        <v>1</v>
      </c>
      <c r="AW10" s="314">
        <v>0</v>
      </c>
      <c r="AX10" s="315">
        <v>6</v>
      </c>
      <c r="AY10" s="315">
        <v>5</v>
      </c>
      <c r="AZ10" s="315">
        <v>0</v>
      </c>
      <c r="BA10" s="315">
        <v>1</v>
      </c>
      <c r="BB10" s="315">
        <v>1</v>
      </c>
      <c r="BC10" s="312">
        <v>13</v>
      </c>
      <c r="BD10" s="317">
        <v>14</v>
      </c>
      <c r="BE10" s="311">
        <v>0</v>
      </c>
      <c r="BF10" s="315">
        <v>0</v>
      </c>
      <c r="BG10" s="312">
        <v>0</v>
      </c>
      <c r="BH10" s="314">
        <v>0</v>
      </c>
      <c r="BI10" s="315">
        <v>13</v>
      </c>
      <c r="BJ10" s="315">
        <v>5</v>
      </c>
      <c r="BK10" s="315">
        <v>18</v>
      </c>
      <c r="BL10" s="315">
        <v>8</v>
      </c>
      <c r="BM10" s="315">
        <v>3</v>
      </c>
      <c r="BN10" s="316">
        <v>47</v>
      </c>
      <c r="BO10" s="317">
        <v>47</v>
      </c>
      <c r="BP10" s="311">
        <v>0</v>
      </c>
      <c r="BQ10" s="315">
        <v>0</v>
      </c>
      <c r="BR10" s="312">
        <v>0</v>
      </c>
      <c r="BS10" s="314">
        <v>0</v>
      </c>
      <c r="BT10" s="315">
        <v>0</v>
      </c>
      <c r="BU10" s="315">
        <v>0</v>
      </c>
      <c r="BV10" s="315">
        <v>0</v>
      </c>
      <c r="BW10" s="315">
        <v>0</v>
      </c>
      <c r="BX10" s="315">
        <v>0</v>
      </c>
      <c r="BY10" s="312">
        <v>0</v>
      </c>
      <c r="BZ10" s="317">
        <v>0</v>
      </c>
      <c r="CA10" s="311">
        <v>0</v>
      </c>
      <c r="CB10" s="315">
        <v>0</v>
      </c>
      <c r="CC10" s="312">
        <v>0</v>
      </c>
      <c r="CD10" s="314">
        <v>0</v>
      </c>
      <c r="CE10" s="315">
        <v>0</v>
      </c>
      <c r="CF10" s="315">
        <v>0</v>
      </c>
      <c r="CG10" s="315">
        <v>0</v>
      </c>
      <c r="CH10" s="315">
        <v>0</v>
      </c>
      <c r="CI10" s="315">
        <v>0</v>
      </c>
      <c r="CJ10" s="312">
        <v>0</v>
      </c>
      <c r="CK10" s="317">
        <v>0</v>
      </c>
      <c r="CL10" s="311">
        <v>0</v>
      </c>
      <c r="CM10" s="315">
        <v>0</v>
      </c>
      <c r="CN10" s="312">
        <v>0</v>
      </c>
      <c r="CO10" s="314">
        <v>0</v>
      </c>
      <c r="CP10" s="315">
        <v>1</v>
      </c>
      <c r="CQ10" s="315">
        <v>1</v>
      </c>
      <c r="CR10" s="315">
        <v>1</v>
      </c>
      <c r="CS10" s="315">
        <v>2</v>
      </c>
      <c r="CT10" s="315">
        <v>3</v>
      </c>
      <c r="CU10" s="312">
        <v>8</v>
      </c>
      <c r="CV10" s="317">
        <v>8</v>
      </c>
    </row>
    <row r="11" spans="1:100" ht="21" customHeight="1" x14ac:dyDescent="0.2">
      <c r="A11" s="296" t="s">
        <v>8</v>
      </c>
      <c r="B11" s="311">
        <v>0</v>
      </c>
      <c r="C11" s="312">
        <v>0</v>
      </c>
      <c r="D11" s="313">
        <v>0</v>
      </c>
      <c r="E11" s="314">
        <v>0</v>
      </c>
      <c r="F11" s="315">
        <v>0</v>
      </c>
      <c r="G11" s="315">
        <v>0</v>
      </c>
      <c r="H11" s="315">
        <v>0</v>
      </c>
      <c r="I11" s="315">
        <v>0</v>
      </c>
      <c r="J11" s="315">
        <v>0</v>
      </c>
      <c r="K11" s="316">
        <v>0</v>
      </c>
      <c r="L11" s="317">
        <v>0</v>
      </c>
      <c r="M11" s="311">
        <v>0</v>
      </c>
      <c r="N11" s="315">
        <v>0</v>
      </c>
      <c r="O11" s="312">
        <v>0</v>
      </c>
      <c r="P11" s="314">
        <v>0</v>
      </c>
      <c r="Q11" s="315">
        <v>0</v>
      </c>
      <c r="R11" s="315">
        <v>0</v>
      </c>
      <c r="S11" s="315">
        <v>0</v>
      </c>
      <c r="T11" s="315">
        <v>0</v>
      </c>
      <c r="U11" s="315">
        <v>1</v>
      </c>
      <c r="V11" s="312">
        <v>1</v>
      </c>
      <c r="W11" s="317">
        <v>1</v>
      </c>
      <c r="X11" s="311">
        <v>0</v>
      </c>
      <c r="Y11" s="315">
        <v>0</v>
      </c>
      <c r="Z11" s="312">
        <v>0</v>
      </c>
      <c r="AA11" s="314">
        <v>0</v>
      </c>
      <c r="AB11" s="315">
        <v>39</v>
      </c>
      <c r="AC11" s="315">
        <v>30</v>
      </c>
      <c r="AD11" s="315">
        <v>9</v>
      </c>
      <c r="AE11" s="315">
        <v>6</v>
      </c>
      <c r="AF11" s="315">
        <v>1</v>
      </c>
      <c r="AG11" s="312">
        <v>85</v>
      </c>
      <c r="AH11" s="317">
        <v>85</v>
      </c>
      <c r="AI11" s="311">
        <v>0</v>
      </c>
      <c r="AJ11" s="315">
        <v>0</v>
      </c>
      <c r="AK11" s="312">
        <v>0</v>
      </c>
      <c r="AL11" s="314">
        <v>0</v>
      </c>
      <c r="AM11" s="315">
        <v>1</v>
      </c>
      <c r="AN11" s="315">
        <v>0</v>
      </c>
      <c r="AO11" s="315">
        <v>0</v>
      </c>
      <c r="AP11" s="315">
        <v>0</v>
      </c>
      <c r="AQ11" s="315">
        <v>0</v>
      </c>
      <c r="AR11" s="312">
        <v>1</v>
      </c>
      <c r="AS11" s="317">
        <v>1</v>
      </c>
      <c r="AT11" s="311">
        <v>1</v>
      </c>
      <c r="AU11" s="315">
        <v>0</v>
      </c>
      <c r="AV11" s="312">
        <v>1</v>
      </c>
      <c r="AW11" s="314">
        <v>0</v>
      </c>
      <c r="AX11" s="315">
        <v>5</v>
      </c>
      <c r="AY11" s="315">
        <v>7</v>
      </c>
      <c r="AZ11" s="315">
        <v>2</v>
      </c>
      <c r="BA11" s="315">
        <v>2</v>
      </c>
      <c r="BB11" s="315">
        <v>0</v>
      </c>
      <c r="BC11" s="312">
        <v>16</v>
      </c>
      <c r="BD11" s="317">
        <v>17</v>
      </c>
      <c r="BE11" s="311">
        <v>0</v>
      </c>
      <c r="BF11" s="315">
        <v>0</v>
      </c>
      <c r="BG11" s="312">
        <v>0</v>
      </c>
      <c r="BH11" s="314">
        <v>0</v>
      </c>
      <c r="BI11" s="315">
        <v>3</v>
      </c>
      <c r="BJ11" s="315">
        <v>3</v>
      </c>
      <c r="BK11" s="315">
        <v>5</v>
      </c>
      <c r="BL11" s="315">
        <v>3</v>
      </c>
      <c r="BM11" s="315">
        <v>1</v>
      </c>
      <c r="BN11" s="316">
        <v>15</v>
      </c>
      <c r="BO11" s="317">
        <v>15</v>
      </c>
      <c r="BP11" s="311">
        <v>0</v>
      </c>
      <c r="BQ11" s="315">
        <v>0</v>
      </c>
      <c r="BR11" s="312">
        <v>0</v>
      </c>
      <c r="BS11" s="314">
        <v>0</v>
      </c>
      <c r="BT11" s="315">
        <v>0</v>
      </c>
      <c r="BU11" s="315">
        <v>0</v>
      </c>
      <c r="BV11" s="315">
        <v>0</v>
      </c>
      <c r="BW11" s="315">
        <v>3</v>
      </c>
      <c r="BX11" s="315">
        <v>0</v>
      </c>
      <c r="BY11" s="312">
        <v>3</v>
      </c>
      <c r="BZ11" s="317">
        <v>3</v>
      </c>
      <c r="CA11" s="311">
        <v>0</v>
      </c>
      <c r="CB11" s="315">
        <v>0</v>
      </c>
      <c r="CC11" s="312">
        <v>0</v>
      </c>
      <c r="CD11" s="314">
        <v>0</v>
      </c>
      <c r="CE11" s="315">
        <v>0</v>
      </c>
      <c r="CF11" s="315">
        <v>0</v>
      </c>
      <c r="CG11" s="315">
        <v>1</v>
      </c>
      <c r="CH11" s="315">
        <v>0</v>
      </c>
      <c r="CI11" s="315">
        <v>0</v>
      </c>
      <c r="CJ11" s="312">
        <v>1</v>
      </c>
      <c r="CK11" s="317">
        <v>1</v>
      </c>
      <c r="CL11" s="311">
        <v>0</v>
      </c>
      <c r="CM11" s="315">
        <v>0</v>
      </c>
      <c r="CN11" s="312">
        <v>0</v>
      </c>
      <c r="CO11" s="314">
        <v>0</v>
      </c>
      <c r="CP11" s="315">
        <v>2</v>
      </c>
      <c r="CQ11" s="315">
        <v>1</v>
      </c>
      <c r="CR11" s="315">
        <v>0</v>
      </c>
      <c r="CS11" s="315">
        <v>2</v>
      </c>
      <c r="CT11" s="315">
        <v>1</v>
      </c>
      <c r="CU11" s="312">
        <v>6</v>
      </c>
      <c r="CV11" s="317">
        <v>6</v>
      </c>
    </row>
    <row r="12" spans="1:100" ht="21" customHeight="1" x14ac:dyDescent="0.2">
      <c r="A12" s="296" t="s">
        <v>9</v>
      </c>
      <c r="B12" s="311">
        <v>0</v>
      </c>
      <c r="C12" s="312">
        <v>0</v>
      </c>
      <c r="D12" s="313">
        <v>0</v>
      </c>
      <c r="E12" s="314">
        <v>0</v>
      </c>
      <c r="F12" s="315">
        <v>0</v>
      </c>
      <c r="G12" s="315">
        <v>0</v>
      </c>
      <c r="H12" s="315">
        <v>0</v>
      </c>
      <c r="I12" s="315">
        <v>0</v>
      </c>
      <c r="J12" s="315">
        <v>1</v>
      </c>
      <c r="K12" s="316">
        <v>1</v>
      </c>
      <c r="L12" s="317">
        <v>1</v>
      </c>
      <c r="M12" s="311">
        <v>0</v>
      </c>
      <c r="N12" s="315">
        <v>0</v>
      </c>
      <c r="O12" s="312">
        <v>0</v>
      </c>
      <c r="P12" s="314">
        <v>0</v>
      </c>
      <c r="Q12" s="315">
        <v>0</v>
      </c>
      <c r="R12" s="315">
        <v>0</v>
      </c>
      <c r="S12" s="315">
        <v>0</v>
      </c>
      <c r="T12" s="315">
        <v>0</v>
      </c>
      <c r="U12" s="315">
        <v>0</v>
      </c>
      <c r="V12" s="312">
        <v>0</v>
      </c>
      <c r="W12" s="317">
        <v>0</v>
      </c>
      <c r="X12" s="311">
        <v>0</v>
      </c>
      <c r="Y12" s="315">
        <v>0</v>
      </c>
      <c r="Z12" s="312">
        <v>0</v>
      </c>
      <c r="AA12" s="314">
        <v>0</v>
      </c>
      <c r="AB12" s="315">
        <v>40</v>
      </c>
      <c r="AC12" s="315">
        <v>29</v>
      </c>
      <c r="AD12" s="315">
        <v>15</v>
      </c>
      <c r="AE12" s="315">
        <v>13</v>
      </c>
      <c r="AF12" s="315">
        <v>0</v>
      </c>
      <c r="AG12" s="312">
        <v>97</v>
      </c>
      <c r="AH12" s="317">
        <v>97</v>
      </c>
      <c r="AI12" s="311">
        <v>0</v>
      </c>
      <c r="AJ12" s="315">
        <v>0</v>
      </c>
      <c r="AK12" s="312">
        <v>0</v>
      </c>
      <c r="AL12" s="314">
        <v>0</v>
      </c>
      <c r="AM12" s="315">
        <v>1</v>
      </c>
      <c r="AN12" s="315">
        <v>1</v>
      </c>
      <c r="AO12" s="315">
        <v>2</v>
      </c>
      <c r="AP12" s="315">
        <v>0</v>
      </c>
      <c r="AQ12" s="315">
        <v>0</v>
      </c>
      <c r="AR12" s="312">
        <v>4</v>
      </c>
      <c r="AS12" s="317">
        <v>4</v>
      </c>
      <c r="AT12" s="311">
        <v>1</v>
      </c>
      <c r="AU12" s="315">
        <v>0</v>
      </c>
      <c r="AV12" s="312">
        <v>1</v>
      </c>
      <c r="AW12" s="314">
        <v>0</v>
      </c>
      <c r="AX12" s="315">
        <v>4</v>
      </c>
      <c r="AY12" s="315">
        <v>2</v>
      </c>
      <c r="AZ12" s="315">
        <v>0</v>
      </c>
      <c r="BA12" s="315">
        <v>1</v>
      </c>
      <c r="BB12" s="315">
        <v>0</v>
      </c>
      <c r="BC12" s="312">
        <v>7</v>
      </c>
      <c r="BD12" s="317">
        <v>8</v>
      </c>
      <c r="BE12" s="311">
        <v>0</v>
      </c>
      <c r="BF12" s="315">
        <v>0</v>
      </c>
      <c r="BG12" s="312">
        <v>0</v>
      </c>
      <c r="BH12" s="314">
        <v>0</v>
      </c>
      <c r="BI12" s="315">
        <v>3</v>
      </c>
      <c r="BJ12" s="315">
        <v>4</v>
      </c>
      <c r="BK12" s="315">
        <v>7</v>
      </c>
      <c r="BL12" s="315">
        <v>1</v>
      </c>
      <c r="BM12" s="315">
        <v>4</v>
      </c>
      <c r="BN12" s="316">
        <v>19</v>
      </c>
      <c r="BO12" s="317">
        <v>19</v>
      </c>
      <c r="BP12" s="311">
        <v>0</v>
      </c>
      <c r="BQ12" s="315">
        <v>0</v>
      </c>
      <c r="BR12" s="312">
        <v>0</v>
      </c>
      <c r="BS12" s="314">
        <v>0</v>
      </c>
      <c r="BT12" s="315">
        <v>1</v>
      </c>
      <c r="BU12" s="315">
        <v>1</v>
      </c>
      <c r="BV12" s="315">
        <v>2</v>
      </c>
      <c r="BW12" s="315">
        <v>0</v>
      </c>
      <c r="BX12" s="315">
        <v>0</v>
      </c>
      <c r="BY12" s="312">
        <v>4</v>
      </c>
      <c r="BZ12" s="317">
        <v>4</v>
      </c>
      <c r="CA12" s="311">
        <v>0</v>
      </c>
      <c r="CB12" s="315">
        <v>0</v>
      </c>
      <c r="CC12" s="312">
        <v>0</v>
      </c>
      <c r="CD12" s="314">
        <v>0</v>
      </c>
      <c r="CE12" s="315">
        <v>0</v>
      </c>
      <c r="CF12" s="315">
        <v>0</v>
      </c>
      <c r="CG12" s="315">
        <v>0</v>
      </c>
      <c r="CH12" s="315">
        <v>0</v>
      </c>
      <c r="CI12" s="315">
        <v>0</v>
      </c>
      <c r="CJ12" s="312">
        <v>0</v>
      </c>
      <c r="CK12" s="317">
        <v>0</v>
      </c>
      <c r="CL12" s="311">
        <v>0</v>
      </c>
      <c r="CM12" s="315">
        <v>0</v>
      </c>
      <c r="CN12" s="312">
        <v>0</v>
      </c>
      <c r="CO12" s="314">
        <v>0</v>
      </c>
      <c r="CP12" s="315">
        <v>0</v>
      </c>
      <c r="CQ12" s="315">
        <v>1</v>
      </c>
      <c r="CR12" s="315">
        <v>4</v>
      </c>
      <c r="CS12" s="315">
        <v>0</v>
      </c>
      <c r="CT12" s="315">
        <v>0</v>
      </c>
      <c r="CU12" s="312">
        <v>5</v>
      </c>
      <c r="CV12" s="317">
        <v>5</v>
      </c>
    </row>
    <row r="13" spans="1:100" ht="21" customHeight="1" x14ac:dyDescent="0.2">
      <c r="A13" s="296" t="s">
        <v>10</v>
      </c>
      <c r="B13" s="311">
        <v>0</v>
      </c>
      <c r="C13" s="312">
        <v>0</v>
      </c>
      <c r="D13" s="313">
        <v>0</v>
      </c>
      <c r="E13" s="314">
        <v>0</v>
      </c>
      <c r="F13" s="315">
        <v>3</v>
      </c>
      <c r="G13" s="315">
        <v>1</v>
      </c>
      <c r="H13" s="315">
        <v>0</v>
      </c>
      <c r="I13" s="315">
        <v>0</v>
      </c>
      <c r="J13" s="315">
        <v>0</v>
      </c>
      <c r="K13" s="316">
        <v>4</v>
      </c>
      <c r="L13" s="317">
        <v>4</v>
      </c>
      <c r="M13" s="311">
        <v>0</v>
      </c>
      <c r="N13" s="315">
        <v>0</v>
      </c>
      <c r="O13" s="312">
        <v>0</v>
      </c>
      <c r="P13" s="314">
        <v>0</v>
      </c>
      <c r="Q13" s="315">
        <v>1</v>
      </c>
      <c r="R13" s="315">
        <v>1</v>
      </c>
      <c r="S13" s="315">
        <v>2</v>
      </c>
      <c r="T13" s="315">
        <v>0</v>
      </c>
      <c r="U13" s="315">
        <v>0</v>
      </c>
      <c r="V13" s="312">
        <v>4</v>
      </c>
      <c r="W13" s="317">
        <v>4</v>
      </c>
      <c r="X13" s="311">
        <v>0</v>
      </c>
      <c r="Y13" s="315">
        <v>0</v>
      </c>
      <c r="Z13" s="312">
        <v>0</v>
      </c>
      <c r="AA13" s="314">
        <v>0</v>
      </c>
      <c r="AB13" s="315">
        <v>48</v>
      </c>
      <c r="AC13" s="315">
        <v>25</v>
      </c>
      <c r="AD13" s="315">
        <v>7</v>
      </c>
      <c r="AE13" s="315">
        <v>2</v>
      </c>
      <c r="AF13" s="315">
        <v>4</v>
      </c>
      <c r="AG13" s="312">
        <v>86</v>
      </c>
      <c r="AH13" s="317">
        <v>86</v>
      </c>
      <c r="AI13" s="311">
        <v>0</v>
      </c>
      <c r="AJ13" s="315">
        <v>0</v>
      </c>
      <c r="AK13" s="312">
        <v>0</v>
      </c>
      <c r="AL13" s="314">
        <v>0</v>
      </c>
      <c r="AM13" s="315">
        <v>2</v>
      </c>
      <c r="AN13" s="315">
        <v>2</v>
      </c>
      <c r="AO13" s="315">
        <v>2</v>
      </c>
      <c r="AP13" s="315">
        <v>1</v>
      </c>
      <c r="AQ13" s="315">
        <v>0</v>
      </c>
      <c r="AR13" s="312">
        <v>7</v>
      </c>
      <c r="AS13" s="317">
        <v>7</v>
      </c>
      <c r="AT13" s="311">
        <v>0</v>
      </c>
      <c r="AU13" s="315">
        <v>0</v>
      </c>
      <c r="AV13" s="312">
        <v>0</v>
      </c>
      <c r="AW13" s="314">
        <v>0</v>
      </c>
      <c r="AX13" s="315">
        <v>4</v>
      </c>
      <c r="AY13" s="315">
        <v>2</v>
      </c>
      <c r="AZ13" s="315">
        <v>7</v>
      </c>
      <c r="BA13" s="315">
        <v>7</v>
      </c>
      <c r="BB13" s="315">
        <v>2</v>
      </c>
      <c r="BC13" s="312">
        <v>22</v>
      </c>
      <c r="BD13" s="317">
        <v>22</v>
      </c>
      <c r="BE13" s="311">
        <v>0</v>
      </c>
      <c r="BF13" s="315">
        <v>0</v>
      </c>
      <c r="BG13" s="312">
        <v>0</v>
      </c>
      <c r="BH13" s="314">
        <v>0</v>
      </c>
      <c r="BI13" s="315">
        <v>7</v>
      </c>
      <c r="BJ13" s="315">
        <v>11</v>
      </c>
      <c r="BK13" s="315">
        <v>6</v>
      </c>
      <c r="BL13" s="315">
        <v>9</v>
      </c>
      <c r="BM13" s="315">
        <v>4</v>
      </c>
      <c r="BN13" s="316">
        <v>37</v>
      </c>
      <c r="BO13" s="317">
        <v>37</v>
      </c>
      <c r="BP13" s="311">
        <v>0</v>
      </c>
      <c r="BQ13" s="315">
        <v>0</v>
      </c>
      <c r="BR13" s="312">
        <v>0</v>
      </c>
      <c r="BS13" s="314">
        <v>0</v>
      </c>
      <c r="BT13" s="315">
        <v>0</v>
      </c>
      <c r="BU13" s="315">
        <v>4</v>
      </c>
      <c r="BV13" s="315">
        <v>5</v>
      </c>
      <c r="BW13" s="315">
        <v>2</v>
      </c>
      <c r="BX13" s="315">
        <v>3</v>
      </c>
      <c r="BY13" s="312">
        <v>14</v>
      </c>
      <c r="BZ13" s="317">
        <v>14</v>
      </c>
      <c r="CA13" s="311">
        <v>0</v>
      </c>
      <c r="CB13" s="315">
        <v>0</v>
      </c>
      <c r="CC13" s="312">
        <v>0</v>
      </c>
      <c r="CD13" s="314">
        <v>0</v>
      </c>
      <c r="CE13" s="315">
        <v>0</v>
      </c>
      <c r="CF13" s="315">
        <v>0</v>
      </c>
      <c r="CG13" s="315">
        <v>1</v>
      </c>
      <c r="CH13" s="315">
        <v>2</v>
      </c>
      <c r="CI13" s="315">
        <v>3</v>
      </c>
      <c r="CJ13" s="312">
        <v>6</v>
      </c>
      <c r="CK13" s="317">
        <v>6</v>
      </c>
      <c r="CL13" s="311">
        <v>0</v>
      </c>
      <c r="CM13" s="315">
        <v>0</v>
      </c>
      <c r="CN13" s="312">
        <v>0</v>
      </c>
      <c r="CO13" s="314">
        <v>0</v>
      </c>
      <c r="CP13" s="315">
        <v>1</v>
      </c>
      <c r="CQ13" s="315">
        <v>1</v>
      </c>
      <c r="CR13" s="315">
        <v>2</v>
      </c>
      <c r="CS13" s="315">
        <v>2</v>
      </c>
      <c r="CT13" s="315">
        <v>1</v>
      </c>
      <c r="CU13" s="312">
        <v>7</v>
      </c>
      <c r="CV13" s="317">
        <v>7</v>
      </c>
    </row>
    <row r="14" spans="1:100" ht="21" customHeight="1" x14ac:dyDescent="0.2">
      <c r="A14" s="296" t="s">
        <v>11</v>
      </c>
      <c r="B14" s="311">
        <v>0</v>
      </c>
      <c r="C14" s="312">
        <v>0</v>
      </c>
      <c r="D14" s="313">
        <v>0</v>
      </c>
      <c r="E14" s="314">
        <v>0</v>
      </c>
      <c r="F14" s="315">
        <v>1</v>
      </c>
      <c r="G14" s="315">
        <v>0</v>
      </c>
      <c r="H14" s="315">
        <v>2</v>
      </c>
      <c r="I14" s="315">
        <v>0</v>
      </c>
      <c r="J14" s="315">
        <v>0</v>
      </c>
      <c r="K14" s="316">
        <v>3</v>
      </c>
      <c r="L14" s="317">
        <v>3</v>
      </c>
      <c r="M14" s="311">
        <v>0</v>
      </c>
      <c r="N14" s="315">
        <v>0</v>
      </c>
      <c r="O14" s="312">
        <v>0</v>
      </c>
      <c r="P14" s="314">
        <v>0</v>
      </c>
      <c r="Q14" s="315">
        <v>0</v>
      </c>
      <c r="R14" s="315">
        <v>0</v>
      </c>
      <c r="S14" s="315">
        <v>0</v>
      </c>
      <c r="T14" s="315">
        <v>0</v>
      </c>
      <c r="U14" s="315">
        <v>0</v>
      </c>
      <c r="V14" s="312">
        <v>0</v>
      </c>
      <c r="W14" s="317">
        <v>0</v>
      </c>
      <c r="X14" s="311">
        <v>0</v>
      </c>
      <c r="Y14" s="315">
        <v>0</v>
      </c>
      <c r="Z14" s="312">
        <v>0</v>
      </c>
      <c r="AA14" s="314">
        <v>0</v>
      </c>
      <c r="AB14" s="315">
        <v>33</v>
      </c>
      <c r="AC14" s="315">
        <v>7</v>
      </c>
      <c r="AD14" s="315">
        <v>14</v>
      </c>
      <c r="AE14" s="315">
        <v>4</v>
      </c>
      <c r="AF14" s="315">
        <v>2</v>
      </c>
      <c r="AG14" s="312">
        <v>60</v>
      </c>
      <c r="AH14" s="317">
        <v>60</v>
      </c>
      <c r="AI14" s="311">
        <v>0</v>
      </c>
      <c r="AJ14" s="315">
        <v>0</v>
      </c>
      <c r="AK14" s="312">
        <v>0</v>
      </c>
      <c r="AL14" s="314">
        <v>0</v>
      </c>
      <c r="AM14" s="315">
        <v>5</v>
      </c>
      <c r="AN14" s="315">
        <v>3</v>
      </c>
      <c r="AO14" s="315">
        <v>0</v>
      </c>
      <c r="AP14" s="315">
        <v>0</v>
      </c>
      <c r="AQ14" s="315">
        <v>0</v>
      </c>
      <c r="AR14" s="312">
        <v>8</v>
      </c>
      <c r="AS14" s="317">
        <v>8</v>
      </c>
      <c r="AT14" s="311">
        <v>0</v>
      </c>
      <c r="AU14" s="315">
        <v>0</v>
      </c>
      <c r="AV14" s="312">
        <v>0</v>
      </c>
      <c r="AW14" s="314">
        <v>0</v>
      </c>
      <c r="AX14" s="315">
        <v>1</v>
      </c>
      <c r="AY14" s="315">
        <v>1</v>
      </c>
      <c r="AZ14" s="315">
        <v>3</v>
      </c>
      <c r="BA14" s="315">
        <v>1</v>
      </c>
      <c r="BB14" s="315">
        <v>0</v>
      </c>
      <c r="BC14" s="312">
        <v>6</v>
      </c>
      <c r="BD14" s="317">
        <v>6</v>
      </c>
      <c r="BE14" s="311">
        <v>0</v>
      </c>
      <c r="BF14" s="315">
        <v>0</v>
      </c>
      <c r="BG14" s="312">
        <v>0</v>
      </c>
      <c r="BH14" s="314">
        <v>0</v>
      </c>
      <c r="BI14" s="315">
        <v>3</v>
      </c>
      <c r="BJ14" s="315">
        <v>1</v>
      </c>
      <c r="BK14" s="315">
        <v>1</v>
      </c>
      <c r="BL14" s="315">
        <v>3</v>
      </c>
      <c r="BM14" s="315">
        <v>0</v>
      </c>
      <c r="BN14" s="316">
        <v>8</v>
      </c>
      <c r="BO14" s="317">
        <v>8</v>
      </c>
      <c r="BP14" s="311">
        <v>0</v>
      </c>
      <c r="BQ14" s="315">
        <v>0</v>
      </c>
      <c r="BR14" s="312">
        <v>0</v>
      </c>
      <c r="BS14" s="314">
        <v>0</v>
      </c>
      <c r="BT14" s="315">
        <v>0</v>
      </c>
      <c r="BU14" s="315">
        <v>0</v>
      </c>
      <c r="BV14" s="315">
        <v>0</v>
      </c>
      <c r="BW14" s="315">
        <v>0</v>
      </c>
      <c r="BX14" s="315">
        <v>0</v>
      </c>
      <c r="BY14" s="312">
        <v>0</v>
      </c>
      <c r="BZ14" s="317">
        <v>0</v>
      </c>
      <c r="CA14" s="311">
        <v>0</v>
      </c>
      <c r="CB14" s="315">
        <v>0</v>
      </c>
      <c r="CC14" s="312">
        <v>0</v>
      </c>
      <c r="CD14" s="314">
        <v>0</v>
      </c>
      <c r="CE14" s="315">
        <v>0</v>
      </c>
      <c r="CF14" s="315">
        <v>0</v>
      </c>
      <c r="CG14" s="315">
        <v>0</v>
      </c>
      <c r="CH14" s="315">
        <v>0</v>
      </c>
      <c r="CI14" s="315">
        <v>0</v>
      </c>
      <c r="CJ14" s="312">
        <v>0</v>
      </c>
      <c r="CK14" s="317">
        <v>0</v>
      </c>
      <c r="CL14" s="311">
        <v>0</v>
      </c>
      <c r="CM14" s="315">
        <v>0</v>
      </c>
      <c r="CN14" s="312">
        <v>0</v>
      </c>
      <c r="CO14" s="314">
        <v>0</v>
      </c>
      <c r="CP14" s="315">
        <v>0</v>
      </c>
      <c r="CQ14" s="315">
        <v>1</v>
      </c>
      <c r="CR14" s="315">
        <v>0</v>
      </c>
      <c r="CS14" s="315">
        <v>0</v>
      </c>
      <c r="CT14" s="315">
        <v>0</v>
      </c>
      <c r="CU14" s="312">
        <v>1</v>
      </c>
      <c r="CV14" s="317">
        <v>1</v>
      </c>
    </row>
    <row r="15" spans="1:100" ht="21" customHeight="1" x14ac:dyDescent="0.2">
      <c r="A15" s="296" t="s">
        <v>12</v>
      </c>
      <c r="B15" s="311">
        <v>0</v>
      </c>
      <c r="C15" s="312">
        <v>0</v>
      </c>
      <c r="D15" s="313">
        <v>0</v>
      </c>
      <c r="E15" s="314">
        <v>0</v>
      </c>
      <c r="F15" s="315">
        <v>0</v>
      </c>
      <c r="G15" s="315">
        <v>1</v>
      </c>
      <c r="H15" s="315">
        <v>0</v>
      </c>
      <c r="I15" s="315">
        <v>0</v>
      </c>
      <c r="J15" s="315">
        <v>0</v>
      </c>
      <c r="K15" s="316">
        <v>1</v>
      </c>
      <c r="L15" s="317">
        <v>1</v>
      </c>
      <c r="M15" s="311">
        <v>0</v>
      </c>
      <c r="N15" s="315">
        <v>0</v>
      </c>
      <c r="O15" s="312">
        <v>0</v>
      </c>
      <c r="P15" s="314">
        <v>0</v>
      </c>
      <c r="Q15" s="315">
        <v>0</v>
      </c>
      <c r="R15" s="315">
        <v>0</v>
      </c>
      <c r="S15" s="315">
        <v>0</v>
      </c>
      <c r="T15" s="315">
        <v>0</v>
      </c>
      <c r="U15" s="315">
        <v>0</v>
      </c>
      <c r="V15" s="312">
        <v>0</v>
      </c>
      <c r="W15" s="317">
        <v>0</v>
      </c>
      <c r="X15" s="311">
        <v>0</v>
      </c>
      <c r="Y15" s="315">
        <v>0</v>
      </c>
      <c r="Z15" s="312">
        <v>0</v>
      </c>
      <c r="AA15" s="314">
        <v>0</v>
      </c>
      <c r="AB15" s="315">
        <v>31</v>
      </c>
      <c r="AC15" s="315">
        <v>19</v>
      </c>
      <c r="AD15" s="315">
        <v>12</v>
      </c>
      <c r="AE15" s="315">
        <v>4</v>
      </c>
      <c r="AF15" s="315">
        <v>4</v>
      </c>
      <c r="AG15" s="312">
        <v>70</v>
      </c>
      <c r="AH15" s="317">
        <v>70</v>
      </c>
      <c r="AI15" s="311">
        <v>0</v>
      </c>
      <c r="AJ15" s="315">
        <v>0</v>
      </c>
      <c r="AK15" s="312">
        <v>0</v>
      </c>
      <c r="AL15" s="314">
        <v>0</v>
      </c>
      <c r="AM15" s="315">
        <v>0</v>
      </c>
      <c r="AN15" s="315">
        <v>0</v>
      </c>
      <c r="AO15" s="315">
        <v>0</v>
      </c>
      <c r="AP15" s="315">
        <v>0</v>
      </c>
      <c r="AQ15" s="315">
        <v>0</v>
      </c>
      <c r="AR15" s="312">
        <v>0</v>
      </c>
      <c r="AS15" s="317">
        <v>0</v>
      </c>
      <c r="AT15" s="311">
        <v>0</v>
      </c>
      <c r="AU15" s="315">
        <v>0</v>
      </c>
      <c r="AV15" s="312">
        <v>0</v>
      </c>
      <c r="AW15" s="314">
        <v>0</v>
      </c>
      <c r="AX15" s="315">
        <v>3</v>
      </c>
      <c r="AY15" s="315">
        <v>1</v>
      </c>
      <c r="AZ15" s="315">
        <v>3</v>
      </c>
      <c r="BA15" s="315">
        <v>3</v>
      </c>
      <c r="BB15" s="315">
        <v>2</v>
      </c>
      <c r="BC15" s="312">
        <v>12</v>
      </c>
      <c r="BD15" s="317">
        <v>12</v>
      </c>
      <c r="BE15" s="311">
        <v>0</v>
      </c>
      <c r="BF15" s="315">
        <v>0</v>
      </c>
      <c r="BG15" s="312">
        <v>0</v>
      </c>
      <c r="BH15" s="314">
        <v>0</v>
      </c>
      <c r="BI15" s="315">
        <v>6</v>
      </c>
      <c r="BJ15" s="315">
        <v>4</v>
      </c>
      <c r="BK15" s="315">
        <v>2</v>
      </c>
      <c r="BL15" s="315">
        <v>4</v>
      </c>
      <c r="BM15" s="315">
        <v>1</v>
      </c>
      <c r="BN15" s="316">
        <v>17</v>
      </c>
      <c r="BO15" s="317">
        <v>17</v>
      </c>
      <c r="BP15" s="311">
        <v>0</v>
      </c>
      <c r="BQ15" s="315">
        <v>0</v>
      </c>
      <c r="BR15" s="312">
        <v>0</v>
      </c>
      <c r="BS15" s="314">
        <v>0</v>
      </c>
      <c r="BT15" s="315">
        <v>0</v>
      </c>
      <c r="BU15" s="315">
        <v>1</v>
      </c>
      <c r="BV15" s="315">
        <v>0</v>
      </c>
      <c r="BW15" s="315">
        <v>4</v>
      </c>
      <c r="BX15" s="315">
        <v>0</v>
      </c>
      <c r="BY15" s="312">
        <v>5</v>
      </c>
      <c r="BZ15" s="317">
        <v>5</v>
      </c>
      <c r="CA15" s="311">
        <v>0</v>
      </c>
      <c r="CB15" s="315">
        <v>0</v>
      </c>
      <c r="CC15" s="312">
        <v>0</v>
      </c>
      <c r="CD15" s="314">
        <v>0</v>
      </c>
      <c r="CE15" s="315">
        <v>0</v>
      </c>
      <c r="CF15" s="315">
        <v>0</v>
      </c>
      <c r="CG15" s="315">
        <v>0</v>
      </c>
      <c r="CH15" s="315">
        <v>1</v>
      </c>
      <c r="CI15" s="315">
        <v>1</v>
      </c>
      <c r="CJ15" s="312">
        <v>2</v>
      </c>
      <c r="CK15" s="317">
        <v>2</v>
      </c>
      <c r="CL15" s="311">
        <v>0</v>
      </c>
      <c r="CM15" s="315">
        <v>0</v>
      </c>
      <c r="CN15" s="312">
        <v>0</v>
      </c>
      <c r="CO15" s="314">
        <v>0</v>
      </c>
      <c r="CP15" s="315">
        <v>2</v>
      </c>
      <c r="CQ15" s="315">
        <v>1</v>
      </c>
      <c r="CR15" s="315">
        <v>0</v>
      </c>
      <c r="CS15" s="315">
        <v>2</v>
      </c>
      <c r="CT15" s="315">
        <v>2</v>
      </c>
      <c r="CU15" s="312">
        <v>7</v>
      </c>
      <c r="CV15" s="317">
        <v>7</v>
      </c>
    </row>
    <row r="16" spans="1:100" ht="21" customHeight="1" x14ac:dyDescent="0.2">
      <c r="A16" s="296" t="s">
        <v>13</v>
      </c>
      <c r="B16" s="311">
        <v>0</v>
      </c>
      <c r="C16" s="312">
        <v>0</v>
      </c>
      <c r="D16" s="313">
        <v>0</v>
      </c>
      <c r="E16" s="314">
        <v>0</v>
      </c>
      <c r="F16" s="315">
        <v>0</v>
      </c>
      <c r="G16" s="315">
        <v>0</v>
      </c>
      <c r="H16" s="315">
        <v>0</v>
      </c>
      <c r="I16" s="315">
        <v>0</v>
      </c>
      <c r="J16" s="315">
        <v>0</v>
      </c>
      <c r="K16" s="316">
        <v>0</v>
      </c>
      <c r="L16" s="317">
        <v>0</v>
      </c>
      <c r="M16" s="311">
        <v>0</v>
      </c>
      <c r="N16" s="315">
        <v>0</v>
      </c>
      <c r="O16" s="312">
        <v>0</v>
      </c>
      <c r="P16" s="314">
        <v>0</v>
      </c>
      <c r="Q16" s="315">
        <v>0</v>
      </c>
      <c r="R16" s="315">
        <v>0</v>
      </c>
      <c r="S16" s="315">
        <v>0</v>
      </c>
      <c r="T16" s="315">
        <v>0</v>
      </c>
      <c r="U16" s="315">
        <v>0</v>
      </c>
      <c r="V16" s="312">
        <v>0</v>
      </c>
      <c r="W16" s="317">
        <v>0</v>
      </c>
      <c r="X16" s="311">
        <v>0</v>
      </c>
      <c r="Y16" s="315">
        <v>0</v>
      </c>
      <c r="Z16" s="312">
        <v>0</v>
      </c>
      <c r="AA16" s="314">
        <v>0</v>
      </c>
      <c r="AB16" s="315">
        <v>13</v>
      </c>
      <c r="AC16" s="315">
        <v>9</v>
      </c>
      <c r="AD16" s="315">
        <v>3</v>
      </c>
      <c r="AE16" s="315">
        <v>2</v>
      </c>
      <c r="AF16" s="315">
        <v>1</v>
      </c>
      <c r="AG16" s="312">
        <v>28</v>
      </c>
      <c r="AH16" s="317">
        <v>28</v>
      </c>
      <c r="AI16" s="311">
        <v>0</v>
      </c>
      <c r="AJ16" s="315">
        <v>0</v>
      </c>
      <c r="AK16" s="312">
        <v>0</v>
      </c>
      <c r="AL16" s="314">
        <v>0</v>
      </c>
      <c r="AM16" s="315">
        <v>0</v>
      </c>
      <c r="AN16" s="315">
        <v>1</v>
      </c>
      <c r="AO16" s="315">
        <v>2</v>
      </c>
      <c r="AP16" s="315">
        <v>1</v>
      </c>
      <c r="AQ16" s="315">
        <v>0</v>
      </c>
      <c r="AR16" s="312">
        <v>4</v>
      </c>
      <c r="AS16" s="317">
        <v>4</v>
      </c>
      <c r="AT16" s="311">
        <v>0</v>
      </c>
      <c r="AU16" s="315">
        <v>0</v>
      </c>
      <c r="AV16" s="312">
        <v>0</v>
      </c>
      <c r="AW16" s="314">
        <v>0</v>
      </c>
      <c r="AX16" s="315">
        <v>1</v>
      </c>
      <c r="AY16" s="315">
        <v>2</v>
      </c>
      <c r="AZ16" s="315">
        <v>0</v>
      </c>
      <c r="BA16" s="315">
        <v>1</v>
      </c>
      <c r="BB16" s="315">
        <v>0</v>
      </c>
      <c r="BC16" s="312">
        <v>4</v>
      </c>
      <c r="BD16" s="317">
        <v>4</v>
      </c>
      <c r="BE16" s="311">
        <v>0</v>
      </c>
      <c r="BF16" s="315">
        <v>0</v>
      </c>
      <c r="BG16" s="312">
        <v>0</v>
      </c>
      <c r="BH16" s="314">
        <v>0</v>
      </c>
      <c r="BI16" s="315">
        <v>0</v>
      </c>
      <c r="BJ16" s="315">
        <v>0</v>
      </c>
      <c r="BK16" s="315">
        <v>2</v>
      </c>
      <c r="BL16" s="315">
        <v>2</v>
      </c>
      <c r="BM16" s="315">
        <v>0</v>
      </c>
      <c r="BN16" s="316">
        <v>4</v>
      </c>
      <c r="BO16" s="317">
        <v>4</v>
      </c>
      <c r="BP16" s="311">
        <v>0</v>
      </c>
      <c r="BQ16" s="315">
        <v>0</v>
      </c>
      <c r="BR16" s="312">
        <v>0</v>
      </c>
      <c r="BS16" s="314">
        <v>0</v>
      </c>
      <c r="BT16" s="315">
        <v>0</v>
      </c>
      <c r="BU16" s="315">
        <v>0</v>
      </c>
      <c r="BV16" s="315">
        <v>0</v>
      </c>
      <c r="BW16" s="315">
        <v>1</v>
      </c>
      <c r="BX16" s="315">
        <v>0</v>
      </c>
      <c r="BY16" s="312">
        <v>1</v>
      </c>
      <c r="BZ16" s="317">
        <v>1</v>
      </c>
      <c r="CA16" s="311">
        <v>0</v>
      </c>
      <c r="CB16" s="315">
        <v>0</v>
      </c>
      <c r="CC16" s="312">
        <v>0</v>
      </c>
      <c r="CD16" s="314">
        <v>0</v>
      </c>
      <c r="CE16" s="315">
        <v>0</v>
      </c>
      <c r="CF16" s="315">
        <v>0</v>
      </c>
      <c r="CG16" s="315">
        <v>0</v>
      </c>
      <c r="CH16" s="315">
        <v>0</v>
      </c>
      <c r="CI16" s="315">
        <v>0</v>
      </c>
      <c r="CJ16" s="312">
        <v>0</v>
      </c>
      <c r="CK16" s="317">
        <v>0</v>
      </c>
      <c r="CL16" s="311">
        <v>0</v>
      </c>
      <c r="CM16" s="315">
        <v>0</v>
      </c>
      <c r="CN16" s="312">
        <v>0</v>
      </c>
      <c r="CO16" s="314">
        <v>0</v>
      </c>
      <c r="CP16" s="315">
        <v>0</v>
      </c>
      <c r="CQ16" s="315">
        <v>0</v>
      </c>
      <c r="CR16" s="315">
        <v>0</v>
      </c>
      <c r="CS16" s="315">
        <v>0</v>
      </c>
      <c r="CT16" s="315">
        <v>0</v>
      </c>
      <c r="CU16" s="312">
        <v>0</v>
      </c>
      <c r="CV16" s="317">
        <v>0</v>
      </c>
    </row>
    <row r="17" spans="1:100" ht="21" customHeight="1" x14ac:dyDescent="0.2">
      <c r="A17" s="296" t="s">
        <v>15</v>
      </c>
      <c r="B17" s="311">
        <v>0</v>
      </c>
      <c r="C17" s="312">
        <v>0</v>
      </c>
      <c r="D17" s="313">
        <v>0</v>
      </c>
      <c r="E17" s="314">
        <v>0</v>
      </c>
      <c r="F17" s="315">
        <v>0</v>
      </c>
      <c r="G17" s="315">
        <v>0</v>
      </c>
      <c r="H17" s="315">
        <v>0</v>
      </c>
      <c r="I17" s="315">
        <v>0</v>
      </c>
      <c r="J17" s="315">
        <v>0</v>
      </c>
      <c r="K17" s="316">
        <v>0</v>
      </c>
      <c r="L17" s="317">
        <v>0</v>
      </c>
      <c r="M17" s="311">
        <v>0</v>
      </c>
      <c r="N17" s="315">
        <v>0</v>
      </c>
      <c r="O17" s="312">
        <v>0</v>
      </c>
      <c r="P17" s="314">
        <v>0</v>
      </c>
      <c r="Q17" s="315">
        <v>0</v>
      </c>
      <c r="R17" s="315">
        <v>0</v>
      </c>
      <c r="S17" s="315">
        <v>0</v>
      </c>
      <c r="T17" s="315">
        <v>0</v>
      </c>
      <c r="U17" s="315">
        <v>0</v>
      </c>
      <c r="V17" s="312">
        <v>0</v>
      </c>
      <c r="W17" s="317">
        <v>0</v>
      </c>
      <c r="X17" s="311">
        <v>0</v>
      </c>
      <c r="Y17" s="315">
        <v>0</v>
      </c>
      <c r="Z17" s="312">
        <v>0</v>
      </c>
      <c r="AA17" s="314">
        <v>0</v>
      </c>
      <c r="AB17" s="315">
        <v>6</v>
      </c>
      <c r="AC17" s="315">
        <v>8</v>
      </c>
      <c r="AD17" s="315">
        <v>1</v>
      </c>
      <c r="AE17" s="315">
        <v>1</v>
      </c>
      <c r="AF17" s="315">
        <v>0</v>
      </c>
      <c r="AG17" s="312">
        <v>16</v>
      </c>
      <c r="AH17" s="317">
        <v>16</v>
      </c>
      <c r="AI17" s="311">
        <v>0</v>
      </c>
      <c r="AJ17" s="315">
        <v>0</v>
      </c>
      <c r="AK17" s="312">
        <v>0</v>
      </c>
      <c r="AL17" s="314">
        <v>0</v>
      </c>
      <c r="AM17" s="315">
        <v>0</v>
      </c>
      <c r="AN17" s="315">
        <v>1</v>
      </c>
      <c r="AO17" s="315">
        <v>0</v>
      </c>
      <c r="AP17" s="315">
        <v>0</v>
      </c>
      <c r="AQ17" s="315">
        <v>0</v>
      </c>
      <c r="AR17" s="312">
        <v>1</v>
      </c>
      <c r="AS17" s="317">
        <v>1</v>
      </c>
      <c r="AT17" s="311">
        <v>0</v>
      </c>
      <c r="AU17" s="315">
        <v>0</v>
      </c>
      <c r="AV17" s="312">
        <v>0</v>
      </c>
      <c r="AW17" s="314">
        <v>0</v>
      </c>
      <c r="AX17" s="315">
        <v>0</v>
      </c>
      <c r="AY17" s="315">
        <v>2</v>
      </c>
      <c r="AZ17" s="315">
        <v>1</v>
      </c>
      <c r="BA17" s="315">
        <v>2</v>
      </c>
      <c r="BB17" s="315">
        <v>0</v>
      </c>
      <c r="BC17" s="312">
        <v>5</v>
      </c>
      <c r="BD17" s="317">
        <v>5</v>
      </c>
      <c r="BE17" s="311">
        <v>0</v>
      </c>
      <c r="BF17" s="315">
        <v>0</v>
      </c>
      <c r="BG17" s="312">
        <v>0</v>
      </c>
      <c r="BH17" s="314">
        <v>0</v>
      </c>
      <c r="BI17" s="315">
        <v>2</v>
      </c>
      <c r="BJ17" s="315">
        <v>2</v>
      </c>
      <c r="BK17" s="315">
        <v>0</v>
      </c>
      <c r="BL17" s="315">
        <v>1</v>
      </c>
      <c r="BM17" s="315">
        <v>0</v>
      </c>
      <c r="BN17" s="316">
        <v>5</v>
      </c>
      <c r="BO17" s="317">
        <v>5</v>
      </c>
      <c r="BP17" s="311">
        <v>0</v>
      </c>
      <c r="BQ17" s="315">
        <v>0</v>
      </c>
      <c r="BR17" s="312">
        <v>0</v>
      </c>
      <c r="BS17" s="314">
        <v>0</v>
      </c>
      <c r="BT17" s="315">
        <v>0</v>
      </c>
      <c r="BU17" s="315">
        <v>0</v>
      </c>
      <c r="BV17" s="315">
        <v>0</v>
      </c>
      <c r="BW17" s="315">
        <v>0</v>
      </c>
      <c r="BX17" s="315">
        <v>0</v>
      </c>
      <c r="BY17" s="312">
        <v>0</v>
      </c>
      <c r="BZ17" s="317">
        <v>0</v>
      </c>
      <c r="CA17" s="311">
        <v>0</v>
      </c>
      <c r="CB17" s="315">
        <v>0</v>
      </c>
      <c r="CC17" s="312">
        <v>0</v>
      </c>
      <c r="CD17" s="314">
        <v>0</v>
      </c>
      <c r="CE17" s="315">
        <v>0</v>
      </c>
      <c r="CF17" s="315">
        <v>0</v>
      </c>
      <c r="CG17" s="315">
        <v>0</v>
      </c>
      <c r="CH17" s="315">
        <v>0</v>
      </c>
      <c r="CI17" s="315">
        <v>0</v>
      </c>
      <c r="CJ17" s="312">
        <v>0</v>
      </c>
      <c r="CK17" s="317">
        <v>0</v>
      </c>
      <c r="CL17" s="311">
        <v>0</v>
      </c>
      <c r="CM17" s="315">
        <v>0</v>
      </c>
      <c r="CN17" s="312">
        <v>0</v>
      </c>
      <c r="CO17" s="314">
        <v>0</v>
      </c>
      <c r="CP17" s="315">
        <v>0</v>
      </c>
      <c r="CQ17" s="315">
        <v>0</v>
      </c>
      <c r="CR17" s="315">
        <v>0</v>
      </c>
      <c r="CS17" s="315">
        <v>0</v>
      </c>
      <c r="CT17" s="315">
        <v>0</v>
      </c>
      <c r="CU17" s="312">
        <v>0</v>
      </c>
      <c r="CV17" s="317">
        <v>0</v>
      </c>
    </row>
    <row r="18" spans="1:100" ht="21" customHeight="1" x14ac:dyDescent="0.2">
      <c r="A18" s="296" t="s">
        <v>16</v>
      </c>
      <c r="B18" s="311">
        <v>0</v>
      </c>
      <c r="C18" s="312">
        <v>0</v>
      </c>
      <c r="D18" s="313">
        <v>0</v>
      </c>
      <c r="E18" s="314">
        <v>0</v>
      </c>
      <c r="F18" s="315">
        <v>0</v>
      </c>
      <c r="G18" s="315">
        <v>3</v>
      </c>
      <c r="H18" s="315">
        <v>2</v>
      </c>
      <c r="I18" s="315">
        <v>2</v>
      </c>
      <c r="J18" s="315">
        <v>3</v>
      </c>
      <c r="K18" s="316">
        <v>10</v>
      </c>
      <c r="L18" s="317">
        <v>10</v>
      </c>
      <c r="M18" s="311">
        <v>0</v>
      </c>
      <c r="N18" s="315">
        <v>0</v>
      </c>
      <c r="O18" s="312">
        <v>0</v>
      </c>
      <c r="P18" s="314">
        <v>0</v>
      </c>
      <c r="Q18" s="315">
        <v>0</v>
      </c>
      <c r="R18" s="315">
        <v>1</v>
      </c>
      <c r="S18" s="315">
        <v>0</v>
      </c>
      <c r="T18" s="315">
        <v>0</v>
      </c>
      <c r="U18" s="315">
        <v>0</v>
      </c>
      <c r="V18" s="312">
        <v>1</v>
      </c>
      <c r="W18" s="317">
        <v>1</v>
      </c>
      <c r="X18" s="311">
        <v>0</v>
      </c>
      <c r="Y18" s="315">
        <v>0</v>
      </c>
      <c r="Z18" s="312">
        <v>0</v>
      </c>
      <c r="AA18" s="314">
        <v>0</v>
      </c>
      <c r="AB18" s="315">
        <v>9</v>
      </c>
      <c r="AC18" s="315">
        <v>15</v>
      </c>
      <c r="AD18" s="315">
        <v>3</v>
      </c>
      <c r="AE18" s="315">
        <v>1</v>
      </c>
      <c r="AF18" s="315">
        <v>1</v>
      </c>
      <c r="AG18" s="312">
        <v>29</v>
      </c>
      <c r="AH18" s="317">
        <v>29</v>
      </c>
      <c r="AI18" s="311">
        <v>0</v>
      </c>
      <c r="AJ18" s="315">
        <v>0</v>
      </c>
      <c r="AK18" s="312">
        <v>0</v>
      </c>
      <c r="AL18" s="314">
        <v>0</v>
      </c>
      <c r="AM18" s="315">
        <v>2</v>
      </c>
      <c r="AN18" s="315">
        <v>0</v>
      </c>
      <c r="AO18" s="315">
        <v>2</v>
      </c>
      <c r="AP18" s="315">
        <v>0</v>
      </c>
      <c r="AQ18" s="315">
        <v>0</v>
      </c>
      <c r="AR18" s="312">
        <v>4</v>
      </c>
      <c r="AS18" s="317">
        <v>4</v>
      </c>
      <c r="AT18" s="311">
        <v>0</v>
      </c>
      <c r="AU18" s="315">
        <v>0</v>
      </c>
      <c r="AV18" s="312">
        <v>0</v>
      </c>
      <c r="AW18" s="314">
        <v>0</v>
      </c>
      <c r="AX18" s="315">
        <v>0</v>
      </c>
      <c r="AY18" s="315">
        <v>1</v>
      </c>
      <c r="AZ18" s="315">
        <v>2</v>
      </c>
      <c r="BA18" s="315">
        <v>0</v>
      </c>
      <c r="BB18" s="315">
        <v>0</v>
      </c>
      <c r="BC18" s="312">
        <v>3</v>
      </c>
      <c r="BD18" s="317">
        <v>3</v>
      </c>
      <c r="BE18" s="311">
        <v>0</v>
      </c>
      <c r="BF18" s="315">
        <v>0</v>
      </c>
      <c r="BG18" s="312">
        <v>0</v>
      </c>
      <c r="BH18" s="314">
        <v>0</v>
      </c>
      <c r="BI18" s="315">
        <v>2</v>
      </c>
      <c r="BJ18" s="315">
        <v>6</v>
      </c>
      <c r="BK18" s="315">
        <v>1</v>
      </c>
      <c r="BL18" s="315">
        <v>1</v>
      </c>
      <c r="BM18" s="315">
        <v>2</v>
      </c>
      <c r="BN18" s="316">
        <v>12</v>
      </c>
      <c r="BO18" s="317">
        <v>12</v>
      </c>
      <c r="BP18" s="311">
        <v>0</v>
      </c>
      <c r="BQ18" s="315">
        <v>0</v>
      </c>
      <c r="BR18" s="312">
        <v>0</v>
      </c>
      <c r="BS18" s="314">
        <v>0</v>
      </c>
      <c r="BT18" s="315">
        <v>0</v>
      </c>
      <c r="BU18" s="315">
        <v>0</v>
      </c>
      <c r="BV18" s="315">
        <v>0</v>
      </c>
      <c r="BW18" s="315">
        <v>0</v>
      </c>
      <c r="BX18" s="315">
        <v>0</v>
      </c>
      <c r="BY18" s="312">
        <v>0</v>
      </c>
      <c r="BZ18" s="317">
        <v>0</v>
      </c>
      <c r="CA18" s="311">
        <v>0</v>
      </c>
      <c r="CB18" s="315">
        <v>0</v>
      </c>
      <c r="CC18" s="312">
        <v>0</v>
      </c>
      <c r="CD18" s="314">
        <v>0</v>
      </c>
      <c r="CE18" s="315">
        <v>0</v>
      </c>
      <c r="CF18" s="315">
        <v>0</v>
      </c>
      <c r="CG18" s="315">
        <v>0</v>
      </c>
      <c r="CH18" s="315">
        <v>0</v>
      </c>
      <c r="CI18" s="315">
        <v>0</v>
      </c>
      <c r="CJ18" s="312">
        <v>0</v>
      </c>
      <c r="CK18" s="317">
        <v>0</v>
      </c>
      <c r="CL18" s="311">
        <v>0</v>
      </c>
      <c r="CM18" s="315">
        <v>0</v>
      </c>
      <c r="CN18" s="312">
        <v>0</v>
      </c>
      <c r="CO18" s="314">
        <v>0</v>
      </c>
      <c r="CP18" s="315">
        <v>0</v>
      </c>
      <c r="CQ18" s="315">
        <v>1</v>
      </c>
      <c r="CR18" s="315">
        <v>1</v>
      </c>
      <c r="CS18" s="315">
        <v>0</v>
      </c>
      <c r="CT18" s="315">
        <v>0</v>
      </c>
      <c r="CU18" s="312">
        <v>2</v>
      </c>
      <c r="CV18" s="317">
        <v>2</v>
      </c>
    </row>
    <row r="19" spans="1:100" ht="21" customHeight="1" x14ac:dyDescent="0.2">
      <c r="A19" s="296" t="s">
        <v>17</v>
      </c>
      <c r="B19" s="311">
        <v>0</v>
      </c>
      <c r="C19" s="312">
        <v>0</v>
      </c>
      <c r="D19" s="313">
        <v>0</v>
      </c>
      <c r="E19" s="314">
        <v>0</v>
      </c>
      <c r="F19" s="315">
        <v>0</v>
      </c>
      <c r="G19" s="315">
        <v>1</v>
      </c>
      <c r="H19" s="315">
        <v>0</v>
      </c>
      <c r="I19" s="315">
        <v>0</v>
      </c>
      <c r="J19" s="315">
        <v>0</v>
      </c>
      <c r="K19" s="316">
        <v>1</v>
      </c>
      <c r="L19" s="317">
        <v>1</v>
      </c>
      <c r="M19" s="311">
        <v>0</v>
      </c>
      <c r="N19" s="315">
        <v>0</v>
      </c>
      <c r="O19" s="312">
        <v>0</v>
      </c>
      <c r="P19" s="314">
        <v>0</v>
      </c>
      <c r="Q19" s="315">
        <v>0</v>
      </c>
      <c r="R19" s="315">
        <v>0</v>
      </c>
      <c r="S19" s="315">
        <v>0</v>
      </c>
      <c r="T19" s="315">
        <v>0</v>
      </c>
      <c r="U19" s="315">
        <v>0</v>
      </c>
      <c r="V19" s="312">
        <v>0</v>
      </c>
      <c r="W19" s="317">
        <v>0</v>
      </c>
      <c r="X19" s="311">
        <v>0</v>
      </c>
      <c r="Y19" s="315">
        <v>0</v>
      </c>
      <c r="Z19" s="312">
        <v>0</v>
      </c>
      <c r="AA19" s="314">
        <v>0</v>
      </c>
      <c r="AB19" s="315">
        <v>18</v>
      </c>
      <c r="AC19" s="315">
        <v>11</v>
      </c>
      <c r="AD19" s="315">
        <v>6</v>
      </c>
      <c r="AE19" s="315">
        <v>5</v>
      </c>
      <c r="AF19" s="315">
        <v>1</v>
      </c>
      <c r="AG19" s="312">
        <v>41</v>
      </c>
      <c r="AH19" s="317">
        <v>41</v>
      </c>
      <c r="AI19" s="311">
        <v>0</v>
      </c>
      <c r="AJ19" s="315">
        <v>0</v>
      </c>
      <c r="AK19" s="312">
        <v>0</v>
      </c>
      <c r="AL19" s="314">
        <v>0</v>
      </c>
      <c r="AM19" s="315">
        <v>1</v>
      </c>
      <c r="AN19" s="315">
        <v>0</v>
      </c>
      <c r="AO19" s="315">
        <v>2</v>
      </c>
      <c r="AP19" s="315">
        <v>0</v>
      </c>
      <c r="AQ19" s="315">
        <v>0</v>
      </c>
      <c r="AR19" s="312">
        <v>3</v>
      </c>
      <c r="AS19" s="317">
        <v>3</v>
      </c>
      <c r="AT19" s="311">
        <v>0</v>
      </c>
      <c r="AU19" s="315">
        <v>0</v>
      </c>
      <c r="AV19" s="312">
        <v>0</v>
      </c>
      <c r="AW19" s="314">
        <v>0</v>
      </c>
      <c r="AX19" s="315">
        <v>0</v>
      </c>
      <c r="AY19" s="315">
        <v>3</v>
      </c>
      <c r="AZ19" s="315">
        <v>2</v>
      </c>
      <c r="BA19" s="315">
        <v>1</v>
      </c>
      <c r="BB19" s="315">
        <v>2</v>
      </c>
      <c r="BC19" s="312">
        <v>8</v>
      </c>
      <c r="BD19" s="317">
        <v>8</v>
      </c>
      <c r="BE19" s="311">
        <v>0</v>
      </c>
      <c r="BF19" s="315">
        <v>0</v>
      </c>
      <c r="BG19" s="312">
        <v>0</v>
      </c>
      <c r="BH19" s="314">
        <v>0</v>
      </c>
      <c r="BI19" s="315">
        <v>2</v>
      </c>
      <c r="BJ19" s="315">
        <v>3</v>
      </c>
      <c r="BK19" s="315">
        <v>2</v>
      </c>
      <c r="BL19" s="315">
        <v>1</v>
      </c>
      <c r="BM19" s="315">
        <v>0</v>
      </c>
      <c r="BN19" s="316">
        <v>8</v>
      </c>
      <c r="BO19" s="317">
        <v>8</v>
      </c>
      <c r="BP19" s="311">
        <v>0</v>
      </c>
      <c r="BQ19" s="315">
        <v>0</v>
      </c>
      <c r="BR19" s="312">
        <v>0</v>
      </c>
      <c r="BS19" s="314">
        <v>0</v>
      </c>
      <c r="BT19" s="315">
        <v>0</v>
      </c>
      <c r="BU19" s="315">
        <v>0</v>
      </c>
      <c r="BV19" s="315">
        <v>0</v>
      </c>
      <c r="BW19" s="315">
        <v>0</v>
      </c>
      <c r="BX19" s="315">
        <v>0</v>
      </c>
      <c r="BY19" s="312">
        <v>0</v>
      </c>
      <c r="BZ19" s="317">
        <v>0</v>
      </c>
      <c r="CA19" s="311">
        <v>0</v>
      </c>
      <c r="CB19" s="315">
        <v>0</v>
      </c>
      <c r="CC19" s="312">
        <v>0</v>
      </c>
      <c r="CD19" s="314">
        <v>0</v>
      </c>
      <c r="CE19" s="315">
        <v>0</v>
      </c>
      <c r="CF19" s="315">
        <v>0</v>
      </c>
      <c r="CG19" s="315">
        <v>1</v>
      </c>
      <c r="CH19" s="315">
        <v>0</v>
      </c>
      <c r="CI19" s="315">
        <v>1</v>
      </c>
      <c r="CJ19" s="312">
        <v>2</v>
      </c>
      <c r="CK19" s="317">
        <v>2</v>
      </c>
      <c r="CL19" s="311">
        <v>0</v>
      </c>
      <c r="CM19" s="315">
        <v>0</v>
      </c>
      <c r="CN19" s="312">
        <v>0</v>
      </c>
      <c r="CO19" s="314">
        <v>0</v>
      </c>
      <c r="CP19" s="315">
        <v>1</v>
      </c>
      <c r="CQ19" s="315">
        <v>0</v>
      </c>
      <c r="CR19" s="315">
        <v>0</v>
      </c>
      <c r="CS19" s="315">
        <v>0</v>
      </c>
      <c r="CT19" s="315">
        <v>0</v>
      </c>
      <c r="CU19" s="312">
        <v>1</v>
      </c>
      <c r="CV19" s="317">
        <v>1</v>
      </c>
    </row>
    <row r="20" spans="1:100" ht="21" customHeight="1" x14ac:dyDescent="0.2">
      <c r="A20" s="296" t="s">
        <v>18</v>
      </c>
      <c r="B20" s="311">
        <v>0</v>
      </c>
      <c r="C20" s="312">
        <v>0</v>
      </c>
      <c r="D20" s="313">
        <v>0</v>
      </c>
      <c r="E20" s="314">
        <v>0</v>
      </c>
      <c r="F20" s="315">
        <v>0</v>
      </c>
      <c r="G20" s="315">
        <v>0</v>
      </c>
      <c r="H20" s="315">
        <v>0</v>
      </c>
      <c r="I20" s="315">
        <v>0</v>
      </c>
      <c r="J20" s="315">
        <v>0</v>
      </c>
      <c r="K20" s="316">
        <v>0</v>
      </c>
      <c r="L20" s="317">
        <v>0</v>
      </c>
      <c r="M20" s="311">
        <v>0</v>
      </c>
      <c r="N20" s="315">
        <v>0</v>
      </c>
      <c r="O20" s="312">
        <v>0</v>
      </c>
      <c r="P20" s="314">
        <v>0</v>
      </c>
      <c r="Q20" s="315">
        <v>0</v>
      </c>
      <c r="R20" s="315">
        <v>0</v>
      </c>
      <c r="S20" s="315">
        <v>0</v>
      </c>
      <c r="T20" s="315">
        <v>0</v>
      </c>
      <c r="U20" s="315">
        <v>0</v>
      </c>
      <c r="V20" s="312">
        <v>0</v>
      </c>
      <c r="W20" s="317">
        <v>0</v>
      </c>
      <c r="X20" s="311">
        <v>0</v>
      </c>
      <c r="Y20" s="315">
        <v>0</v>
      </c>
      <c r="Z20" s="312">
        <v>0</v>
      </c>
      <c r="AA20" s="314">
        <v>0</v>
      </c>
      <c r="AB20" s="315">
        <v>21</v>
      </c>
      <c r="AC20" s="315">
        <v>22</v>
      </c>
      <c r="AD20" s="315">
        <v>3</v>
      </c>
      <c r="AE20" s="315">
        <v>2</v>
      </c>
      <c r="AF20" s="315">
        <v>0</v>
      </c>
      <c r="AG20" s="312">
        <v>48</v>
      </c>
      <c r="AH20" s="317">
        <v>48</v>
      </c>
      <c r="AI20" s="311">
        <v>0</v>
      </c>
      <c r="AJ20" s="315">
        <v>0</v>
      </c>
      <c r="AK20" s="312">
        <v>0</v>
      </c>
      <c r="AL20" s="314">
        <v>0</v>
      </c>
      <c r="AM20" s="315">
        <v>2</v>
      </c>
      <c r="AN20" s="315">
        <v>0</v>
      </c>
      <c r="AO20" s="315">
        <v>3</v>
      </c>
      <c r="AP20" s="315">
        <v>1</v>
      </c>
      <c r="AQ20" s="315">
        <v>1</v>
      </c>
      <c r="AR20" s="312">
        <v>7</v>
      </c>
      <c r="AS20" s="317">
        <v>7</v>
      </c>
      <c r="AT20" s="311">
        <v>2</v>
      </c>
      <c r="AU20" s="315">
        <v>0</v>
      </c>
      <c r="AV20" s="312">
        <v>2</v>
      </c>
      <c r="AW20" s="314">
        <v>0</v>
      </c>
      <c r="AX20" s="315">
        <v>5</v>
      </c>
      <c r="AY20" s="315">
        <v>3</v>
      </c>
      <c r="AZ20" s="315">
        <v>2</v>
      </c>
      <c r="BA20" s="315">
        <v>1</v>
      </c>
      <c r="BB20" s="315">
        <v>0</v>
      </c>
      <c r="BC20" s="312">
        <v>11</v>
      </c>
      <c r="BD20" s="317">
        <v>13</v>
      </c>
      <c r="BE20" s="311">
        <v>0</v>
      </c>
      <c r="BF20" s="315">
        <v>0</v>
      </c>
      <c r="BG20" s="312">
        <v>0</v>
      </c>
      <c r="BH20" s="314">
        <v>0</v>
      </c>
      <c r="BI20" s="315">
        <v>3</v>
      </c>
      <c r="BJ20" s="315">
        <v>5</v>
      </c>
      <c r="BK20" s="315">
        <v>5</v>
      </c>
      <c r="BL20" s="315">
        <v>2</v>
      </c>
      <c r="BM20" s="315">
        <v>1</v>
      </c>
      <c r="BN20" s="316">
        <v>16</v>
      </c>
      <c r="BO20" s="317">
        <v>16</v>
      </c>
      <c r="BP20" s="311">
        <v>0</v>
      </c>
      <c r="BQ20" s="315">
        <v>0</v>
      </c>
      <c r="BR20" s="312">
        <v>0</v>
      </c>
      <c r="BS20" s="314">
        <v>0</v>
      </c>
      <c r="BT20" s="315">
        <v>0</v>
      </c>
      <c r="BU20" s="315">
        <v>0</v>
      </c>
      <c r="BV20" s="315">
        <v>0</v>
      </c>
      <c r="BW20" s="315">
        <v>0</v>
      </c>
      <c r="BX20" s="315">
        <v>0</v>
      </c>
      <c r="BY20" s="312">
        <v>0</v>
      </c>
      <c r="BZ20" s="317">
        <v>0</v>
      </c>
      <c r="CA20" s="311">
        <v>0</v>
      </c>
      <c r="CB20" s="315">
        <v>0</v>
      </c>
      <c r="CC20" s="312">
        <v>0</v>
      </c>
      <c r="CD20" s="314">
        <v>0</v>
      </c>
      <c r="CE20" s="315">
        <v>0</v>
      </c>
      <c r="CF20" s="315">
        <v>0</v>
      </c>
      <c r="CG20" s="315">
        <v>0</v>
      </c>
      <c r="CH20" s="315">
        <v>0</v>
      </c>
      <c r="CI20" s="315">
        <v>0</v>
      </c>
      <c r="CJ20" s="312">
        <v>0</v>
      </c>
      <c r="CK20" s="317">
        <v>0</v>
      </c>
      <c r="CL20" s="311">
        <v>0</v>
      </c>
      <c r="CM20" s="315">
        <v>0</v>
      </c>
      <c r="CN20" s="312">
        <v>0</v>
      </c>
      <c r="CO20" s="314">
        <v>0</v>
      </c>
      <c r="CP20" s="315">
        <v>0</v>
      </c>
      <c r="CQ20" s="315">
        <v>0</v>
      </c>
      <c r="CR20" s="315">
        <v>0</v>
      </c>
      <c r="CS20" s="315">
        <v>2</v>
      </c>
      <c r="CT20" s="315">
        <v>0</v>
      </c>
      <c r="CU20" s="312">
        <v>2</v>
      </c>
      <c r="CV20" s="317">
        <v>2</v>
      </c>
    </row>
    <row r="21" spans="1:100" ht="21" customHeight="1" x14ac:dyDescent="0.2">
      <c r="A21" s="296" t="s">
        <v>19</v>
      </c>
      <c r="B21" s="311">
        <v>0</v>
      </c>
      <c r="C21" s="312">
        <v>0</v>
      </c>
      <c r="D21" s="313">
        <v>0</v>
      </c>
      <c r="E21" s="314">
        <v>0</v>
      </c>
      <c r="F21" s="315">
        <v>1</v>
      </c>
      <c r="G21" s="315">
        <v>0</v>
      </c>
      <c r="H21" s="315">
        <v>1</v>
      </c>
      <c r="I21" s="315">
        <v>0</v>
      </c>
      <c r="J21" s="315">
        <v>0</v>
      </c>
      <c r="K21" s="316">
        <v>2</v>
      </c>
      <c r="L21" s="317">
        <v>2</v>
      </c>
      <c r="M21" s="311">
        <v>0</v>
      </c>
      <c r="N21" s="315">
        <v>0</v>
      </c>
      <c r="O21" s="312">
        <v>0</v>
      </c>
      <c r="P21" s="314">
        <v>0</v>
      </c>
      <c r="Q21" s="315">
        <v>0</v>
      </c>
      <c r="R21" s="315">
        <v>0</v>
      </c>
      <c r="S21" s="315">
        <v>0</v>
      </c>
      <c r="T21" s="315">
        <v>0</v>
      </c>
      <c r="U21" s="315">
        <v>0</v>
      </c>
      <c r="V21" s="312">
        <v>0</v>
      </c>
      <c r="W21" s="317">
        <v>0</v>
      </c>
      <c r="X21" s="311">
        <v>0</v>
      </c>
      <c r="Y21" s="315">
        <v>0</v>
      </c>
      <c r="Z21" s="312">
        <v>0</v>
      </c>
      <c r="AA21" s="314">
        <v>0</v>
      </c>
      <c r="AB21" s="315">
        <v>6</v>
      </c>
      <c r="AC21" s="315">
        <v>5</v>
      </c>
      <c r="AD21" s="315">
        <v>0</v>
      </c>
      <c r="AE21" s="315">
        <v>2</v>
      </c>
      <c r="AF21" s="315">
        <v>0</v>
      </c>
      <c r="AG21" s="312">
        <v>13</v>
      </c>
      <c r="AH21" s="317">
        <v>13</v>
      </c>
      <c r="AI21" s="311">
        <v>0</v>
      </c>
      <c r="AJ21" s="315">
        <v>0</v>
      </c>
      <c r="AK21" s="312">
        <v>0</v>
      </c>
      <c r="AL21" s="314">
        <v>0</v>
      </c>
      <c r="AM21" s="315">
        <v>0</v>
      </c>
      <c r="AN21" s="315">
        <v>5</v>
      </c>
      <c r="AO21" s="315">
        <v>0</v>
      </c>
      <c r="AP21" s="315">
        <v>0</v>
      </c>
      <c r="AQ21" s="315">
        <v>0</v>
      </c>
      <c r="AR21" s="312">
        <v>5</v>
      </c>
      <c r="AS21" s="317">
        <v>5</v>
      </c>
      <c r="AT21" s="311">
        <v>0</v>
      </c>
      <c r="AU21" s="315">
        <v>0</v>
      </c>
      <c r="AV21" s="312">
        <v>0</v>
      </c>
      <c r="AW21" s="314">
        <v>0</v>
      </c>
      <c r="AX21" s="315">
        <v>1</v>
      </c>
      <c r="AY21" s="315">
        <v>2</v>
      </c>
      <c r="AZ21" s="315">
        <v>1</v>
      </c>
      <c r="BA21" s="315">
        <v>0</v>
      </c>
      <c r="BB21" s="315">
        <v>2</v>
      </c>
      <c r="BC21" s="312">
        <v>6</v>
      </c>
      <c r="BD21" s="317">
        <v>6</v>
      </c>
      <c r="BE21" s="311">
        <v>0</v>
      </c>
      <c r="BF21" s="315">
        <v>0</v>
      </c>
      <c r="BG21" s="312">
        <v>0</v>
      </c>
      <c r="BH21" s="314">
        <v>0</v>
      </c>
      <c r="BI21" s="315">
        <v>1</v>
      </c>
      <c r="BJ21" s="315">
        <v>1</v>
      </c>
      <c r="BK21" s="315">
        <v>0</v>
      </c>
      <c r="BL21" s="315">
        <v>0</v>
      </c>
      <c r="BM21" s="315">
        <v>0</v>
      </c>
      <c r="BN21" s="316">
        <v>2</v>
      </c>
      <c r="BO21" s="317">
        <v>2</v>
      </c>
      <c r="BP21" s="311">
        <v>0</v>
      </c>
      <c r="BQ21" s="315">
        <v>0</v>
      </c>
      <c r="BR21" s="312">
        <v>0</v>
      </c>
      <c r="BS21" s="314">
        <v>0</v>
      </c>
      <c r="BT21" s="315">
        <v>0</v>
      </c>
      <c r="BU21" s="315">
        <v>0</v>
      </c>
      <c r="BV21" s="315">
        <v>0</v>
      </c>
      <c r="BW21" s="315">
        <v>0</v>
      </c>
      <c r="BX21" s="315">
        <v>0</v>
      </c>
      <c r="BY21" s="312">
        <v>0</v>
      </c>
      <c r="BZ21" s="317">
        <v>0</v>
      </c>
      <c r="CA21" s="311">
        <v>0</v>
      </c>
      <c r="CB21" s="315">
        <v>0</v>
      </c>
      <c r="CC21" s="312">
        <v>0</v>
      </c>
      <c r="CD21" s="314">
        <v>0</v>
      </c>
      <c r="CE21" s="315">
        <v>0</v>
      </c>
      <c r="CF21" s="315">
        <v>0</v>
      </c>
      <c r="CG21" s="315">
        <v>0</v>
      </c>
      <c r="CH21" s="315">
        <v>0</v>
      </c>
      <c r="CI21" s="315">
        <v>0</v>
      </c>
      <c r="CJ21" s="312">
        <v>0</v>
      </c>
      <c r="CK21" s="317">
        <v>0</v>
      </c>
      <c r="CL21" s="311">
        <v>0</v>
      </c>
      <c r="CM21" s="315">
        <v>0</v>
      </c>
      <c r="CN21" s="312">
        <v>0</v>
      </c>
      <c r="CO21" s="314">
        <v>0</v>
      </c>
      <c r="CP21" s="315">
        <v>1</v>
      </c>
      <c r="CQ21" s="315">
        <v>0</v>
      </c>
      <c r="CR21" s="315">
        <v>0</v>
      </c>
      <c r="CS21" s="315">
        <v>0</v>
      </c>
      <c r="CT21" s="315">
        <v>1</v>
      </c>
      <c r="CU21" s="312">
        <v>2</v>
      </c>
      <c r="CV21" s="317">
        <v>2</v>
      </c>
    </row>
    <row r="22" spans="1:100" ht="21" customHeight="1" x14ac:dyDescent="0.2">
      <c r="A22" s="296" t="s">
        <v>20</v>
      </c>
      <c r="B22" s="311">
        <v>0</v>
      </c>
      <c r="C22" s="312">
        <v>0</v>
      </c>
      <c r="D22" s="313">
        <v>0</v>
      </c>
      <c r="E22" s="314">
        <v>0</v>
      </c>
      <c r="F22" s="315">
        <v>0</v>
      </c>
      <c r="G22" s="315">
        <v>0</v>
      </c>
      <c r="H22" s="315">
        <v>0</v>
      </c>
      <c r="I22" s="315">
        <v>0</v>
      </c>
      <c r="J22" s="315">
        <v>0</v>
      </c>
      <c r="K22" s="316">
        <v>0</v>
      </c>
      <c r="L22" s="317">
        <v>0</v>
      </c>
      <c r="M22" s="311">
        <v>0</v>
      </c>
      <c r="N22" s="315">
        <v>0</v>
      </c>
      <c r="O22" s="312">
        <v>0</v>
      </c>
      <c r="P22" s="314">
        <v>0</v>
      </c>
      <c r="Q22" s="315">
        <v>0</v>
      </c>
      <c r="R22" s="315">
        <v>0</v>
      </c>
      <c r="S22" s="315">
        <v>0</v>
      </c>
      <c r="T22" s="315">
        <v>0</v>
      </c>
      <c r="U22" s="315">
        <v>0</v>
      </c>
      <c r="V22" s="312">
        <v>0</v>
      </c>
      <c r="W22" s="317">
        <v>0</v>
      </c>
      <c r="X22" s="311">
        <v>0</v>
      </c>
      <c r="Y22" s="315">
        <v>0</v>
      </c>
      <c r="Z22" s="312">
        <v>0</v>
      </c>
      <c r="AA22" s="314">
        <v>0</v>
      </c>
      <c r="AB22" s="315">
        <v>17</v>
      </c>
      <c r="AC22" s="315">
        <v>8</v>
      </c>
      <c r="AD22" s="315">
        <v>3</v>
      </c>
      <c r="AE22" s="315">
        <v>0</v>
      </c>
      <c r="AF22" s="315">
        <v>0</v>
      </c>
      <c r="AG22" s="312">
        <v>28</v>
      </c>
      <c r="AH22" s="317">
        <v>28</v>
      </c>
      <c r="AI22" s="311">
        <v>0</v>
      </c>
      <c r="AJ22" s="315">
        <v>0</v>
      </c>
      <c r="AK22" s="312">
        <v>0</v>
      </c>
      <c r="AL22" s="314">
        <v>0</v>
      </c>
      <c r="AM22" s="315">
        <v>0</v>
      </c>
      <c r="AN22" s="315">
        <v>0</v>
      </c>
      <c r="AO22" s="315">
        <v>1</v>
      </c>
      <c r="AP22" s="315">
        <v>0</v>
      </c>
      <c r="AQ22" s="315">
        <v>0</v>
      </c>
      <c r="AR22" s="312">
        <v>1</v>
      </c>
      <c r="AS22" s="317">
        <v>1</v>
      </c>
      <c r="AT22" s="311">
        <v>0</v>
      </c>
      <c r="AU22" s="315">
        <v>0</v>
      </c>
      <c r="AV22" s="312">
        <v>0</v>
      </c>
      <c r="AW22" s="314">
        <v>0</v>
      </c>
      <c r="AX22" s="315">
        <v>0</v>
      </c>
      <c r="AY22" s="315">
        <v>0</v>
      </c>
      <c r="AZ22" s="315">
        <v>0</v>
      </c>
      <c r="BA22" s="315">
        <v>0</v>
      </c>
      <c r="BB22" s="315">
        <v>0</v>
      </c>
      <c r="BC22" s="312">
        <v>0</v>
      </c>
      <c r="BD22" s="317">
        <v>0</v>
      </c>
      <c r="BE22" s="311">
        <v>0</v>
      </c>
      <c r="BF22" s="315">
        <v>0</v>
      </c>
      <c r="BG22" s="312">
        <v>0</v>
      </c>
      <c r="BH22" s="314">
        <v>0</v>
      </c>
      <c r="BI22" s="315">
        <v>1</v>
      </c>
      <c r="BJ22" s="315">
        <v>2</v>
      </c>
      <c r="BK22" s="315">
        <v>1</v>
      </c>
      <c r="BL22" s="315">
        <v>3</v>
      </c>
      <c r="BM22" s="315">
        <v>0</v>
      </c>
      <c r="BN22" s="316">
        <v>7</v>
      </c>
      <c r="BO22" s="317">
        <v>7</v>
      </c>
      <c r="BP22" s="311">
        <v>0</v>
      </c>
      <c r="BQ22" s="315">
        <v>0</v>
      </c>
      <c r="BR22" s="312">
        <v>0</v>
      </c>
      <c r="BS22" s="314">
        <v>0</v>
      </c>
      <c r="BT22" s="315">
        <v>0</v>
      </c>
      <c r="BU22" s="315">
        <v>0</v>
      </c>
      <c r="BV22" s="315">
        <v>0</v>
      </c>
      <c r="BW22" s="315">
        <v>0</v>
      </c>
      <c r="BX22" s="315">
        <v>0</v>
      </c>
      <c r="BY22" s="312">
        <v>0</v>
      </c>
      <c r="BZ22" s="317">
        <v>0</v>
      </c>
      <c r="CA22" s="311">
        <v>0</v>
      </c>
      <c r="CB22" s="315">
        <v>0</v>
      </c>
      <c r="CC22" s="312">
        <v>0</v>
      </c>
      <c r="CD22" s="314">
        <v>0</v>
      </c>
      <c r="CE22" s="315">
        <v>0</v>
      </c>
      <c r="CF22" s="315">
        <v>0</v>
      </c>
      <c r="CG22" s="315">
        <v>0</v>
      </c>
      <c r="CH22" s="315">
        <v>0</v>
      </c>
      <c r="CI22" s="315">
        <v>0</v>
      </c>
      <c r="CJ22" s="312">
        <v>0</v>
      </c>
      <c r="CK22" s="317">
        <v>0</v>
      </c>
      <c r="CL22" s="311">
        <v>0</v>
      </c>
      <c r="CM22" s="315">
        <v>0</v>
      </c>
      <c r="CN22" s="312">
        <v>0</v>
      </c>
      <c r="CO22" s="314">
        <v>0</v>
      </c>
      <c r="CP22" s="315">
        <v>0</v>
      </c>
      <c r="CQ22" s="315">
        <v>0</v>
      </c>
      <c r="CR22" s="315">
        <v>0</v>
      </c>
      <c r="CS22" s="315">
        <v>0</v>
      </c>
      <c r="CT22" s="315">
        <v>0</v>
      </c>
      <c r="CU22" s="312">
        <v>0</v>
      </c>
      <c r="CV22" s="317">
        <v>0</v>
      </c>
    </row>
    <row r="23" spans="1:100" ht="21" customHeight="1" x14ac:dyDescent="0.2">
      <c r="A23" s="296" t="s">
        <v>21</v>
      </c>
      <c r="B23" s="311">
        <v>0</v>
      </c>
      <c r="C23" s="312">
        <v>0</v>
      </c>
      <c r="D23" s="313">
        <v>0</v>
      </c>
      <c r="E23" s="314">
        <v>0</v>
      </c>
      <c r="F23" s="315">
        <v>0</v>
      </c>
      <c r="G23" s="315">
        <v>0</v>
      </c>
      <c r="H23" s="315">
        <v>0</v>
      </c>
      <c r="I23" s="315">
        <v>0</v>
      </c>
      <c r="J23" s="315">
        <v>0</v>
      </c>
      <c r="K23" s="316">
        <v>0</v>
      </c>
      <c r="L23" s="317">
        <v>0</v>
      </c>
      <c r="M23" s="311">
        <v>0</v>
      </c>
      <c r="N23" s="315">
        <v>0</v>
      </c>
      <c r="O23" s="312">
        <v>0</v>
      </c>
      <c r="P23" s="314">
        <v>0</v>
      </c>
      <c r="Q23" s="315">
        <v>0</v>
      </c>
      <c r="R23" s="315">
        <v>0</v>
      </c>
      <c r="S23" s="315">
        <v>0</v>
      </c>
      <c r="T23" s="315">
        <v>0</v>
      </c>
      <c r="U23" s="315">
        <v>0</v>
      </c>
      <c r="V23" s="312">
        <v>0</v>
      </c>
      <c r="W23" s="317">
        <v>0</v>
      </c>
      <c r="X23" s="311">
        <v>0</v>
      </c>
      <c r="Y23" s="315">
        <v>0</v>
      </c>
      <c r="Z23" s="312">
        <v>0</v>
      </c>
      <c r="AA23" s="314">
        <v>0</v>
      </c>
      <c r="AB23" s="315">
        <v>11</v>
      </c>
      <c r="AC23" s="315">
        <v>11</v>
      </c>
      <c r="AD23" s="315">
        <v>4</v>
      </c>
      <c r="AE23" s="315">
        <v>3</v>
      </c>
      <c r="AF23" s="315">
        <v>2</v>
      </c>
      <c r="AG23" s="312">
        <v>31</v>
      </c>
      <c r="AH23" s="317">
        <v>31</v>
      </c>
      <c r="AI23" s="311">
        <v>0</v>
      </c>
      <c r="AJ23" s="315">
        <v>0</v>
      </c>
      <c r="AK23" s="312">
        <v>0</v>
      </c>
      <c r="AL23" s="314">
        <v>0</v>
      </c>
      <c r="AM23" s="315">
        <v>0</v>
      </c>
      <c r="AN23" s="315">
        <v>0</v>
      </c>
      <c r="AO23" s="315">
        <v>0</v>
      </c>
      <c r="AP23" s="315">
        <v>0</v>
      </c>
      <c r="AQ23" s="315">
        <v>0</v>
      </c>
      <c r="AR23" s="312">
        <v>0</v>
      </c>
      <c r="AS23" s="317">
        <v>0</v>
      </c>
      <c r="AT23" s="311">
        <v>0</v>
      </c>
      <c r="AU23" s="315">
        <v>0</v>
      </c>
      <c r="AV23" s="312">
        <v>0</v>
      </c>
      <c r="AW23" s="314">
        <v>0</v>
      </c>
      <c r="AX23" s="315">
        <v>0</v>
      </c>
      <c r="AY23" s="315">
        <v>0</v>
      </c>
      <c r="AZ23" s="315">
        <v>2</v>
      </c>
      <c r="BA23" s="315">
        <v>0</v>
      </c>
      <c r="BB23" s="315">
        <v>0</v>
      </c>
      <c r="BC23" s="312">
        <v>2</v>
      </c>
      <c r="BD23" s="317">
        <v>2</v>
      </c>
      <c r="BE23" s="311">
        <v>0</v>
      </c>
      <c r="BF23" s="315">
        <v>0</v>
      </c>
      <c r="BG23" s="312">
        <v>0</v>
      </c>
      <c r="BH23" s="314">
        <v>0</v>
      </c>
      <c r="BI23" s="315">
        <v>2</v>
      </c>
      <c r="BJ23" s="315">
        <v>1</v>
      </c>
      <c r="BK23" s="315">
        <v>0</v>
      </c>
      <c r="BL23" s="315">
        <v>0</v>
      </c>
      <c r="BM23" s="315">
        <v>0</v>
      </c>
      <c r="BN23" s="316">
        <v>3</v>
      </c>
      <c r="BO23" s="317">
        <v>3</v>
      </c>
      <c r="BP23" s="311">
        <v>0</v>
      </c>
      <c r="BQ23" s="315">
        <v>0</v>
      </c>
      <c r="BR23" s="312">
        <v>0</v>
      </c>
      <c r="BS23" s="314">
        <v>0</v>
      </c>
      <c r="BT23" s="315">
        <v>0</v>
      </c>
      <c r="BU23" s="315">
        <v>0</v>
      </c>
      <c r="BV23" s="315">
        <v>0</v>
      </c>
      <c r="BW23" s="315">
        <v>0</v>
      </c>
      <c r="BX23" s="315">
        <v>0</v>
      </c>
      <c r="BY23" s="312">
        <v>0</v>
      </c>
      <c r="BZ23" s="317">
        <v>0</v>
      </c>
      <c r="CA23" s="311">
        <v>0</v>
      </c>
      <c r="CB23" s="315">
        <v>0</v>
      </c>
      <c r="CC23" s="312">
        <v>0</v>
      </c>
      <c r="CD23" s="314">
        <v>0</v>
      </c>
      <c r="CE23" s="315">
        <v>0</v>
      </c>
      <c r="CF23" s="315">
        <v>0</v>
      </c>
      <c r="CG23" s="315">
        <v>0</v>
      </c>
      <c r="CH23" s="315">
        <v>0</v>
      </c>
      <c r="CI23" s="315">
        <v>0</v>
      </c>
      <c r="CJ23" s="312">
        <v>0</v>
      </c>
      <c r="CK23" s="317">
        <v>0</v>
      </c>
      <c r="CL23" s="311">
        <v>0</v>
      </c>
      <c r="CM23" s="315">
        <v>0</v>
      </c>
      <c r="CN23" s="312">
        <v>0</v>
      </c>
      <c r="CO23" s="314">
        <v>0</v>
      </c>
      <c r="CP23" s="315">
        <v>0</v>
      </c>
      <c r="CQ23" s="315">
        <v>0</v>
      </c>
      <c r="CR23" s="315">
        <v>0</v>
      </c>
      <c r="CS23" s="315">
        <v>0</v>
      </c>
      <c r="CT23" s="315">
        <v>0</v>
      </c>
      <c r="CU23" s="312">
        <v>0</v>
      </c>
      <c r="CV23" s="317">
        <v>0</v>
      </c>
    </row>
    <row r="24" spans="1:100" ht="21" customHeight="1" x14ac:dyDescent="0.2">
      <c r="A24" s="296" t="s">
        <v>22</v>
      </c>
      <c r="B24" s="311">
        <v>0</v>
      </c>
      <c r="C24" s="312">
        <v>0</v>
      </c>
      <c r="D24" s="313">
        <v>0</v>
      </c>
      <c r="E24" s="314">
        <v>0</v>
      </c>
      <c r="F24" s="315">
        <v>0</v>
      </c>
      <c r="G24" s="315">
        <v>0</v>
      </c>
      <c r="H24" s="315">
        <v>1</v>
      </c>
      <c r="I24" s="315">
        <v>0</v>
      </c>
      <c r="J24" s="315">
        <v>0</v>
      </c>
      <c r="K24" s="316">
        <v>1</v>
      </c>
      <c r="L24" s="317">
        <v>1</v>
      </c>
      <c r="M24" s="311">
        <v>0</v>
      </c>
      <c r="N24" s="315">
        <v>0</v>
      </c>
      <c r="O24" s="312">
        <v>0</v>
      </c>
      <c r="P24" s="314">
        <v>0</v>
      </c>
      <c r="Q24" s="315">
        <v>0</v>
      </c>
      <c r="R24" s="315">
        <v>0</v>
      </c>
      <c r="S24" s="315">
        <v>0</v>
      </c>
      <c r="T24" s="315">
        <v>0</v>
      </c>
      <c r="U24" s="315">
        <v>0</v>
      </c>
      <c r="V24" s="312">
        <v>0</v>
      </c>
      <c r="W24" s="317">
        <v>0</v>
      </c>
      <c r="X24" s="311">
        <v>0</v>
      </c>
      <c r="Y24" s="315">
        <v>0</v>
      </c>
      <c r="Z24" s="312">
        <v>0</v>
      </c>
      <c r="AA24" s="314">
        <v>0</v>
      </c>
      <c r="AB24" s="315">
        <v>6</v>
      </c>
      <c r="AC24" s="315">
        <v>2</v>
      </c>
      <c r="AD24" s="315">
        <v>1</v>
      </c>
      <c r="AE24" s="315">
        <v>2</v>
      </c>
      <c r="AF24" s="315">
        <v>0</v>
      </c>
      <c r="AG24" s="312">
        <v>11</v>
      </c>
      <c r="AH24" s="317">
        <v>11</v>
      </c>
      <c r="AI24" s="311">
        <v>0</v>
      </c>
      <c r="AJ24" s="315">
        <v>0</v>
      </c>
      <c r="AK24" s="312">
        <v>0</v>
      </c>
      <c r="AL24" s="314">
        <v>0</v>
      </c>
      <c r="AM24" s="315">
        <v>1</v>
      </c>
      <c r="AN24" s="315">
        <v>0</v>
      </c>
      <c r="AO24" s="315">
        <v>1</v>
      </c>
      <c r="AP24" s="315">
        <v>1</v>
      </c>
      <c r="AQ24" s="315">
        <v>0</v>
      </c>
      <c r="AR24" s="312">
        <v>3</v>
      </c>
      <c r="AS24" s="317">
        <v>3</v>
      </c>
      <c r="AT24" s="311">
        <v>0</v>
      </c>
      <c r="AU24" s="315">
        <v>0</v>
      </c>
      <c r="AV24" s="312">
        <v>0</v>
      </c>
      <c r="AW24" s="314">
        <v>0</v>
      </c>
      <c r="AX24" s="315">
        <v>5</v>
      </c>
      <c r="AY24" s="315">
        <v>1</v>
      </c>
      <c r="AZ24" s="315">
        <v>0</v>
      </c>
      <c r="BA24" s="315">
        <v>0</v>
      </c>
      <c r="BB24" s="315">
        <v>0</v>
      </c>
      <c r="BC24" s="312">
        <v>6</v>
      </c>
      <c r="BD24" s="317">
        <v>6</v>
      </c>
      <c r="BE24" s="311">
        <v>0</v>
      </c>
      <c r="BF24" s="315">
        <v>0</v>
      </c>
      <c r="BG24" s="312">
        <v>0</v>
      </c>
      <c r="BH24" s="314">
        <v>0</v>
      </c>
      <c r="BI24" s="315">
        <v>1</v>
      </c>
      <c r="BJ24" s="315">
        <v>2</v>
      </c>
      <c r="BK24" s="315">
        <v>0</v>
      </c>
      <c r="BL24" s="315">
        <v>0</v>
      </c>
      <c r="BM24" s="315">
        <v>0</v>
      </c>
      <c r="BN24" s="316">
        <v>3</v>
      </c>
      <c r="BO24" s="317">
        <v>3</v>
      </c>
      <c r="BP24" s="311">
        <v>0</v>
      </c>
      <c r="BQ24" s="315">
        <v>0</v>
      </c>
      <c r="BR24" s="312">
        <v>0</v>
      </c>
      <c r="BS24" s="314">
        <v>0</v>
      </c>
      <c r="BT24" s="315">
        <v>0</v>
      </c>
      <c r="BU24" s="315">
        <v>0</v>
      </c>
      <c r="BV24" s="315">
        <v>0</v>
      </c>
      <c r="BW24" s="315">
        <v>0</v>
      </c>
      <c r="BX24" s="315">
        <v>0</v>
      </c>
      <c r="BY24" s="312">
        <v>0</v>
      </c>
      <c r="BZ24" s="317">
        <v>0</v>
      </c>
      <c r="CA24" s="311">
        <v>0</v>
      </c>
      <c r="CB24" s="315">
        <v>0</v>
      </c>
      <c r="CC24" s="312">
        <v>0</v>
      </c>
      <c r="CD24" s="314">
        <v>0</v>
      </c>
      <c r="CE24" s="315">
        <v>0</v>
      </c>
      <c r="CF24" s="315">
        <v>0</v>
      </c>
      <c r="CG24" s="315">
        <v>0</v>
      </c>
      <c r="CH24" s="315">
        <v>3</v>
      </c>
      <c r="CI24" s="315">
        <v>1</v>
      </c>
      <c r="CJ24" s="312">
        <v>4</v>
      </c>
      <c r="CK24" s="317">
        <v>4</v>
      </c>
      <c r="CL24" s="311">
        <v>0</v>
      </c>
      <c r="CM24" s="315">
        <v>0</v>
      </c>
      <c r="CN24" s="312">
        <v>0</v>
      </c>
      <c r="CO24" s="314">
        <v>0</v>
      </c>
      <c r="CP24" s="315">
        <v>0</v>
      </c>
      <c r="CQ24" s="315">
        <v>0</v>
      </c>
      <c r="CR24" s="315">
        <v>0</v>
      </c>
      <c r="CS24" s="315">
        <v>0</v>
      </c>
      <c r="CT24" s="315">
        <v>0</v>
      </c>
      <c r="CU24" s="312">
        <v>0</v>
      </c>
      <c r="CV24" s="317">
        <v>0</v>
      </c>
    </row>
    <row r="25" spans="1:100" ht="21" customHeight="1" x14ac:dyDescent="0.2">
      <c r="A25" s="296" t="s">
        <v>23</v>
      </c>
      <c r="B25" s="311">
        <v>0</v>
      </c>
      <c r="C25" s="312">
        <v>0</v>
      </c>
      <c r="D25" s="313">
        <v>0</v>
      </c>
      <c r="E25" s="314">
        <v>0</v>
      </c>
      <c r="F25" s="315">
        <v>0</v>
      </c>
      <c r="G25" s="315">
        <v>0</v>
      </c>
      <c r="H25" s="315">
        <v>0</v>
      </c>
      <c r="I25" s="315">
        <v>0</v>
      </c>
      <c r="J25" s="315">
        <v>0</v>
      </c>
      <c r="K25" s="316">
        <v>0</v>
      </c>
      <c r="L25" s="317">
        <v>0</v>
      </c>
      <c r="M25" s="311">
        <v>0</v>
      </c>
      <c r="N25" s="315">
        <v>0</v>
      </c>
      <c r="O25" s="312">
        <v>0</v>
      </c>
      <c r="P25" s="314">
        <v>0</v>
      </c>
      <c r="Q25" s="315">
        <v>0</v>
      </c>
      <c r="R25" s="315">
        <v>0</v>
      </c>
      <c r="S25" s="315">
        <v>0</v>
      </c>
      <c r="T25" s="315">
        <v>0</v>
      </c>
      <c r="U25" s="315">
        <v>0</v>
      </c>
      <c r="V25" s="312">
        <v>0</v>
      </c>
      <c r="W25" s="317">
        <v>0</v>
      </c>
      <c r="X25" s="311">
        <v>0</v>
      </c>
      <c r="Y25" s="315">
        <v>0</v>
      </c>
      <c r="Z25" s="312">
        <v>0</v>
      </c>
      <c r="AA25" s="314">
        <v>0</v>
      </c>
      <c r="AB25" s="315">
        <v>3</v>
      </c>
      <c r="AC25" s="315">
        <v>2</v>
      </c>
      <c r="AD25" s="315">
        <v>0</v>
      </c>
      <c r="AE25" s="315">
        <v>2</v>
      </c>
      <c r="AF25" s="315">
        <v>0</v>
      </c>
      <c r="AG25" s="312">
        <v>7</v>
      </c>
      <c r="AH25" s="317">
        <v>7</v>
      </c>
      <c r="AI25" s="311">
        <v>0</v>
      </c>
      <c r="AJ25" s="315">
        <v>0</v>
      </c>
      <c r="AK25" s="312">
        <v>0</v>
      </c>
      <c r="AL25" s="314">
        <v>0</v>
      </c>
      <c r="AM25" s="315">
        <v>0</v>
      </c>
      <c r="AN25" s="315">
        <v>0</v>
      </c>
      <c r="AO25" s="315">
        <v>0</v>
      </c>
      <c r="AP25" s="315">
        <v>0</v>
      </c>
      <c r="AQ25" s="315">
        <v>0</v>
      </c>
      <c r="AR25" s="312">
        <v>0</v>
      </c>
      <c r="AS25" s="317">
        <v>0</v>
      </c>
      <c r="AT25" s="311">
        <v>0</v>
      </c>
      <c r="AU25" s="315">
        <v>0</v>
      </c>
      <c r="AV25" s="312">
        <v>0</v>
      </c>
      <c r="AW25" s="314">
        <v>0</v>
      </c>
      <c r="AX25" s="315">
        <v>0</v>
      </c>
      <c r="AY25" s="315">
        <v>0</v>
      </c>
      <c r="AZ25" s="315">
        <v>0</v>
      </c>
      <c r="BA25" s="315">
        <v>0</v>
      </c>
      <c r="BB25" s="315">
        <v>0</v>
      </c>
      <c r="BC25" s="312">
        <v>0</v>
      </c>
      <c r="BD25" s="317">
        <v>0</v>
      </c>
      <c r="BE25" s="311">
        <v>0</v>
      </c>
      <c r="BF25" s="315">
        <v>0</v>
      </c>
      <c r="BG25" s="312">
        <v>0</v>
      </c>
      <c r="BH25" s="314">
        <v>0</v>
      </c>
      <c r="BI25" s="315">
        <v>3</v>
      </c>
      <c r="BJ25" s="315">
        <v>3</v>
      </c>
      <c r="BK25" s="315">
        <v>0</v>
      </c>
      <c r="BL25" s="315">
        <v>1</v>
      </c>
      <c r="BM25" s="315">
        <v>0</v>
      </c>
      <c r="BN25" s="316">
        <v>7</v>
      </c>
      <c r="BO25" s="317">
        <v>7</v>
      </c>
      <c r="BP25" s="311">
        <v>0</v>
      </c>
      <c r="BQ25" s="315">
        <v>0</v>
      </c>
      <c r="BR25" s="312">
        <v>0</v>
      </c>
      <c r="BS25" s="314">
        <v>0</v>
      </c>
      <c r="BT25" s="315">
        <v>0</v>
      </c>
      <c r="BU25" s="315">
        <v>0</v>
      </c>
      <c r="BV25" s="315">
        <v>0</v>
      </c>
      <c r="BW25" s="315">
        <v>0</v>
      </c>
      <c r="BX25" s="315">
        <v>0</v>
      </c>
      <c r="BY25" s="312">
        <v>0</v>
      </c>
      <c r="BZ25" s="317">
        <v>0</v>
      </c>
      <c r="CA25" s="311">
        <v>0</v>
      </c>
      <c r="CB25" s="315">
        <v>0</v>
      </c>
      <c r="CC25" s="312">
        <v>0</v>
      </c>
      <c r="CD25" s="314">
        <v>0</v>
      </c>
      <c r="CE25" s="315">
        <v>0</v>
      </c>
      <c r="CF25" s="315">
        <v>0</v>
      </c>
      <c r="CG25" s="315">
        <v>0</v>
      </c>
      <c r="CH25" s="315">
        <v>0</v>
      </c>
      <c r="CI25" s="315">
        <v>0</v>
      </c>
      <c r="CJ25" s="312">
        <v>0</v>
      </c>
      <c r="CK25" s="317">
        <v>0</v>
      </c>
      <c r="CL25" s="311">
        <v>0</v>
      </c>
      <c r="CM25" s="315">
        <v>0</v>
      </c>
      <c r="CN25" s="312">
        <v>0</v>
      </c>
      <c r="CO25" s="314">
        <v>0</v>
      </c>
      <c r="CP25" s="315">
        <v>0</v>
      </c>
      <c r="CQ25" s="315">
        <v>0</v>
      </c>
      <c r="CR25" s="315">
        <v>0</v>
      </c>
      <c r="CS25" s="315">
        <v>0</v>
      </c>
      <c r="CT25" s="315">
        <v>0</v>
      </c>
      <c r="CU25" s="312">
        <v>0</v>
      </c>
      <c r="CV25" s="317">
        <v>0</v>
      </c>
    </row>
    <row r="26" spans="1:100" ht="21" customHeight="1" x14ac:dyDescent="0.2">
      <c r="A26" s="296" t="s">
        <v>24</v>
      </c>
      <c r="B26" s="311">
        <v>0</v>
      </c>
      <c r="C26" s="312">
        <v>0</v>
      </c>
      <c r="D26" s="313">
        <v>0</v>
      </c>
      <c r="E26" s="314">
        <v>0</v>
      </c>
      <c r="F26" s="315">
        <v>0</v>
      </c>
      <c r="G26" s="315">
        <v>0</v>
      </c>
      <c r="H26" s="315">
        <v>0</v>
      </c>
      <c r="I26" s="315">
        <v>0</v>
      </c>
      <c r="J26" s="315">
        <v>0</v>
      </c>
      <c r="K26" s="316">
        <v>0</v>
      </c>
      <c r="L26" s="317">
        <v>0</v>
      </c>
      <c r="M26" s="311">
        <v>0</v>
      </c>
      <c r="N26" s="315">
        <v>0</v>
      </c>
      <c r="O26" s="312">
        <v>0</v>
      </c>
      <c r="P26" s="314">
        <v>0</v>
      </c>
      <c r="Q26" s="315">
        <v>0</v>
      </c>
      <c r="R26" s="315">
        <v>0</v>
      </c>
      <c r="S26" s="315">
        <v>0</v>
      </c>
      <c r="T26" s="315">
        <v>0</v>
      </c>
      <c r="U26" s="315">
        <v>0</v>
      </c>
      <c r="V26" s="312">
        <v>0</v>
      </c>
      <c r="W26" s="317">
        <v>0</v>
      </c>
      <c r="X26" s="311">
        <v>0</v>
      </c>
      <c r="Y26" s="315">
        <v>0</v>
      </c>
      <c r="Z26" s="312">
        <v>0</v>
      </c>
      <c r="AA26" s="314">
        <v>0</v>
      </c>
      <c r="AB26" s="315">
        <v>6</v>
      </c>
      <c r="AC26" s="315">
        <v>1</v>
      </c>
      <c r="AD26" s="315">
        <v>3</v>
      </c>
      <c r="AE26" s="315">
        <v>2</v>
      </c>
      <c r="AF26" s="315">
        <v>0</v>
      </c>
      <c r="AG26" s="312">
        <v>12</v>
      </c>
      <c r="AH26" s="317">
        <v>12</v>
      </c>
      <c r="AI26" s="311">
        <v>0</v>
      </c>
      <c r="AJ26" s="315">
        <v>0</v>
      </c>
      <c r="AK26" s="312">
        <v>0</v>
      </c>
      <c r="AL26" s="314">
        <v>0</v>
      </c>
      <c r="AM26" s="315">
        <v>0</v>
      </c>
      <c r="AN26" s="315">
        <v>0</v>
      </c>
      <c r="AO26" s="315">
        <v>1</v>
      </c>
      <c r="AP26" s="315">
        <v>0</v>
      </c>
      <c r="AQ26" s="315">
        <v>0</v>
      </c>
      <c r="AR26" s="312">
        <v>1</v>
      </c>
      <c r="AS26" s="317">
        <v>1</v>
      </c>
      <c r="AT26" s="311">
        <v>1</v>
      </c>
      <c r="AU26" s="315">
        <v>0</v>
      </c>
      <c r="AV26" s="312">
        <v>1</v>
      </c>
      <c r="AW26" s="314">
        <v>0</v>
      </c>
      <c r="AX26" s="315">
        <v>2</v>
      </c>
      <c r="AY26" s="315">
        <v>0</v>
      </c>
      <c r="AZ26" s="315">
        <v>0</v>
      </c>
      <c r="BA26" s="315">
        <v>0</v>
      </c>
      <c r="BB26" s="315">
        <v>0</v>
      </c>
      <c r="BC26" s="312">
        <v>2</v>
      </c>
      <c r="BD26" s="317">
        <v>3</v>
      </c>
      <c r="BE26" s="311">
        <v>0</v>
      </c>
      <c r="BF26" s="315">
        <v>0</v>
      </c>
      <c r="BG26" s="312">
        <v>0</v>
      </c>
      <c r="BH26" s="314">
        <v>0</v>
      </c>
      <c r="BI26" s="315">
        <v>0</v>
      </c>
      <c r="BJ26" s="315">
        <v>0</v>
      </c>
      <c r="BK26" s="315">
        <v>2</v>
      </c>
      <c r="BL26" s="315">
        <v>1</v>
      </c>
      <c r="BM26" s="315">
        <v>0</v>
      </c>
      <c r="BN26" s="316">
        <v>3</v>
      </c>
      <c r="BO26" s="317">
        <v>3</v>
      </c>
      <c r="BP26" s="311">
        <v>0</v>
      </c>
      <c r="BQ26" s="315">
        <v>0</v>
      </c>
      <c r="BR26" s="312">
        <v>0</v>
      </c>
      <c r="BS26" s="314">
        <v>0</v>
      </c>
      <c r="BT26" s="315">
        <v>0</v>
      </c>
      <c r="BU26" s="315">
        <v>0</v>
      </c>
      <c r="BV26" s="315">
        <v>0</v>
      </c>
      <c r="BW26" s="315">
        <v>0</v>
      </c>
      <c r="BX26" s="315">
        <v>0</v>
      </c>
      <c r="BY26" s="312">
        <v>0</v>
      </c>
      <c r="BZ26" s="317">
        <v>0</v>
      </c>
      <c r="CA26" s="311">
        <v>0</v>
      </c>
      <c r="CB26" s="315">
        <v>0</v>
      </c>
      <c r="CC26" s="312">
        <v>0</v>
      </c>
      <c r="CD26" s="314">
        <v>0</v>
      </c>
      <c r="CE26" s="315">
        <v>0</v>
      </c>
      <c r="CF26" s="315">
        <v>0</v>
      </c>
      <c r="CG26" s="315">
        <v>0</v>
      </c>
      <c r="CH26" s="315">
        <v>0</v>
      </c>
      <c r="CI26" s="315">
        <v>0</v>
      </c>
      <c r="CJ26" s="312">
        <v>0</v>
      </c>
      <c r="CK26" s="317">
        <v>0</v>
      </c>
      <c r="CL26" s="311">
        <v>0</v>
      </c>
      <c r="CM26" s="315">
        <v>0</v>
      </c>
      <c r="CN26" s="312">
        <v>0</v>
      </c>
      <c r="CO26" s="314">
        <v>0</v>
      </c>
      <c r="CP26" s="315">
        <v>0</v>
      </c>
      <c r="CQ26" s="315">
        <v>0</v>
      </c>
      <c r="CR26" s="315">
        <v>0</v>
      </c>
      <c r="CS26" s="315">
        <v>0</v>
      </c>
      <c r="CT26" s="315">
        <v>0</v>
      </c>
      <c r="CU26" s="312">
        <v>0</v>
      </c>
      <c r="CV26" s="317">
        <v>0</v>
      </c>
    </row>
    <row r="27" spans="1:100" ht="21" customHeight="1" x14ac:dyDescent="0.2">
      <c r="A27" s="296" t="s">
        <v>25</v>
      </c>
      <c r="B27" s="311">
        <v>0</v>
      </c>
      <c r="C27" s="312">
        <v>0</v>
      </c>
      <c r="D27" s="313">
        <v>0</v>
      </c>
      <c r="E27" s="314">
        <v>0</v>
      </c>
      <c r="F27" s="315">
        <v>0</v>
      </c>
      <c r="G27" s="315">
        <v>0</v>
      </c>
      <c r="H27" s="315">
        <v>0</v>
      </c>
      <c r="I27" s="315">
        <v>0</v>
      </c>
      <c r="J27" s="315">
        <v>0</v>
      </c>
      <c r="K27" s="316">
        <v>0</v>
      </c>
      <c r="L27" s="317">
        <v>0</v>
      </c>
      <c r="M27" s="311">
        <v>0</v>
      </c>
      <c r="N27" s="315">
        <v>0</v>
      </c>
      <c r="O27" s="312">
        <v>0</v>
      </c>
      <c r="P27" s="314">
        <v>0</v>
      </c>
      <c r="Q27" s="315">
        <v>0</v>
      </c>
      <c r="R27" s="315">
        <v>0</v>
      </c>
      <c r="S27" s="315">
        <v>0</v>
      </c>
      <c r="T27" s="315">
        <v>0</v>
      </c>
      <c r="U27" s="315">
        <v>0</v>
      </c>
      <c r="V27" s="312">
        <v>0</v>
      </c>
      <c r="W27" s="317">
        <v>0</v>
      </c>
      <c r="X27" s="311">
        <v>0</v>
      </c>
      <c r="Y27" s="315">
        <v>0</v>
      </c>
      <c r="Z27" s="312">
        <v>0</v>
      </c>
      <c r="AA27" s="314">
        <v>0</v>
      </c>
      <c r="AB27" s="315">
        <v>5</v>
      </c>
      <c r="AC27" s="315">
        <v>1</v>
      </c>
      <c r="AD27" s="315">
        <v>0</v>
      </c>
      <c r="AE27" s="315">
        <v>1</v>
      </c>
      <c r="AF27" s="315">
        <v>0</v>
      </c>
      <c r="AG27" s="312">
        <v>7</v>
      </c>
      <c r="AH27" s="317">
        <v>7</v>
      </c>
      <c r="AI27" s="311">
        <v>0</v>
      </c>
      <c r="AJ27" s="315">
        <v>0</v>
      </c>
      <c r="AK27" s="312">
        <v>0</v>
      </c>
      <c r="AL27" s="314">
        <v>0</v>
      </c>
      <c r="AM27" s="315">
        <v>0</v>
      </c>
      <c r="AN27" s="315">
        <v>0</v>
      </c>
      <c r="AO27" s="315">
        <v>0</v>
      </c>
      <c r="AP27" s="315">
        <v>0</v>
      </c>
      <c r="AQ27" s="315">
        <v>0</v>
      </c>
      <c r="AR27" s="312">
        <v>0</v>
      </c>
      <c r="AS27" s="317">
        <v>0</v>
      </c>
      <c r="AT27" s="311">
        <v>0</v>
      </c>
      <c r="AU27" s="315">
        <v>0</v>
      </c>
      <c r="AV27" s="312">
        <v>0</v>
      </c>
      <c r="AW27" s="314">
        <v>0</v>
      </c>
      <c r="AX27" s="315">
        <v>0</v>
      </c>
      <c r="AY27" s="315">
        <v>0</v>
      </c>
      <c r="AZ27" s="315">
        <v>0</v>
      </c>
      <c r="BA27" s="315">
        <v>0</v>
      </c>
      <c r="BB27" s="315">
        <v>0</v>
      </c>
      <c r="BC27" s="312">
        <v>0</v>
      </c>
      <c r="BD27" s="317">
        <v>0</v>
      </c>
      <c r="BE27" s="311">
        <v>0</v>
      </c>
      <c r="BF27" s="315">
        <v>0</v>
      </c>
      <c r="BG27" s="312">
        <v>0</v>
      </c>
      <c r="BH27" s="314">
        <v>0</v>
      </c>
      <c r="BI27" s="315">
        <v>0</v>
      </c>
      <c r="BJ27" s="315">
        <v>0</v>
      </c>
      <c r="BK27" s="315">
        <v>0</v>
      </c>
      <c r="BL27" s="315">
        <v>0</v>
      </c>
      <c r="BM27" s="315">
        <v>0</v>
      </c>
      <c r="BN27" s="316">
        <v>0</v>
      </c>
      <c r="BO27" s="317">
        <v>0</v>
      </c>
      <c r="BP27" s="311">
        <v>0</v>
      </c>
      <c r="BQ27" s="315">
        <v>0</v>
      </c>
      <c r="BR27" s="312">
        <v>0</v>
      </c>
      <c r="BS27" s="314">
        <v>0</v>
      </c>
      <c r="BT27" s="315">
        <v>0</v>
      </c>
      <c r="BU27" s="315">
        <v>0</v>
      </c>
      <c r="BV27" s="315">
        <v>0</v>
      </c>
      <c r="BW27" s="315">
        <v>0</v>
      </c>
      <c r="BX27" s="315">
        <v>0</v>
      </c>
      <c r="BY27" s="312">
        <v>0</v>
      </c>
      <c r="BZ27" s="317">
        <v>0</v>
      </c>
      <c r="CA27" s="311">
        <v>0</v>
      </c>
      <c r="CB27" s="315">
        <v>0</v>
      </c>
      <c r="CC27" s="312">
        <v>0</v>
      </c>
      <c r="CD27" s="314">
        <v>0</v>
      </c>
      <c r="CE27" s="315">
        <v>0</v>
      </c>
      <c r="CF27" s="315">
        <v>0</v>
      </c>
      <c r="CG27" s="315">
        <v>0</v>
      </c>
      <c r="CH27" s="315">
        <v>0</v>
      </c>
      <c r="CI27" s="315">
        <v>0</v>
      </c>
      <c r="CJ27" s="312">
        <v>0</v>
      </c>
      <c r="CK27" s="317">
        <v>0</v>
      </c>
      <c r="CL27" s="311">
        <v>0</v>
      </c>
      <c r="CM27" s="315">
        <v>0</v>
      </c>
      <c r="CN27" s="312">
        <v>0</v>
      </c>
      <c r="CO27" s="314">
        <v>0</v>
      </c>
      <c r="CP27" s="315">
        <v>0</v>
      </c>
      <c r="CQ27" s="315">
        <v>0</v>
      </c>
      <c r="CR27" s="315">
        <v>0</v>
      </c>
      <c r="CS27" s="315">
        <v>0</v>
      </c>
      <c r="CT27" s="315">
        <v>0</v>
      </c>
      <c r="CU27" s="312">
        <v>0</v>
      </c>
      <c r="CV27" s="317">
        <v>0</v>
      </c>
    </row>
    <row r="28" spans="1:100" ht="21" customHeight="1" x14ac:dyDescent="0.2">
      <c r="A28" s="296" t="s">
        <v>26</v>
      </c>
      <c r="B28" s="311">
        <v>0</v>
      </c>
      <c r="C28" s="312">
        <v>0</v>
      </c>
      <c r="D28" s="313">
        <v>0</v>
      </c>
      <c r="E28" s="314">
        <v>0</v>
      </c>
      <c r="F28" s="315">
        <v>0</v>
      </c>
      <c r="G28" s="315">
        <v>0</v>
      </c>
      <c r="H28" s="315">
        <v>0</v>
      </c>
      <c r="I28" s="315">
        <v>0</v>
      </c>
      <c r="J28" s="315">
        <v>0</v>
      </c>
      <c r="K28" s="316">
        <v>0</v>
      </c>
      <c r="L28" s="317">
        <v>0</v>
      </c>
      <c r="M28" s="311">
        <v>0</v>
      </c>
      <c r="N28" s="315">
        <v>0</v>
      </c>
      <c r="O28" s="312">
        <v>0</v>
      </c>
      <c r="P28" s="314">
        <v>0</v>
      </c>
      <c r="Q28" s="315">
        <v>0</v>
      </c>
      <c r="R28" s="315">
        <v>0</v>
      </c>
      <c r="S28" s="315">
        <v>0</v>
      </c>
      <c r="T28" s="315">
        <v>0</v>
      </c>
      <c r="U28" s="315">
        <v>0</v>
      </c>
      <c r="V28" s="312">
        <v>0</v>
      </c>
      <c r="W28" s="317">
        <v>0</v>
      </c>
      <c r="X28" s="311">
        <v>0</v>
      </c>
      <c r="Y28" s="315">
        <v>0</v>
      </c>
      <c r="Z28" s="312">
        <v>0</v>
      </c>
      <c r="AA28" s="314">
        <v>0</v>
      </c>
      <c r="AB28" s="315">
        <v>3</v>
      </c>
      <c r="AC28" s="315">
        <v>5</v>
      </c>
      <c r="AD28" s="315">
        <v>1</v>
      </c>
      <c r="AE28" s="315">
        <v>0</v>
      </c>
      <c r="AF28" s="315">
        <v>2</v>
      </c>
      <c r="AG28" s="312">
        <v>11</v>
      </c>
      <c r="AH28" s="317">
        <v>11</v>
      </c>
      <c r="AI28" s="311">
        <v>0</v>
      </c>
      <c r="AJ28" s="315">
        <v>0</v>
      </c>
      <c r="AK28" s="312">
        <v>0</v>
      </c>
      <c r="AL28" s="314">
        <v>0</v>
      </c>
      <c r="AM28" s="315">
        <v>0</v>
      </c>
      <c r="AN28" s="315">
        <v>0</v>
      </c>
      <c r="AO28" s="315">
        <v>0</v>
      </c>
      <c r="AP28" s="315">
        <v>0</v>
      </c>
      <c r="AQ28" s="315">
        <v>0</v>
      </c>
      <c r="AR28" s="312">
        <v>0</v>
      </c>
      <c r="AS28" s="317">
        <v>0</v>
      </c>
      <c r="AT28" s="311">
        <v>0</v>
      </c>
      <c r="AU28" s="315">
        <v>0</v>
      </c>
      <c r="AV28" s="312">
        <v>0</v>
      </c>
      <c r="AW28" s="314">
        <v>0</v>
      </c>
      <c r="AX28" s="315">
        <v>0</v>
      </c>
      <c r="AY28" s="315">
        <v>0</v>
      </c>
      <c r="AZ28" s="315">
        <v>0</v>
      </c>
      <c r="BA28" s="315">
        <v>0</v>
      </c>
      <c r="BB28" s="315">
        <v>0</v>
      </c>
      <c r="BC28" s="312">
        <v>0</v>
      </c>
      <c r="BD28" s="317">
        <v>0</v>
      </c>
      <c r="BE28" s="311">
        <v>0</v>
      </c>
      <c r="BF28" s="315">
        <v>0</v>
      </c>
      <c r="BG28" s="312">
        <v>0</v>
      </c>
      <c r="BH28" s="314">
        <v>0</v>
      </c>
      <c r="BI28" s="315">
        <v>0</v>
      </c>
      <c r="BJ28" s="315">
        <v>0</v>
      </c>
      <c r="BK28" s="315">
        <v>2</v>
      </c>
      <c r="BL28" s="315">
        <v>0</v>
      </c>
      <c r="BM28" s="315">
        <v>0</v>
      </c>
      <c r="BN28" s="316">
        <v>2</v>
      </c>
      <c r="BO28" s="317">
        <v>2</v>
      </c>
      <c r="BP28" s="311">
        <v>0</v>
      </c>
      <c r="BQ28" s="315">
        <v>0</v>
      </c>
      <c r="BR28" s="312">
        <v>0</v>
      </c>
      <c r="BS28" s="314">
        <v>0</v>
      </c>
      <c r="BT28" s="315">
        <v>0</v>
      </c>
      <c r="BU28" s="315">
        <v>0</v>
      </c>
      <c r="BV28" s="315">
        <v>0</v>
      </c>
      <c r="BW28" s="315">
        <v>0</v>
      </c>
      <c r="BX28" s="315">
        <v>0</v>
      </c>
      <c r="BY28" s="312">
        <v>0</v>
      </c>
      <c r="BZ28" s="317">
        <v>0</v>
      </c>
      <c r="CA28" s="311">
        <v>0</v>
      </c>
      <c r="CB28" s="315">
        <v>0</v>
      </c>
      <c r="CC28" s="312">
        <v>0</v>
      </c>
      <c r="CD28" s="314">
        <v>0</v>
      </c>
      <c r="CE28" s="315">
        <v>0</v>
      </c>
      <c r="CF28" s="315">
        <v>0</v>
      </c>
      <c r="CG28" s="315">
        <v>0</v>
      </c>
      <c r="CH28" s="315">
        <v>0</v>
      </c>
      <c r="CI28" s="315">
        <v>0</v>
      </c>
      <c r="CJ28" s="312">
        <v>0</v>
      </c>
      <c r="CK28" s="317">
        <v>0</v>
      </c>
      <c r="CL28" s="311">
        <v>0</v>
      </c>
      <c r="CM28" s="315">
        <v>0</v>
      </c>
      <c r="CN28" s="312">
        <v>0</v>
      </c>
      <c r="CO28" s="314">
        <v>0</v>
      </c>
      <c r="CP28" s="315">
        <v>0</v>
      </c>
      <c r="CQ28" s="315">
        <v>0</v>
      </c>
      <c r="CR28" s="315">
        <v>0</v>
      </c>
      <c r="CS28" s="315">
        <v>0</v>
      </c>
      <c r="CT28" s="315">
        <v>0</v>
      </c>
      <c r="CU28" s="312">
        <v>0</v>
      </c>
      <c r="CV28" s="317">
        <v>0</v>
      </c>
    </row>
    <row r="29" spans="1:100" ht="21" customHeight="1" x14ac:dyDescent="0.2">
      <c r="A29" s="296" t="s">
        <v>27</v>
      </c>
      <c r="B29" s="311">
        <v>0</v>
      </c>
      <c r="C29" s="312">
        <v>0</v>
      </c>
      <c r="D29" s="313">
        <v>0</v>
      </c>
      <c r="E29" s="314">
        <v>0</v>
      </c>
      <c r="F29" s="315">
        <v>0</v>
      </c>
      <c r="G29" s="315">
        <v>1</v>
      </c>
      <c r="H29" s="315">
        <v>0</v>
      </c>
      <c r="I29" s="315">
        <v>0</v>
      </c>
      <c r="J29" s="315">
        <v>0</v>
      </c>
      <c r="K29" s="316">
        <v>1</v>
      </c>
      <c r="L29" s="317">
        <v>1</v>
      </c>
      <c r="M29" s="311">
        <v>0</v>
      </c>
      <c r="N29" s="315">
        <v>0</v>
      </c>
      <c r="O29" s="312">
        <v>0</v>
      </c>
      <c r="P29" s="314">
        <v>0</v>
      </c>
      <c r="Q29" s="315">
        <v>0</v>
      </c>
      <c r="R29" s="315">
        <v>0</v>
      </c>
      <c r="S29" s="315">
        <v>0</v>
      </c>
      <c r="T29" s="315">
        <v>0</v>
      </c>
      <c r="U29" s="315">
        <v>0</v>
      </c>
      <c r="V29" s="312">
        <v>0</v>
      </c>
      <c r="W29" s="317">
        <v>0</v>
      </c>
      <c r="X29" s="311">
        <v>0</v>
      </c>
      <c r="Y29" s="315">
        <v>0</v>
      </c>
      <c r="Z29" s="312">
        <v>0</v>
      </c>
      <c r="AA29" s="314">
        <v>0</v>
      </c>
      <c r="AB29" s="315">
        <v>3</v>
      </c>
      <c r="AC29" s="315">
        <v>1</v>
      </c>
      <c r="AD29" s="315">
        <v>0</v>
      </c>
      <c r="AE29" s="315">
        <v>0</v>
      </c>
      <c r="AF29" s="315">
        <v>0</v>
      </c>
      <c r="AG29" s="312">
        <v>4</v>
      </c>
      <c r="AH29" s="317">
        <v>4</v>
      </c>
      <c r="AI29" s="311">
        <v>0</v>
      </c>
      <c r="AJ29" s="315">
        <v>0</v>
      </c>
      <c r="AK29" s="312">
        <v>0</v>
      </c>
      <c r="AL29" s="314">
        <v>0</v>
      </c>
      <c r="AM29" s="315">
        <v>1</v>
      </c>
      <c r="AN29" s="315">
        <v>1</v>
      </c>
      <c r="AO29" s="315">
        <v>0</v>
      </c>
      <c r="AP29" s="315">
        <v>0</v>
      </c>
      <c r="AQ29" s="315">
        <v>0</v>
      </c>
      <c r="AR29" s="312">
        <v>2</v>
      </c>
      <c r="AS29" s="317">
        <v>2</v>
      </c>
      <c r="AT29" s="311">
        <v>0</v>
      </c>
      <c r="AU29" s="315">
        <v>0</v>
      </c>
      <c r="AV29" s="312">
        <v>0</v>
      </c>
      <c r="AW29" s="314">
        <v>0</v>
      </c>
      <c r="AX29" s="315">
        <v>0</v>
      </c>
      <c r="AY29" s="315">
        <v>0</v>
      </c>
      <c r="AZ29" s="315">
        <v>0</v>
      </c>
      <c r="BA29" s="315">
        <v>0</v>
      </c>
      <c r="BB29" s="315">
        <v>0</v>
      </c>
      <c r="BC29" s="312">
        <v>0</v>
      </c>
      <c r="BD29" s="317">
        <v>0</v>
      </c>
      <c r="BE29" s="311">
        <v>0</v>
      </c>
      <c r="BF29" s="315">
        <v>0</v>
      </c>
      <c r="BG29" s="312">
        <v>0</v>
      </c>
      <c r="BH29" s="314">
        <v>0</v>
      </c>
      <c r="BI29" s="315">
        <v>0</v>
      </c>
      <c r="BJ29" s="315">
        <v>2</v>
      </c>
      <c r="BK29" s="315">
        <v>1</v>
      </c>
      <c r="BL29" s="315">
        <v>0</v>
      </c>
      <c r="BM29" s="315">
        <v>1</v>
      </c>
      <c r="BN29" s="316">
        <v>4</v>
      </c>
      <c r="BO29" s="317">
        <v>4</v>
      </c>
      <c r="BP29" s="311">
        <v>0</v>
      </c>
      <c r="BQ29" s="315">
        <v>0</v>
      </c>
      <c r="BR29" s="312">
        <v>0</v>
      </c>
      <c r="BS29" s="314">
        <v>0</v>
      </c>
      <c r="BT29" s="315">
        <v>0</v>
      </c>
      <c r="BU29" s="315">
        <v>0</v>
      </c>
      <c r="BV29" s="315">
        <v>0</v>
      </c>
      <c r="BW29" s="315">
        <v>0</v>
      </c>
      <c r="BX29" s="315">
        <v>0</v>
      </c>
      <c r="BY29" s="312">
        <v>0</v>
      </c>
      <c r="BZ29" s="317">
        <v>0</v>
      </c>
      <c r="CA29" s="311">
        <v>0</v>
      </c>
      <c r="CB29" s="315">
        <v>0</v>
      </c>
      <c r="CC29" s="312">
        <v>0</v>
      </c>
      <c r="CD29" s="314">
        <v>0</v>
      </c>
      <c r="CE29" s="315">
        <v>0</v>
      </c>
      <c r="CF29" s="315">
        <v>0</v>
      </c>
      <c r="CG29" s="315">
        <v>2</v>
      </c>
      <c r="CH29" s="315">
        <v>2</v>
      </c>
      <c r="CI29" s="315">
        <v>0</v>
      </c>
      <c r="CJ29" s="312">
        <v>4</v>
      </c>
      <c r="CK29" s="317">
        <v>4</v>
      </c>
      <c r="CL29" s="311">
        <v>0</v>
      </c>
      <c r="CM29" s="315">
        <v>0</v>
      </c>
      <c r="CN29" s="312">
        <v>0</v>
      </c>
      <c r="CO29" s="314">
        <v>0</v>
      </c>
      <c r="CP29" s="315">
        <v>0</v>
      </c>
      <c r="CQ29" s="315">
        <v>0</v>
      </c>
      <c r="CR29" s="315">
        <v>0</v>
      </c>
      <c r="CS29" s="315">
        <v>0</v>
      </c>
      <c r="CT29" s="315">
        <v>0</v>
      </c>
      <c r="CU29" s="312">
        <v>0</v>
      </c>
      <c r="CV29" s="317">
        <v>0</v>
      </c>
    </row>
    <row r="30" spans="1:100" ht="21" customHeight="1" x14ac:dyDescent="0.2">
      <c r="A30" s="296" t="s">
        <v>28</v>
      </c>
      <c r="B30" s="311">
        <v>0</v>
      </c>
      <c r="C30" s="312">
        <v>0</v>
      </c>
      <c r="D30" s="313">
        <v>0</v>
      </c>
      <c r="E30" s="314">
        <v>0</v>
      </c>
      <c r="F30" s="315">
        <v>0</v>
      </c>
      <c r="G30" s="315">
        <v>0</v>
      </c>
      <c r="H30" s="315">
        <v>0</v>
      </c>
      <c r="I30" s="315">
        <v>0</v>
      </c>
      <c r="J30" s="315">
        <v>0</v>
      </c>
      <c r="K30" s="316">
        <v>0</v>
      </c>
      <c r="L30" s="317">
        <v>0</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3</v>
      </c>
      <c r="AC30" s="315">
        <v>3</v>
      </c>
      <c r="AD30" s="315">
        <v>0</v>
      </c>
      <c r="AE30" s="315">
        <v>0</v>
      </c>
      <c r="AF30" s="315">
        <v>1</v>
      </c>
      <c r="AG30" s="312">
        <v>7</v>
      </c>
      <c r="AH30" s="317">
        <v>7</v>
      </c>
      <c r="AI30" s="311">
        <v>0</v>
      </c>
      <c r="AJ30" s="315">
        <v>0</v>
      </c>
      <c r="AK30" s="312">
        <v>0</v>
      </c>
      <c r="AL30" s="314">
        <v>0</v>
      </c>
      <c r="AM30" s="315">
        <v>0</v>
      </c>
      <c r="AN30" s="315">
        <v>0</v>
      </c>
      <c r="AO30" s="315">
        <v>0</v>
      </c>
      <c r="AP30" s="315">
        <v>0</v>
      </c>
      <c r="AQ30" s="315">
        <v>1</v>
      </c>
      <c r="AR30" s="312">
        <v>1</v>
      </c>
      <c r="AS30" s="317">
        <v>1</v>
      </c>
      <c r="AT30" s="311">
        <v>0</v>
      </c>
      <c r="AU30" s="315">
        <v>0</v>
      </c>
      <c r="AV30" s="312">
        <v>0</v>
      </c>
      <c r="AW30" s="314">
        <v>0</v>
      </c>
      <c r="AX30" s="315">
        <v>0</v>
      </c>
      <c r="AY30" s="315">
        <v>0</v>
      </c>
      <c r="AZ30" s="315">
        <v>0</v>
      </c>
      <c r="BA30" s="315">
        <v>0</v>
      </c>
      <c r="BB30" s="315">
        <v>0</v>
      </c>
      <c r="BC30" s="312">
        <v>0</v>
      </c>
      <c r="BD30" s="317">
        <v>0</v>
      </c>
      <c r="BE30" s="311">
        <v>0</v>
      </c>
      <c r="BF30" s="315">
        <v>0</v>
      </c>
      <c r="BG30" s="312">
        <v>0</v>
      </c>
      <c r="BH30" s="314">
        <v>0</v>
      </c>
      <c r="BI30" s="315">
        <v>0</v>
      </c>
      <c r="BJ30" s="315">
        <v>0</v>
      </c>
      <c r="BK30" s="315">
        <v>0</v>
      </c>
      <c r="BL30" s="315">
        <v>0</v>
      </c>
      <c r="BM30" s="315">
        <v>1</v>
      </c>
      <c r="BN30" s="316">
        <v>1</v>
      </c>
      <c r="BO30" s="317">
        <v>1</v>
      </c>
      <c r="BP30" s="311">
        <v>0</v>
      </c>
      <c r="BQ30" s="315">
        <v>0</v>
      </c>
      <c r="BR30" s="312">
        <v>0</v>
      </c>
      <c r="BS30" s="314">
        <v>0</v>
      </c>
      <c r="BT30" s="315">
        <v>0</v>
      </c>
      <c r="BU30" s="315">
        <v>0</v>
      </c>
      <c r="BV30" s="315">
        <v>0</v>
      </c>
      <c r="BW30" s="315">
        <v>0</v>
      </c>
      <c r="BX30" s="315">
        <v>0</v>
      </c>
      <c r="BY30" s="312">
        <v>0</v>
      </c>
      <c r="BZ30" s="317">
        <v>0</v>
      </c>
      <c r="CA30" s="311">
        <v>0</v>
      </c>
      <c r="CB30" s="315">
        <v>0</v>
      </c>
      <c r="CC30" s="312">
        <v>0</v>
      </c>
      <c r="CD30" s="314">
        <v>0</v>
      </c>
      <c r="CE30" s="315">
        <v>0</v>
      </c>
      <c r="CF30" s="315">
        <v>0</v>
      </c>
      <c r="CG30" s="315">
        <v>0</v>
      </c>
      <c r="CH30" s="315">
        <v>0</v>
      </c>
      <c r="CI30" s="315">
        <v>0</v>
      </c>
      <c r="CJ30" s="312">
        <v>0</v>
      </c>
      <c r="CK30" s="317">
        <v>0</v>
      </c>
      <c r="CL30" s="311">
        <v>0</v>
      </c>
      <c r="CM30" s="315">
        <v>0</v>
      </c>
      <c r="CN30" s="312">
        <v>0</v>
      </c>
      <c r="CO30" s="314">
        <v>0</v>
      </c>
      <c r="CP30" s="315">
        <v>0</v>
      </c>
      <c r="CQ30" s="315">
        <v>0</v>
      </c>
      <c r="CR30" s="315">
        <v>0</v>
      </c>
      <c r="CS30" s="315">
        <v>0</v>
      </c>
      <c r="CT30" s="315">
        <v>0</v>
      </c>
      <c r="CU30" s="312">
        <v>0</v>
      </c>
      <c r="CV30" s="317">
        <v>0</v>
      </c>
    </row>
    <row r="31" spans="1:100" ht="21" customHeight="1" x14ac:dyDescent="0.2">
      <c r="A31" s="296" t="s">
        <v>29</v>
      </c>
      <c r="B31" s="311">
        <v>0</v>
      </c>
      <c r="C31" s="312">
        <v>0</v>
      </c>
      <c r="D31" s="313">
        <v>0</v>
      </c>
      <c r="E31" s="314">
        <v>0</v>
      </c>
      <c r="F31" s="315">
        <v>0</v>
      </c>
      <c r="G31" s="315">
        <v>0</v>
      </c>
      <c r="H31" s="315">
        <v>0</v>
      </c>
      <c r="I31" s="315">
        <v>0</v>
      </c>
      <c r="J31" s="315">
        <v>0</v>
      </c>
      <c r="K31" s="316">
        <v>0</v>
      </c>
      <c r="L31" s="317">
        <v>0</v>
      </c>
      <c r="M31" s="311">
        <v>0</v>
      </c>
      <c r="N31" s="315">
        <v>0</v>
      </c>
      <c r="O31" s="312">
        <v>0</v>
      </c>
      <c r="P31" s="314">
        <v>0</v>
      </c>
      <c r="Q31" s="315">
        <v>0</v>
      </c>
      <c r="R31" s="315">
        <v>0</v>
      </c>
      <c r="S31" s="315">
        <v>0</v>
      </c>
      <c r="T31" s="315">
        <v>0</v>
      </c>
      <c r="U31" s="315">
        <v>0</v>
      </c>
      <c r="V31" s="312">
        <v>0</v>
      </c>
      <c r="W31" s="317">
        <v>0</v>
      </c>
      <c r="X31" s="311">
        <v>0</v>
      </c>
      <c r="Y31" s="315">
        <v>0</v>
      </c>
      <c r="Z31" s="312">
        <v>0</v>
      </c>
      <c r="AA31" s="314">
        <v>0</v>
      </c>
      <c r="AB31" s="315">
        <v>2</v>
      </c>
      <c r="AC31" s="315">
        <v>0</v>
      </c>
      <c r="AD31" s="315">
        <v>0</v>
      </c>
      <c r="AE31" s="315">
        <v>1</v>
      </c>
      <c r="AF31" s="315">
        <v>0</v>
      </c>
      <c r="AG31" s="312">
        <v>3</v>
      </c>
      <c r="AH31" s="317">
        <v>3</v>
      </c>
      <c r="AI31" s="311">
        <v>0</v>
      </c>
      <c r="AJ31" s="315">
        <v>0</v>
      </c>
      <c r="AK31" s="312">
        <v>0</v>
      </c>
      <c r="AL31" s="314">
        <v>0</v>
      </c>
      <c r="AM31" s="315">
        <v>0</v>
      </c>
      <c r="AN31" s="315">
        <v>0</v>
      </c>
      <c r="AO31" s="315">
        <v>0</v>
      </c>
      <c r="AP31" s="315">
        <v>0</v>
      </c>
      <c r="AQ31" s="315">
        <v>0</v>
      </c>
      <c r="AR31" s="312">
        <v>0</v>
      </c>
      <c r="AS31" s="317">
        <v>0</v>
      </c>
      <c r="AT31" s="311">
        <v>0</v>
      </c>
      <c r="AU31" s="315">
        <v>0</v>
      </c>
      <c r="AV31" s="312">
        <v>0</v>
      </c>
      <c r="AW31" s="314">
        <v>0</v>
      </c>
      <c r="AX31" s="315">
        <v>0</v>
      </c>
      <c r="AY31" s="315">
        <v>0</v>
      </c>
      <c r="AZ31" s="315">
        <v>0</v>
      </c>
      <c r="BA31" s="315">
        <v>0</v>
      </c>
      <c r="BB31" s="315">
        <v>0</v>
      </c>
      <c r="BC31" s="312">
        <v>0</v>
      </c>
      <c r="BD31" s="317">
        <v>0</v>
      </c>
      <c r="BE31" s="311">
        <v>0</v>
      </c>
      <c r="BF31" s="315">
        <v>0</v>
      </c>
      <c r="BG31" s="312">
        <v>0</v>
      </c>
      <c r="BH31" s="314">
        <v>0</v>
      </c>
      <c r="BI31" s="315">
        <v>0</v>
      </c>
      <c r="BJ31" s="315">
        <v>0</v>
      </c>
      <c r="BK31" s="315">
        <v>0</v>
      </c>
      <c r="BL31" s="315">
        <v>0</v>
      </c>
      <c r="BM31" s="315">
        <v>0</v>
      </c>
      <c r="BN31" s="316">
        <v>0</v>
      </c>
      <c r="BO31" s="317">
        <v>0</v>
      </c>
      <c r="BP31" s="311">
        <v>0</v>
      </c>
      <c r="BQ31" s="315">
        <v>0</v>
      </c>
      <c r="BR31" s="312">
        <v>0</v>
      </c>
      <c r="BS31" s="314">
        <v>0</v>
      </c>
      <c r="BT31" s="315">
        <v>0</v>
      </c>
      <c r="BU31" s="315">
        <v>0</v>
      </c>
      <c r="BV31" s="315">
        <v>0</v>
      </c>
      <c r="BW31" s="315">
        <v>0</v>
      </c>
      <c r="BX31" s="315">
        <v>0</v>
      </c>
      <c r="BY31" s="312">
        <v>0</v>
      </c>
      <c r="BZ31" s="317">
        <v>0</v>
      </c>
      <c r="CA31" s="311">
        <v>0</v>
      </c>
      <c r="CB31" s="315">
        <v>0</v>
      </c>
      <c r="CC31" s="312">
        <v>0</v>
      </c>
      <c r="CD31" s="314">
        <v>0</v>
      </c>
      <c r="CE31" s="315">
        <v>0</v>
      </c>
      <c r="CF31" s="315">
        <v>0</v>
      </c>
      <c r="CG31" s="315">
        <v>0</v>
      </c>
      <c r="CH31" s="315">
        <v>0</v>
      </c>
      <c r="CI31" s="315">
        <v>1</v>
      </c>
      <c r="CJ31" s="312">
        <v>1</v>
      </c>
      <c r="CK31" s="317">
        <v>1</v>
      </c>
      <c r="CL31" s="311">
        <v>0</v>
      </c>
      <c r="CM31" s="315">
        <v>0</v>
      </c>
      <c r="CN31" s="312">
        <v>0</v>
      </c>
      <c r="CO31" s="314">
        <v>0</v>
      </c>
      <c r="CP31" s="315">
        <v>0</v>
      </c>
      <c r="CQ31" s="315">
        <v>0</v>
      </c>
      <c r="CR31" s="315">
        <v>0</v>
      </c>
      <c r="CS31" s="315">
        <v>0</v>
      </c>
      <c r="CT31" s="315">
        <v>0</v>
      </c>
      <c r="CU31" s="312">
        <v>0</v>
      </c>
      <c r="CV31" s="317">
        <v>0</v>
      </c>
    </row>
    <row r="32" spans="1:100" ht="21" customHeight="1" x14ac:dyDescent="0.2">
      <c r="A32" s="296" t="s">
        <v>30</v>
      </c>
      <c r="B32" s="311">
        <v>0</v>
      </c>
      <c r="C32" s="312">
        <v>0</v>
      </c>
      <c r="D32" s="313">
        <v>0</v>
      </c>
      <c r="E32" s="314">
        <v>0</v>
      </c>
      <c r="F32" s="315">
        <v>0</v>
      </c>
      <c r="G32" s="315">
        <v>0</v>
      </c>
      <c r="H32" s="315">
        <v>0</v>
      </c>
      <c r="I32" s="315">
        <v>0</v>
      </c>
      <c r="J32" s="315">
        <v>0</v>
      </c>
      <c r="K32" s="316">
        <v>0</v>
      </c>
      <c r="L32" s="317">
        <v>0</v>
      </c>
      <c r="M32" s="311">
        <v>0</v>
      </c>
      <c r="N32" s="315">
        <v>0</v>
      </c>
      <c r="O32" s="312">
        <v>0</v>
      </c>
      <c r="P32" s="314">
        <v>0</v>
      </c>
      <c r="Q32" s="315">
        <v>0</v>
      </c>
      <c r="R32" s="315">
        <v>0</v>
      </c>
      <c r="S32" s="315">
        <v>0</v>
      </c>
      <c r="T32" s="315">
        <v>0</v>
      </c>
      <c r="U32" s="315">
        <v>0</v>
      </c>
      <c r="V32" s="312">
        <v>0</v>
      </c>
      <c r="W32" s="317">
        <v>0</v>
      </c>
      <c r="X32" s="311">
        <v>0</v>
      </c>
      <c r="Y32" s="315">
        <v>0</v>
      </c>
      <c r="Z32" s="312">
        <v>0</v>
      </c>
      <c r="AA32" s="314">
        <v>0</v>
      </c>
      <c r="AB32" s="315">
        <v>0</v>
      </c>
      <c r="AC32" s="315">
        <v>1</v>
      </c>
      <c r="AD32" s="315">
        <v>0</v>
      </c>
      <c r="AE32" s="315">
        <v>0</v>
      </c>
      <c r="AF32" s="315">
        <v>0</v>
      </c>
      <c r="AG32" s="312">
        <v>1</v>
      </c>
      <c r="AH32" s="317">
        <v>1</v>
      </c>
      <c r="AI32" s="311">
        <v>1</v>
      </c>
      <c r="AJ32" s="315">
        <v>0</v>
      </c>
      <c r="AK32" s="312">
        <v>1</v>
      </c>
      <c r="AL32" s="314">
        <v>0</v>
      </c>
      <c r="AM32" s="315">
        <v>0</v>
      </c>
      <c r="AN32" s="315">
        <v>0</v>
      </c>
      <c r="AO32" s="315">
        <v>0</v>
      </c>
      <c r="AP32" s="315">
        <v>0</v>
      </c>
      <c r="AQ32" s="315">
        <v>0</v>
      </c>
      <c r="AR32" s="312">
        <v>0</v>
      </c>
      <c r="AS32" s="317">
        <v>1</v>
      </c>
      <c r="AT32" s="311">
        <v>0</v>
      </c>
      <c r="AU32" s="315">
        <v>0</v>
      </c>
      <c r="AV32" s="312">
        <v>0</v>
      </c>
      <c r="AW32" s="314">
        <v>0</v>
      </c>
      <c r="AX32" s="315">
        <v>0</v>
      </c>
      <c r="AY32" s="315">
        <v>0</v>
      </c>
      <c r="AZ32" s="315">
        <v>0</v>
      </c>
      <c r="BA32" s="315">
        <v>0</v>
      </c>
      <c r="BB32" s="315">
        <v>0</v>
      </c>
      <c r="BC32" s="312">
        <v>0</v>
      </c>
      <c r="BD32" s="317">
        <v>0</v>
      </c>
      <c r="BE32" s="311">
        <v>0</v>
      </c>
      <c r="BF32" s="315">
        <v>0</v>
      </c>
      <c r="BG32" s="312">
        <v>0</v>
      </c>
      <c r="BH32" s="314">
        <v>0</v>
      </c>
      <c r="BI32" s="315">
        <v>0</v>
      </c>
      <c r="BJ32" s="315">
        <v>1</v>
      </c>
      <c r="BK32" s="315">
        <v>1</v>
      </c>
      <c r="BL32" s="315">
        <v>0</v>
      </c>
      <c r="BM32" s="315">
        <v>0</v>
      </c>
      <c r="BN32" s="316">
        <v>2</v>
      </c>
      <c r="BO32" s="317">
        <v>2</v>
      </c>
      <c r="BP32" s="311">
        <v>0</v>
      </c>
      <c r="BQ32" s="315">
        <v>0</v>
      </c>
      <c r="BR32" s="312">
        <v>0</v>
      </c>
      <c r="BS32" s="314">
        <v>0</v>
      </c>
      <c r="BT32" s="315">
        <v>0</v>
      </c>
      <c r="BU32" s="315">
        <v>0</v>
      </c>
      <c r="BV32" s="315">
        <v>0</v>
      </c>
      <c r="BW32" s="315">
        <v>0</v>
      </c>
      <c r="BX32" s="315">
        <v>0</v>
      </c>
      <c r="BY32" s="312">
        <v>0</v>
      </c>
      <c r="BZ32" s="317">
        <v>0</v>
      </c>
      <c r="CA32" s="311">
        <v>0</v>
      </c>
      <c r="CB32" s="315">
        <v>0</v>
      </c>
      <c r="CC32" s="312">
        <v>0</v>
      </c>
      <c r="CD32" s="314">
        <v>0</v>
      </c>
      <c r="CE32" s="315">
        <v>0</v>
      </c>
      <c r="CF32" s="315">
        <v>0</v>
      </c>
      <c r="CG32" s="315">
        <v>0</v>
      </c>
      <c r="CH32" s="315">
        <v>0</v>
      </c>
      <c r="CI32" s="315">
        <v>0</v>
      </c>
      <c r="CJ32" s="312">
        <v>0</v>
      </c>
      <c r="CK32" s="317">
        <v>0</v>
      </c>
      <c r="CL32" s="311">
        <v>0</v>
      </c>
      <c r="CM32" s="315">
        <v>0</v>
      </c>
      <c r="CN32" s="312">
        <v>0</v>
      </c>
      <c r="CO32" s="314">
        <v>0</v>
      </c>
      <c r="CP32" s="315">
        <v>0</v>
      </c>
      <c r="CQ32" s="315">
        <v>0</v>
      </c>
      <c r="CR32" s="315">
        <v>0</v>
      </c>
      <c r="CS32" s="315">
        <v>0</v>
      </c>
      <c r="CT32" s="315">
        <v>0</v>
      </c>
      <c r="CU32" s="312">
        <v>0</v>
      </c>
      <c r="CV32" s="317">
        <v>0</v>
      </c>
    </row>
    <row r="33" spans="1:100" ht="21" customHeight="1" x14ac:dyDescent="0.2">
      <c r="A33" s="296" t="s">
        <v>31</v>
      </c>
      <c r="B33" s="311">
        <v>0</v>
      </c>
      <c r="C33" s="312">
        <v>0</v>
      </c>
      <c r="D33" s="313">
        <v>0</v>
      </c>
      <c r="E33" s="314">
        <v>0</v>
      </c>
      <c r="F33" s="315">
        <v>0</v>
      </c>
      <c r="G33" s="315">
        <v>0</v>
      </c>
      <c r="H33" s="315">
        <v>0</v>
      </c>
      <c r="I33" s="315">
        <v>0</v>
      </c>
      <c r="J33" s="315">
        <v>0</v>
      </c>
      <c r="K33" s="316">
        <v>0</v>
      </c>
      <c r="L33" s="317">
        <v>0</v>
      </c>
      <c r="M33" s="311">
        <v>0</v>
      </c>
      <c r="N33" s="315">
        <v>0</v>
      </c>
      <c r="O33" s="312">
        <v>0</v>
      </c>
      <c r="P33" s="314">
        <v>0</v>
      </c>
      <c r="Q33" s="315">
        <v>0</v>
      </c>
      <c r="R33" s="315">
        <v>0</v>
      </c>
      <c r="S33" s="315">
        <v>0</v>
      </c>
      <c r="T33" s="315">
        <v>0</v>
      </c>
      <c r="U33" s="315">
        <v>0</v>
      </c>
      <c r="V33" s="312">
        <v>0</v>
      </c>
      <c r="W33" s="317">
        <v>0</v>
      </c>
      <c r="X33" s="311">
        <v>0</v>
      </c>
      <c r="Y33" s="315">
        <v>0</v>
      </c>
      <c r="Z33" s="312">
        <v>0</v>
      </c>
      <c r="AA33" s="314">
        <v>0</v>
      </c>
      <c r="AB33" s="315">
        <v>1</v>
      </c>
      <c r="AC33" s="315">
        <v>1</v>
      </c>
      <c r="AD33" s="315">
        <v>0</v>
      </c>
      <c r="AE33" s="315">
        <v>0</v>
      </c>
      <c r="AF33" s="315">
        <v>0</v>
      </c>
      <c r="AG33" s="312">
        <v>2</v>
      </c>
      <c r="AH33" s="317">
        <v>2</v>
      </c>
      <c r="AI33" s="311">
        <v>0</v>
      </c>
      <c r="AJ33" s="315">
        <v>0</v>
      </c>
      <c r="AK33" s="312">
        <v>0</v>
      </c>
      <c r="AL33" s="314">
        <v>0</v>
      </c>
      <c r="AM33" s="315">
        <v>0</v>
      </c>
      <c r="AN33" s="315">
        <v>0</v>
      </c>
      <c r="AO33" s="315">
        <v>1</v>
      </c>
      <c r="AP33" s="315">
        <v>0</v>
      </c>
      <c r="AQ33" s="315">
        <v>0</v>
      </c>
      <c r="AR33" s="312">
        <v>1</v>
      </c>
      <c r="AS33" s="317">
        <v>1</v>
      </c>
      <c r="AT33" s="311">
        <v>0</v>
      </c>
      <c r="AU33" s="315">
        <v>0</v>
      </c>
      <c r="AV33" s="312">
        <v>0</v>
      </c>
      <c r="AW33" s="314">
        <v>0</v>
      </c>
      <c r="AX33" s="315">
        <v>0</v>
      </c>
      <c r="AY33" s="315">
        <v>1</v>
      </c>
      <c r="AZ33" s="315">
        <v>0</v>
      </c>
      <c r="BA33" s="315">
        <v>0</v>
      </c>
      <c r="BB33" s="315">
        <v>0</v>
      </c>
      <c r="BC33" s="312">
        <v>1</v>
      </c>
      <c r="BD33" s="317">
        <v>1</v>
      </c>
      <c r="BE33" s="311">
        <v>0</v>
      </c>
      <c r="BF33" s="315">
        <v>0</v>
      </c>
      <c r="BG33" s="312">
        <v>0</v>
      </c>
      <c r="BH33" s="314">
        <v>0</v>
      </c>
      <c r="BI33" s="315">
        <v>0</v>
      </c>
      <c r="BJ33" s="315">
        <v>2</v>
      </c>
      <c r="BK33" s="315">
        <v>0</v>
      </c>
      <c r="BL33" s="315">
        <v>1</v>
      </c>
      <c r="BM33" s="315">
        <v>0</v>
      </c>
      <c r="BN33" s="316">
        <v>3</v>
      </c>
      <c r="BO33" s="317">
        <v>3</v>
      </c>
      <c r="BP33" s="311">
        <v>0</v>
      </c>
      <c r="BQ33" s="315">
        <v>0</v>
      </c>
      <c r="BR33" s="312">
        <v>0</v>
      </c>
      <c r="BS33" s="314">
        <v>0</v>
      </c>
      <c r="BT33" s="315">
        <v>0</v>
      </c>
      <c r="BU33" s="315">
        <v>0</v>
      </c>
      <c r="BV33" s="315">
        <v>0</v>
      </c>
      <c r="BW33" s="315">
        <v>0</v>
      </c>
      <c r="BX33" s="315">
        <v>0</v>
      </c>
      <c r="BY33" s="312">
        <v>0</v>
      </c>
      <c r="BZ33" s="317">
        <v>0</v>
      </c>
      <c r="CA33" s="311">
        <v>0</v>
      </c>
      <c r="CB33" s="315">
        <v>0</v>
      </c>
      <c r="CC33" s="312">
        <v>0</v>
      </c>
      <c r="CD33" s="314">
        <v>0</v>
      </c>
      <c r="CE33" s="315">
        <v>0</v>
      </c>
      <c r="CF33" s="315">
        <v>0</v>
      </c>
      <c r="CG33" s="315">
        <v>0</v>
      </c>
      <c r="CH33" s="315">
        <v>0</v>
      </c>
      <c r="CI33" s="315">
        <v>0</v>
      </c>
      <c r="CJ33" s="312">
        <v>0</v>
      </c>
      <c r="CK33" s="317">
        <v>0</v>
      </c>
      <c r="CL33" s="311">
        <v>0</v>
      </c>
      <c r="CM33" s="315">
        <v>0</v>
      </c>
      <c r="CN33" s="312">
        <v>0</v>
      </c>
      <c r="CO33" s="314">
        <v>0</v>
      </c>
      <c r="CP33" s="315">
        <v>0</v>
      </c>
      <c r="CQ33" s="315">
        <v>0</v>
      </c>
      <c r="CR33" s="315">
        <v>0</v>
      </c>
      <c r="CS33" s="315">
        <v>0</v>
      </c>
      <c r="CT33" s="315">
        <v>0</v>
      </c>
      <c r="CU33" s="312">
        <v>0</v>
      </c>
      <c r="CV33" s="317">
        <v>0</v>
      </c>
    </row>
    <row r="34" spans="1:100" ht="21" customHeight="1" x14ac:dyDescent="0.2">
      <c r="A34" s="296" t="s">
        <v>32</v>
      </c>
      <c r="B34" s="311">
        <v>0</v>
      </c>
      <c r="C34" s="312">
        <v>0</v>
      </c>
      <c r="D34" s="313">
        <v>0</v>
      </c>
      <c r="E34" s="314">
        <v>0</v>
      </c>
      <c r="F34" s="315">
        <v>0</v>
      </c>
      <c r="G34" s="315">
        <v>1</v>
      </c>
      <c r="H34" s="315">
        <v>0</v>
      </c>
      <c r="I34" s="315">
        <v>0</v>
      </c>
      <c r="J34" s="315">
        <v>0</v>
      </c>
      <c r="K34" s="316">
        <v>1</v>
      </c>
      <c r="L34" s="317">
        <v>1</v>
      </c>
      <c r="M34" s="311">
        <v>0</v>
      </c>
      <c r="N34" s="315">
        <v>0</v>
      </c>
      <c r="O34" s="312">
        <v>0</v>
      </c>
      <c r="P34" s="314">
        <v>0</v>
      </c>
      <c r="Q34" s="315">
        <v>0</v>
      </c>
      <c r="R34" s="315">
        <v>0</v>
      </c>
      <c r="S34" s="315">
        <v>0</v>
      </c>
      <c r="T34" s="315">
        <v>0</v>
      </c>
      <c r="U34" s="315">
        <v>0</v>
      </c>
      <c r="V34" s="312">
        <v>0</v>
      </c>
      <c r="W34" s="317">
        <v>0</v>
      </c>
      <c r="X34" s="311">
        <v>0</v>
      </c>
      <c r="Y34" s="315">
        <v>0</v>
      </c>
      <c r="Z34" s="312">
        <v>0</v>
      </c>
      <c r="AA34" s="314">
        <v>0</v>
      </c>
      <c r="AB34" s="315">
        <v>3</v>
      </c>
      <c r="AC34" s="315">
        <v>1</v>
      </c>
      <c r="AD34" s="315">
        <v>1</v>
      </c>
      <c r="AE34" s="315">
        <v>1</v>
      </c>
      <c r="AF34" s="315">
        <v>0</v>
      </c>
      <c r="AG34" s="312">
        <v>6</v>
      </c>
      <c r="AH34" s="317">
        <v>6</v>
      </c>
      <c r="AI34" s="311">
        <v>0</v>
      </c>
      <c r="AJ34" s="315">
        <v>0</v>
      </c>
      <c r="AK34" s="312">
        <v>0</v>
      </c>
      <c r="AL34" s="314">
        <v>0</v>
      </c>
      <c r="AM34" s="315">
        <v>1</v>
      </c>
      <c r="AN34" s="315">
        <v>0</v>
      </c>
      <c r="AO34" s="315">
        <v>0</v>
      </c>
      <c r="AP34" s="315">
        <v>0</v>
      </c>
      <c r="AQ34" s="315">
        <v>0</v>
      </c>
      <c r="AR34" s="312">
        <v>1</v>
      </c>
      <c r="AS34" s="317">
        <v>1</v>
      </c>
      <c r="AT34" s="311">
        <v>0</v>
      </c>
      <c r="AU34" s="315">
        <v>0</v>
      </c>
      <c r="AV34" s="312">
        <v>0</v>
      </c>
      <c r="AW34" s="314">
        <v>0</v>
      </c>
      <c r="AX34" s="315">
        <v>0</v>
      </c>
      <c r="AY34" s="315">
        <v>0</v>
      </c>
      <c r="AZ34" s="315">
        <v>0</v>
      </c>
      <c r="BA34" s="315">
        <v>0</v>
      </c>
      <c r="BB34" s="315">
        <v>0</v>
      </c>
      <c r="BC34" s="312">
        <v>0</v>
      </c>
      <c r="BD34" s="317">
        <v>0</v>
      </c>
      <c r="BE34" s="311">
        <v>0</v>
      </c>
      <c r="BF34" s="315">
        <v>0</v>
      </c>
      <c r="BG34" s="312">
        <v>0</v>
      </c>
      <c r="BH34" s="314">
        <v>0</v>
      </c>
      <c r="BI34" s="315">
        <v>0</v>
      </c>
      <c r="BJ34" s="315">
        <v>1</v>
      </c>
      <c r="BK34" s="315">
        <v>1</v>
      </c>
      <c r="BL34" s="315">
        <v>0</v>
      </c>
      <c r="BM34" s="315">
        <v>0</v>
      </c>
      <c r="BN34" s="316">
        <v>2</v>
      </c>
      <c r="BO34" s="317">
        <v>2</v>
      </c>
      <c r="BP34" s="311">
        <v>0</v>
      </c>
      <c r="BQ34" s="315">
        <v>0</v>
      </c>
      <c r="BR34" s="312">
        <v>0</v>
      </c>
      <c r="BS34" s="314">
        <v>0</v>
      </c>
      <c r="BT34" s="315">
        <v>0</v>
      </c>
      <c r="BU34" s="315">
        <v>0</v>
      </c>
      <c r="BV34" s="315">
        <v>0</v>
      </c>
      <c r="BW34" s="315">
        <v>0</v>
      </c>
      <c r="BX34" s="315">
        <v>0</v>
      </c>
      <c r="BY34" s="312">
        <v>0</v>
      </c>
      <c r="BZ34" s="317">
        <v>0</v>
      </c>
      <c r="CA34" s="311">
        <v>0</v>
      </c>
      <c r="CB34" s="315">
        <v>0</v>
      </c>
      <c r="CC34" s="312">
        <v>0</v>
      </c>
      <c r="CD34" s="314">
        <v>0</v>
      </c>
      <c r="CE34" s="315">
        <v>0</v>
      </c>
      <c r="CF34" s="315">
        <v>0</v>
      </c>
      <c r="CG34" s="315">
        <v>1</v>
      </c>
      <c r="CH34" s="315">
        <v>0</v>
      </c>
      <c r="CI34" s="315">
        <v>0</v>
      </c>
      <c r="CJ34" s="312">
        <v>1</v>
      </c>
      <c r="CK34" s="317">
        <v>1</v>
      </c>
      <c r="CL34" s="311">
        <v>0</v>
      </c>
      <c r="CM34" s="315">
        <v>0</v>
      </c>
      <c r="CN34" s="312">
        <v>0</v>
      </c>
      <c r="CO34" s="314">
        <v>0</v>
      </c>
      <c r="CP34" s="315">
        <v>0</v>
      </c>
      <c r="CQ34" s="315">
        <v>0</v>
      </c>
      <c r="CR34" s="315">
        <v>0</v>
      </c>
      <c r="CS34" s="315">
        <v>0</v>
      </c>
      <c r="CT34" s="315">
        <v>0</v>
      </c>
      <c r="CU34" s="312">
        <v>0</v>
      </c>
      <c r="CV34" s="317">
        <v>0</v>
      </c>
    </row>
    <row r="35" spans="1:100" ht="21" customHeight="1" x14ac:dyDescent="0.2">
      <c r="A35" s="296" t="s">
        <v>33</v>
      </c>
      <c r="B35" s="311">
        <v>0</v>
      </c>
      <c r="C35" s="312">
        <v>0</v>
      </c>
      <c r="D35" s="313">
        <v>0</v>
      </c>
      <c r="E35" s="314">
        <v>0</v>
      </c>
      <c r="F35" s="315">
        <v>0</v>
      </c>
      <c r="G35" s="315">
        <v>0</v>
      </c>
      <c r="H35" s="315">
        <v>0</v>
      </c>
      <c r="I35" s="315">
        <v>0</v>
      </c>
      <c r="J35" s="315">
        <v>0</v>
      </c>
      <c r="K35" s="316">
        <v>0</v>
      </c>
      <c r="L35" s="317">
        <v>0</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2</v>
      </c>
      <c r="AC35" s="315">
        <v>0</v>
      </c>
      <c r="AD35" s="315">
        <v>0</v>
      </c>
      <c r="AE35" s="315">
        <v>0</v>
      </c>
      <c r="AF35" s="315">
        <v>0</v>
      </c>
      <c r="AG35" s="312">
        <v>2</v>
      </c>
      <c r="AH35" s="317">
        <v>2</v>
      </c>
      <c r="AI35" s="311">
        <v>0</v>
      </c>
      <c r="AJ35" s="315">
        <v>0</v>
      </c>
      <c r="AK35" s="312">
        <v>0</v>
      </c>
      <c r="AL35" s="314">
        <v>0</v>
      </c>
      <c r="AM35" s="315">
        <v>0</v>
      </c>
      <c r="AN35" s="315">
        <v>0</v>
      </c>
      <c r="AO35" s="315">
        <v>0</v>
      </c>
      <c r="AP35" s="315">
        <v>0</v>
      </c>
      <c r="AQ35" s="315">
        <v>0</v>
      </c>
      <c r="AR35" s="312">
        <v>0</v>
      </c>
      <c r="AS35" s="317">
        <v>0</v>
      </c>
      <c r="AT35" s="311">
        <v>0</v>
      </c>
      <c r="AU35" s="315">
        <v>0</v>
      </c>
      <c r="AV35" s="312">
        <v>0</v>
      </c>
      <c r="AW35" s="314">
        <v>0</v>
      </c>
      <c r="AX35" s="315">
        <v>0</v>
      </c>
      <c r="AY35" s="315">
        <v>0</v>
      </c>
      <c r="AZ35" s="315">
        <v>0</v>
      </c>
      <c r="BA35" s="315">
        <v>0</v>
      </c>
      <c r="BB35" s="315">
        <v>0</v>
      </c>
      <c r="BC35" s="312">
        <v>0</v>
      </c>
      <c r="BD35" s="317">
        <v>0</v>
      </c>
      <c r="BE35" s="311">
        <v>0</v>
      </c>
      <c r="BF35" s="315">
        <v>0</v>
      </c>
      <c r="BG35" s="312">
        <v>0</v>
      </c>
      <c r="BH35" s="314">
        <v>0</v>
      </c>
      <c r="BI35" s="315">
        <v>0</v>
      </c>
      <c r="BJ35" s="315">
        <v>1</v>
      </c>
      <c r="BK35" s="315">
        <v>1</v>
      </c>
      <c r="BL35" s="315">
        <v>0</v>
      </c>
      <c r="BM35" s="315">
        <v>0</v>
      </c>
      <c r="BN35" s="316">
        <v>2</v>
      </c>
      <c r="BO35" s="317">
        <v>2</v>
      </c>
      <c r="BP35" s="311">
        <v>0</v>
      </c>
      <c r="BQ35" s="315">
        <v>0</v>
      </c>
      <c r="BR35" s="312">
        <v>0</v>
      </c>
      <c r="BS35" s="314">
        <v>0</v>
      </c>
      <c r="BT35" s="315">
        <v>0</v>
      </c>
      <c r="BU35" s="315">
        <v>0</v>
      </c>
      <c r="BV35" s="315">
        <v>0</v>
      </c>
      <c r="BW35" s="315">
        <v>0</v>
      </c>
      <c r="BX35" s="315">
        <v>0</v>
      </c>
      <c r="BY35" s="312">
        <v>0</v>
      </c>
      <c r="BZ35" s="317">
        <v>0</v>
      </c>
      <c r="CA35" s="311">
        <v>0</v>
      </c>
      <c r="CB35" s="315">
        <v>0</v>
      </c>
      <c r="CC35" s="312">
        <v>0</v>
      </c>
      <c r="CD35" s="314">
        <v>0</v>
      </c>
      <c r="CE35" s="315">
        <v>0</v>
      </c>
      <c r="CF35" s="315">
        <v>0</v>
      </c>
      <c r="CG35" s="315">
        <v>0</v>
      </c>
      <c r="CH35" s="315">
        <v>0</v>
      </c>
      <c r="CI35" s="315">
        <v>0</v>
      </c>
      <c r="CJ35" s="312">
        <v>0</v>
      </c>
      <c r="CK35" s="317">
        <v>0</v>
      </c>
      <c r="CL35" s="311">
        <v>0</v>
      </c>
      <c r="CM35" s="315">
        <v>0</v>
      </c>
      <c r="CN35" s="312">
        <v>0</v>
      </c>
      <c r="CO35" s="314">
        <v>0</v>
      </c>
      <c r="CP35" s="315">
        <v>1</v>
      </c>
      <c r="CQ35" s="315">
        <v>1</v>
      </c>
      <c r="CR35" s="315">
        <v>0</v>
      </c>
      <c r="CS35" s="315">
        <v>0</v>
      </c>
      <c r="CT35" s="315">
        <v>0</v>
      </c>
      <c r="CU35" s="312">
        <v>2</v>
      </c>
      <c r="CV35" s="317">
        <v>2</v>
      </c>
    </row>
    <row r="36" spans="1:100" ht="21" customHeight="1" x14ac:dyDescent="0.2">
      <c r="A36" s="296" t="s">
        <v>34</v>
      </c>
      <c r="B36" s="311">
        <v>0</v>
      </c>
      <c r="C36" s="312">
        <v>0</v>
      </c>
      <c r="D36" s="313">
        <v>0</v>
      </c>
      <c r="E36" s="314">
        <v>0</v>
      </c>
      <c r="F36" s="315">
        <v>0</v>
      </c>
      <c r="G36" s="315">
        <v>0</v>
      </c>
      <c r="H36" s="315">
        <v>0</v>
      </c>
      <c r="I36" s="315">
        <v>0</v>
      </c>
      <c r="J36" s="315">
        <v>0</v>
      </c>
      <c r="K36" s="316">
        <v>0</v>
      </c>
      <c r="L36" s="317">
        <v>0</v>
      </c>
      <c r="M36" s="311">
        <v>0</v>
      </c>
      <c r="N36" s="315">
        <v>0</v>
      </c>
      <c r="O36" s="312">
        <v>0</v>
      </c>
      <c r="P36" s="314">
        <v>0</v>
      </c>
      <c r="Q36" s="315">
        <v>0</v>
      </c>
      <c r="R36" s="315">
        <v>0</v>
      </c>
      <c r="S36" s="315">
        <v>0</v>
      </c>
      <c r="T36" s="315">
        <v>0</v>
      </c>
      <c r="U36" s="315">
        <v>0</v>
      </c>
      <c r="V36" s="312">
        <v>0</v>
      </c>
      <c r="W36" s="317">
        <v>0</v>
      </c>
      <c r="X36" s="311">
        <v>0</v>
      </c>
      <c r="Y36" s="315">
        <v>0</v>
      </c>
      <c r="Z36" s="312">
        <v>0</v>
      </c>
      <c r="AA36" s="314">
        <v>0</v>
      </c>
      <c r="AB36" s="315">
        <v>3</v>
      </c>
      <c r="AC36" s="315">
        <v>0</v>
      </c>
      <c r="AD36" s="315">
        <v>0</v>
      </c>
      <c r="AE36" s="315">
        <v>0</v>
      </c>
      <c r="AF36" s="315">
        <v>0</v>
      </c>
      <c r="AG36" s="312">
        <v>3</v>
      </c>
      <c r="AH36" s="317">
        <v>3</v>
      </c>
      <c r="AI36" s="311">
        <v>0</v>
      </c>
      <c r="AJ36" s="315">
        <v>0</v>
      </c>
      <c r="AK36" s="312">
        <v>0</v>
      </c>
      <c r="AL36" s="314">
        <v>0</v>
      </c>
      <c r="AM36" s="315">
        <v>0</v>
      </c>
      <c r="AN36" s="315">
        <v>0</v>
      </c>
      <c r="AO36" s="315">
        <v>0</v>
      </c>
      <c r="AP36" s="315">
        <v>0</v>
      </c>
      <c r="AQ36" s="315">
        <v>0</v>
      </c>
      <c r="AR36" s="312">
        <v>0</v>
      </c>
      <c r="AS36" s="317">
        <v>0</v>
      </c>
      <c r="AT36" s="311">
        <v>0</v>
      </c>
      <c r="AU36" s="315">
        <v>0</v>
      </c>
      <c r="AV36" s="312">
        <v>0</v>
      </c>
      <c r="AW36" s="314">
        <v>0</v>
      </c>
      <c r="AX36" s="315">
        <v>1</v>
      </c>
      <c r="AY36" s="315">
        <v>0</v>
      </c>
      <c r="AZ36" s="315">
        <v>0</v>
      </c>
      <c r="BA36" s="315">
        <v>0</v>
      </c>
      <c r="BB36" s="315">
        <v>0</v>
      </c>
      <c r="BC36" s="312">
        <v>1</v>
      </c>
      <c r="BD36" s="317">
        <v>1</v>
      </c>
      <c r="BE36" s="311">
        <v>0</v>
      </c>
      <c r="BF36" s="315">
        <v>0</v>
      </c>
      <c r="BG36" s="312">
        <v>0</v>
      </c>
      <c r="BH36" s="314">
        <v>0</v>
      </c>
      <c r="BI36" s="315">
        <v>0</v>
      </c>
      <c r="BJ36" s="315">
        <v>0</v>
      </c>
      <c r="BK36" s="315">
        <v>0</v>
      </c>
      <c r="BL36" s="315">
        <v>0</v>
      </c>
      <c r="BM36" s="315">
        <v>0</v>
      </c>
      <c r="BN36" s="316">
        <v>0</v>
      </c>
      <c r="BO36" s="317">
        <v>0</v>
      </c>
      <c r="BP36" s="311">
        <v>0</v>
      </c>
      <c r="BQ36" s="315">
        <v>0</v>
      </c>
      <c r="BR36" s="312">
        <v>0</v>
      </c>
      <c r="BS36" s="314">
        <v>0</v>
      </c>
      <c r="BT36" s="315">
        <v>0</v>
      </c>
      <c r="BU36" s="315">
        <v>0</v>
      </c>
      <c r="BV36" s="315">
        <v>0</v>
      </c>
      <c r="BW36" s="315">
        <v>0</v>
      </c>
      <c r="BX36" s="315">
        <v>0</v>
      </c>
      <c r="BY36" s="312">
        <v>0</v>
      </c>
      <c r="BZ36" s="317">
        <v>0</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0</v>
      </c>
      <c r="CQ36" s="315">
        <v>0</v>
      </c>
      <c r="CR36" s="315">
        <v>1</v>
      </c>
      <c r="CS36" s="315">
        <v>0</v>
      </c>
      <c r="CT36" s="315">
        <v>0</v>
      </c>
      <c r="CU36" s="312">
        <v>1</v>
      </c>
      <c r="CV36" s="317">
        <v>1</v>
      </c>
    </row>
    <row r="37" spans="1:100" ht="21" customHeight="1" x14ac:dyDescent="0.2">
      <c r="A37" s="296" t="s">
        <v>35</v>
      </c>
      <c r="B37" s="311">
        <v>0</v>
      </c>
      <c r="C37" s="312">
        <v>0</v>
      </c>
      <c r="D37" s="313">
        <v>0</v>
      </c>
      <c r="E37" s="314">
        <v>0</v>
      </c>
      <c r="F37" s="315">
        <v>0</v>
      </c>
      <c r="G37" s="315">
        <v>1</v>
      </c>
      <c r="H37" s="315">
        <v>0</v>
      </c>
      <c r="I37" s="315">
        <v>0</v>
      </c>
      <c r="J37" s="315">
        <v>0</v>
      </c>
      <c r="K37" s="316">
        <v>1</v>
      </c>
      <c r="L37" s="317">
        <v>1</v>
      </c>
      <c r="M37" s="311">
        <v>0</v>
      </c>
      <c r="N37" s="315">
        <v>0</v>
      </c>
      <c r="O37" s="312">
        <v>0</v>
      </c>
      <c r="P37" s="314">
        <v>0</v>
      </c>
      <c r="Q37" s="315">
        <v>0</v>
      </c>
      <c r="R37" s="315">
        <v>0</v>
      </c>
      <c r="S37" s="315">
        <v>0</v>
      </c>
      <c r="T37" s="315">
        <v>0</v>
      </c>
      <c r="U37" s="315">
        <v>0</v>
      </c>
      <c r="V37" s="312">
        <v>0</v>
      </c>
      <c r="W37" s="317">
        <v>0</v>
      </c>
      <c r="X37" s="311">
        <v>0</v>
      </c>
      <c r="Y37" s="315">
        <v>0</v>
      </c>
      <c r="Z37" s="312">
        <v>0</v>
      </c>
      <c r="AA37" s="314">
        <v>0</v>
      </c>
      <c r="AB37" s="315">
        <v>0</v>
      </c>
      <c r="AC37" s="315">
        <v>1</v>
      </c>
      <c r="AD37" s="315">
        <v>0</v>
      </c>
      <c r="AE37" s="315">
        <v>0</v>
      </c>
      <c r="AF37" s="315">
        <v>0</v>
      </c>
      <c r="AG37" s="312">
        <v>1</v>
      </c>
      <c r="AH37" s="317">
        <v>1</v>
      </c>
      <c r="AI37" s="311">
        <v>0</v>
      </c>
      <c r="AJ37" s="315">
        <v>0</v>
      </c>
      <c r="AK37" s="312">
        <v>0</v>
      </c>
      <c r="AL37" s="314">
        <v>0</v>
      </c>
      <c r="AM37" s="315">
        <v>0</v>
      </c>
      <c r="AN37" s="315">
        <v>0</v>
      </c>
      <c r="AO37" s="315">
        <v>0</v>
      </c>
      <c r="AP37" s="315">
        <v>0</v>
      </c>
      <c r="AQ37" s="315">
        <v>0</v>
      </c>
      <c r="AR37" s="312">
        <v>0</v>
      </c>
      <c r="AS37" s="317">
        <v>0</v>
      </c>
      <c r="AT37" s="311">
        <v>0</v>
      </c>
      <c r="AU37" s="315">
        <v>0</v>
      </c>
      <c r="AV37" s="312">
        <v>0</v>
      </c>
      <c r="AW37" s="314">
        <v>0</v>
      </c>
      <c r="AX37" s="315">
        <v>1</v>
      </c>
      <c r="AY37" s="315">
        <v>0</v>
      </c>
      <c r="AZ37" s="315">
        <v>0</v>
      </c>
      <c r="BA37" s="315">
        <v>0</v>
      </c>
      <c r="BB37" s="315">
        <v>0</v>
      </c>
      <c r="BC37" s="312">
        <v>1</v>
      </c>
      <c r="BD37" s="317">
        <v>1</v>
      </c>
      <c r="BE37" s="311">
        <v>0</v>
      </c>
      <c r="BF37" s="315">
        <v>0</v>
      </c>
      <c r="BG37" s="312">
        <v>0</v>
      </c>
      <c r="BH37" s="314">
        <v>0</v>
      </c>
      <c r="BI37" s="315">
        <v>0</v>
      </c>
      <c r="BJ37" s="315">
        <v>1</v>
      </c>
      <c r="BK37" s="315">
        <v>0</v>
      </c>
      <c r="BL37" s="315">
        <v>0</v>
      </c>
      <c r="BM37" s="315">
        <v>0</v>
      </c>
      <c r="BN37" s="316">
        <v>1</v>
      </c>
      <c r="BO37" s="317">
        <v>1</v>
      </c>
      <c r="BP37" s="311">
        <v>0</v>
      </c>
      <c r="BQ37" s="315">
        <v>0</v>
      </c>
      <c r="BR37" s="312">
        <v>0</v>
      </c>
      <c r="BS37" s="314">
        <v>0</v>
      </c>
      <c r="BT37" s="315">
        <v>0</v>
      </c>
      <c r="BU37" s="315">
        <v>0</v>
      </c>
      <c r="BV37" s="315">
        <v>0</v>
      </c>
      <c r="BW37" s="315">
        <v>0</v>
      </c>
      <c r="BX37" s="315">
        <v>0</v>
      </c>
      <c r="BY37" s="312">
        <v>0</v>
      </c>
      <c r="BZ37" s="317">
        <v>0</v>
      </c>
      <c r="CA37" s="311">
        <v>0</v>
      </c>
      <c r="CB37" s="315">
        <v>0</v>
      </c>
      <c r="CC37" s="312">
        <v>0</v>
      </c>
      <c r="CD37" s="314">
        <v>0</v>
      </c>
      <c r="CE37" s="315">
        <v>0</v>
      </c>
      <c r="CF37" s="315">
        <v>0</v>
      </c>
      <c r="CG37" s="315">
        <v>0</v>
      </c>
      <c r="CH37" s="315">
        <v>0</v>
      </c>
      <c r="CI37" s="315">
        <v>0</v>
      </c>
      <c r="CJ37" s="312">
        <v>0</v>
      </c>
      <c r="CK37" s="317">
        <v>0</v>
      </c>
      <c r="CL37" s="311">
        <v>0</v>
      </c>
      <c r="CM37" s="315">
        <v>0</v>
      </c>
      <c r="CN37" s="312">
        <v>0</v>
      </c>
      <c r="CO37" s="314">
        <v>0</v>
      </c>
      <c r="CP37" s="315">
        <v>0</v>
      </c>
      <c r="CQ37" s="315">
        <v>0</v>
      </c>
      <c r="CR37" s="315">
        <v>0</v>
      </c>
      <c r="CS37" s="315">
        <v>0</v>
      </c>
      <c r="CT37" s="315">
        <v>0</v>
      </c>
      <c r="CU37" s="312">
        <v>0</v>
      </c>
      <c r="CV37" s="317">
        <v>0</v>
      </c>
    </row>
    <row r="38" spans="1:100" ht="21" customHeight="1" x14ac:dyDescent="0.2">
      <c r="A38" s="296" t="s">
        <v>36</v>
      </c>
      <c r="B38" s="311">
        <v>0</v>
      </c>
      <c r="C38" s="312">
        <v>0</v>
      </c>
      <c r="D38" s="313">
        <v>0</v>
      </c>
      <c r="E38" s="314">
        <v>0</v>
      </c>
      <c r="F38" s="315">
        <v>0</v>
      </c>
      <c r="G38" s="315">
        <v>0</v>
      </c>
      <c r="H38" s="315">
        <v>0</v>
      </c>
      <c r="I38" s="315">
        <v>0</v>
      </c>
      <c r="J38" s="315">
        <v>0</v>
      </c>
      <c r="K38" s="316">
        <v>0</v>
      </c>
      <c r="L38" s="317">
        <v>0</v>
      </c>
      <c r="M38" s="311">
        <v>0</v>
      </c>
      <c r="N38" s="315">
        <v>0</v>
      </c>
      <c r="O38" s="312">
        <v>0</v>
      </c>
      <c r="P38" s="314">
        <v>0</v>
      </c>
      <c r="Q38" s="315">
        <v>0</v>
      </c>
      <c r="R38" s="315">
        <v>0</v>
      </c>
      <c r="S38" s="315">
        <v>0</v>
      </c>
      <c r="T38" s="315">
        <v>0</v>
      </c>
      <c r="U38" s="315">
        <v>0</v>
      </c>
      <c r="V38" s="312">
        <v>0</v>
      </c>
      <c r="W38" s="317">
        <v>0</v>
      </c>
      <c r="X38" s="311">
        <v>0</v>
      </c>
      <c r="Y38" s="315">
        <v>0</v>
      </c>
      <c r="Z38" s="312">
        <v>0</v>
      </c>
      <c r="AA38" s="314">
        <v>0</v>
      </c>
      <c r="AB38" s="315">
        <v>3</v>
      </c>
      <c r="AC38" s="315">
        <v>1</v>
      </c>
      <c r="AD38" s="315">
        <v>0</v>
      </c>
      <c r="AE38" s="315">
        <v>0</v>
      </c>
      <c r="AF38" s="315">
        <v>1</v>
      </c>
      <c r="AG38" s="312">
        <v>5</v>
      </c>
      <c r="AH38" s="317">
        <v>5</v>
      </c>
      <c r="AI38" s="311">
        <v>0</v>
      </c>
      <c r="AJ38" s="315">
        <v>0</v>
      </c>
      <c r="AK38" s="312">
        <v>0</v>
      </c>
      <c r="AL38" s="314">
        <v>0</v>
      </c>
      <c r="AM38" s="315">
        <v>0</v>
      </c>
      <c r="AN38" s="315">
        <v>0</v>
      </c>
      <c r="AO38" s="315">
        <v>0</v>
      </c>
      <c r="AP38" s="315">
        <v>0</v>
      </c>
      <c r="AQ38" s="315">
        <v>0</v>
      </c>
      <c r="AR38" s="312">
        <v>0</v>
      </c>
      <c r="AS38" s="317">
        <v>0</v>
      </c>
      <c r="AT38" s="311">
        <v>0</v>
      </c>
      <c r="AU38" s="315">
        <v>0</v>
      </c>
      <c r="AV38" s="312">
        <v>0</v>
      </c>
      <c r="AW38" s="314">
        <v>0</v>
      </c>
      <c r="AX38" s="315">
        <v>0</v>
      </c>
      <c r="AY38" s="315">
        <v>0</v>
      </c>
      <c r="AZ38" s="315">
        <v>0</v>
      </c>
      <c r="BA38" s="315">
        <v>1</v>
      </c>
      <c r="BB38" s="315">
        <v>0</v>
      </c>
      <c r="BC38" s="312">
        <v>1</v>
      </c>
      <c r="BD38" s="317">
        <v>1</v>
      </c>
      <c r="BE38" s="311">
        <v>0</v>
      </c>
      <c r="BF38" s="315">
        <v>0</v>
      </c>
      <c r="BG38" s="312">
        <v>0</v>
      </c>
      <c r="BH38" s="314">
        <v>0</v>
      </c>
      <c r="BI38" s="315">
        <v>0</v>
      </c>
      <c r="BJ38" s="315">
        <v>0</v>
      </c>
      <c r="BK38" s="315">
        <v>2</v>
      </c>
      <c r="BL38" s="315">
        <v>0</v>
      </c>
      <c r="BM38" s="315">
        <v>0</v>
      </c>
      <c r="BN38" s="316">
        <v>2</v>
      </c>
      <c r="BO38" s="317">
        <v>2</v>
      </c>
      <c r="BP38" s="311">
        <v>0</v>
      </c>
      <c r="BQ38" s="315">
        <v>0</v>
      </c>
      <c r="BR38" s="312">
        <v>0</v>
      </c>
      <c r="BS38" s="314">
        <v>0</v>
      </c>
      <c r="BT38" s="315">
        <v>0</v>
      </c>
      <c r="BU38" s="315">
        <v>0</v>
      </c>
      <c r="BV38" s="315">
        <v>0</v>
      </c>
      <c r="BW38" s="315">
        <v>0</v>
      </c>
      <c r="BX38" s="315">
        <v>0</v>
      </c>
      <c r="BY38" s="312">
        <v>0</v>
      </c>
      <c r="BZ38" s="317">
        <v>0</v>
      </c>
      <c r="CA38" s="311">
        <v>0</v>
      </c>
      <c r="CB38" s="315">
        <v>0</v>
      </c>
      <c r="CC38" s="312">
        <v>0</v>
      </c>
      <c r="CD38" s="314">
        <v>0</v>
      </c>
      <c r="CE38" s="315">
        <v>0</v>
      </c>
      <c r="CF38" s="315">
        <v>0</v>
      </c>
      <c r="CG38" s="315">
        <v>0</v>
      </c>
      <c r="CH38" s="315">
        <v>0</v>
      </c>
      <c r="CI38" s="315">
        <v>0</v>
      </c>
      <c r="CJ38" s="312">
        <v>0</v>
      </c>
      <c r="CK38" s="317">
        <v>0</v>
      </c>
      <c r="CL38" s="311">
        <v>0</v>
      </c>
      <c r="CM38" s="315">
        <v>0</v>
      </c>
      <c r="CN38" s="312">
        <v>0</v>
      </c>
      <c r="CO38" s="314">
        <v>0</v>
      </c>
      <c r="CP38" s="315">
        <v>0</v>
      </c>
      <c r="CQ38" s="315">
        <v>0</v>
      </c>
      <c r="CR38" s="315">
        <v>0</v>
      </c>
      <c r="CS38" s="315">
        <v>0</v>
      </c>
      <c r="CT38" s="315">
        <v>0</v>
      </c>
      <c r="CU38" s="312">
        <v>0</v>
      </c>
      <c r="CV38" s="317">
        <v>0</v>
      </c>
    </row>
    <row r="39" spans="1:100" ht="21" customHeight="1" thickBot="1" x14ac:dyDescent="0.25">
      <c r="A39" s="297" t="s">
        <v>37</v>
      </c>
      <c r="B39" s="318">
        <v>0</v>
      </c>
      <c r="C39" s="319">
        <v>0</v>
      </c>
      <c r="D39" s="320">
        <v>0</v>
      </c>
      <c r="E39" s="321">
        <v>0</v>
      </c>
      <c r="F39" s="322">
        <v>0</v>
      </c>
      <c r="G39" s="322">
        <v>0</v>
      </c>
      <c r="H39" s="322">
        <v>0</v>
      </c>
      <c r="I39" s="322">
        <v>0</v>
      </c>
      <c r="J39" s="322">
        <v>0</v>
      </c>
      <c r="K39" s="323">
        <v>0</v>
      </c>
      <c r="L39" s="324">
        <v>0</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0</v>
      </c>
      <c r="AC39" s="322">
        <v>0</v>
      </c>
      <c r="AD39" s="322">
        <v>0</v>
      </c>
      <c r="AE39" s="322">
        <v>0</v>
      </c>
      <c r="AF39" s="322">
        <v>0</v>
      </c>
      <c r="AG39" s="319">
        <v>0</v>
      </c>
      <c r="AH39" s="324">
        <v>0</v>
      </c>
      <c r="AI39" s="318">
        <v>0</v>
      </c>
      <c r="AJ39" s="322">
        <v>0</v>
      </c>
      <c r="AK39" s="319">
        <v>0</v>
      </c>
      <c r="AL39" s="321">
        <v>0</v>
      </c>
      <c r="AM39" s="322">
        <v>0</v>
      </c>
      <c r="AN39" s="322">
        <v>0</v>
      </c>
      <c r="AO39" s="322">
        <v>0</v>
      </c>
      <c r="AP39" s="322">
        <v>0</v>
      </c>
      <c r="AQ39" s="322">
        <v>0</v>
      </c>
      <c r="AR39" s="319">
        <v>0</v>
      </c>
      <c r="AS39" s="324">
        <v>0</v>
      </c>
      <c r="AT39" s="318">
        <v>0</v>
      </c>
      <c r="AU39" s="322">
        <v>0</v>
      </c>
      <c r="AV39" s="319">
        <v>0</v>
      </c>
      <c r="AW39" s="321">
        <v>0</v>
      </c>
      <c r="AX39" s="322">
        <v>0</v>
      </c>
      <c r="AY39" s="322">
        <v>0</v>
      </c>
      <c r="AZ39" s="322">
        <v>0</v>
      </c>
      <c r="BA39" s="322">
        <v>0</v>
      </c>
      <c r="BB39" s="322">
        <v>0</v>
      </c>
      <c r="BC39" s="319">
        <v>0</v>
      </c>
      <c r="BD39" s="324">
        <v>0</v>
      </c>
      <c r="BE39" s="318">
        <v>0</v>
      </c>
      <c r="BF39" s="322">
        <v>0</v>
      </c>
      <c r="BG39" s="319">
        <v>0</v>
      </c>
      <c r="BH39" s="321">
        <v>0</v>
      </c>
      <c r="BI39" s="322">
        <v>0</v>
      </c>
      <c r="BJ39" s="322">
        <v>0</v>
      </c>
      <c r="BK39" s="322">
        <v>0</v>
      </c>
      <c r="BL39" s="322">
        <v>0</v>
      </c>
      <c r="BM39" s="322">
        <v>0</v>
      </c>
      <c r="BN39" s="323">
        <v>0</v>
      </c>
      <c r="BO39" s="324">
        <v>0</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0</v>
      </c>
      <c r="CT39" s="322">
        <v>0</v>
      </c>
      <c r="CU39" s="319">
        <v>0</v>
      </c>
      <c r="CV39" s="324">
        <v>0</v>
      </c>
    </row>
  </sheetData>
  <mergeCells count="39">
    <mergeCell ref="X3:AH3"/>
    <mergeCell ref="X4:Z4"/>
    <mergeCell ref="AA4:AG4"/>
    <mergeCell ref="AH4:AH5"/>
    <mergeCell ref="AI3:AS3"/>
    <mergeCell ref="AL4:AR4"/>
    <mergeCell ref="AS4:AS5"/>
    <mergeCell ref="H1:I1"/>
    <mergeCell ref="K1:L1"/>
    <mergeCell ref="A3:A5"/>
    <mergeCell ref="B3:L3"/>
    <mergeCell ref="M3:W3"/>
    <mergeCell ref="W4:W5"/>
    <mergeCell ref="B4:D4"/>
    <mergeCell ref="E4:K4"/>
    <mergeCell ref="L4:L5"/>
    <mergeCell ref="M4:O4"/>
    <mergeCell ref="P4:V4"/>
    <mergeCell ref="AT4:AV4"/>
    <mergeCell ref="AI4:AK4"/>
    <mergeCell ref="AW4:BC4"/>
    <mergeCell ref="CA4:CC4"/>
    <mergeCell ref="AT3:BD3"/>
    <mergeCell ref="BD4:BD5"/>
    <mergeCell ref="BE3:BO3"/>
    <mergeCell ref="BO4:BO5"/>
    <mergeCell ref="BP3:BZ3"/>
    <mergeCell ref="BZ4:BZ5"/>
    <mergeCell ref="CL3:CV3"/>
    <mergeCell ref="CL4:CN4"/>
    <mergeCell ref="CO4:CU4"/>
    <mergeCell ref="CD4:CJ4"/>
    <mergeCell ref="BE4:BG4"/>
    <mergeCell ref="BH4:BN4"/>
    <mergeCell ref="BP4:BR4"/>
    <mergeCell ref="BS4:BY4"/>
    <mergeCell ref="CA3:CK3"/>
    <mergeCell ref="CK4:CK5"/>
    <mergeCell ref="CV4:CV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V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33203125" style="290" customWidth="1"/>
    <col min="5" max="5" width="7.6640625" style="290" customWidth="1"/>
    <col min="6" max="6" width="8.44140625" style="290" customWidth="1"/>
    <col min="7" max="7" width="8.77734375" style="290" customWidth="1"/>
    <col min="8" max="15" width="9" style="290"/>
    <col min="16" max="16" width="7.21875" style="290" customWidth="1"/>
    <col min="17" max="26" width="9" style="290"/>
    <col min="27" max="27" width="7.6640625" style="290" customWidth="1"/>
    <col min="28" max="37" width="9" style="290"/>
    <col min="38" max="38" width="7.6640625" style="290" customWidth="1"/>
    <col min="39" max="48" width="9" style="290"/>
    <col min="49" max="49" width="7.6640625" style="290" customWidth="1"/>
    <col min="50" max="59" width="9" style="290"/>
    <col min="60" max="60" width="7.21875" style="290" customWidth="1"/>
    <col min="61" max="70" width="9" style="290"/>
    <col min="71" max="71" width="7.21875" style="290" customWidth="1"/>
    <col min="72" max="81" width="9" style="290"/>
    <col min="82" max="82" width="7.33203125" style="290" customWidth="1"/>
    <col min="83" max="92" width="9" style="290"/>
    <col min="93" max="93" width="7.44140625" style="290" customWidth="1"/>
    <col min="94" max="16384" width="9" style="290"/>
  </cols>
  <sheetData>
    <row r="1" spans="1:100" ht="22.5" customHeight="1" x14ac:dyDescent="0.2">
      <c r="A1" s="325" t="s">
        <v>124</v>
      </c>
      <c r="H1" s="522">
        <f>第１表!F2</f>
        <v>4</v>
      </c>
      <c r="I1" s="522"/>
      <c r="J1" s="282">
        <f>第１表!G2</f>
        <v>3</v>
      </c>
      <c r="K1" s="523">
        <f>IF(J1&lt;3,J1+12-2,J1-2)</f>
        <v>1</v>
      </c>
      <c r="L1" s="523"/>
    </row>
    <row r="2" spans="1:100" s="326" customFormat="1" ht="21" customHeight="1" thickBot="1" x14ac:dyDescent="0.25">
      <c r="A2" s="325" t="s">
        <v>155</v>
      </c>
    </row>
    <row r="3" spans="1:100" ht="23.25" customHeight="1" thickBot="1" x14ac:dyDescent="0.25">
      <c r="A3" s="531"/>
      <c r="B3" s="534" t="s">
        <v>94</v>
      </c>
      <c r="C3" s="535"/>
      <c r="D3" s="535"/>
      <c r="E3" s="535"/>
      <c r="F3" s="535"/>
      <c r="G3" s="535"/>
      <c r="H3" s="535"/>
      <c r="I3" s="535"/>
      <c r="J3" s="535"/>
      <c r="K3" s="535"/>
      <c r="L3" s="536"/>
      <c r="M3" s="534" t="s">
        <v>88</v>
      </c>
      <c r="N3" s="535"/>
      <c r="O3" s="535"/>
      <c r="P3" s="535"/>
      <c r="Q3" s="535"/>
      <c r="R3" s="535"/>
      <c r="S3" s="535"/>
      <c r="T3" s="535"/>
      <c r="U3" s="535"/>
      <c r="V3" s="535"/>
      <c r="W3" s="536"/>
      <c r="X3" s="534" t="s">
        <v>142</v>
      </c>
      <c r="Y3" s="535"/>
      <c r="Z3" s="535"/>
      <c r="AA3" s="535"/>
      <c r="AB3" s="535"/>
      <c r="AC3" s="535"/>
      <c r="AD3" s="535"/>
      <c r="AE3" s="535"/>
      <c r="AF3" s="535"/>
      <c r="AG3" s="535"/>
      <c r="AH3" s="536"/>
      <c r="AI3" s="534" t="s">
        <v>90</v>
      </c>
      <c r="AJ3" s="535"/>
      <c r="AK3" s="535"/>
      <c r="AL3" s="535"/>
      <c r="AM3" s="535"/>
      <c r="AN3" s="535"/>
      <c r="AO3" s="535"/>
      <c r="AP3" s="535"/>
      <c r="AQ3" s="535"/>
      <c r="AR3" s="535"/>
      <c r="AS3" s="536"/>
      <c r="AT3" s="540" t="s">
        <v>89</v>
      </c>
      <c r="AU3" s="541"/>
      <c r="AV3" s="541"/>
      <c r="AW3" s="541"/>
      <c r="AX3" s="541"/>
      <c r="AY3" s="541"/>
      <c r="AZ3" s="541"/>
      <c r="BA3" s="541"/>
      <c r="BB3" s="541"/>
      <c r="BC3" s="541"/>
      <c r="BD3" s="542"/>
      <c r="BE3" s="540" t="s">
        <v>91</v>
      </c>
      <c r="BF3" s="541"/>
      <c r="BG3" s="541"/>
      <c r="BH3" s="541"/>
      <c r="BI3" s="541"/>
      <c r="BJ3" s="541"/>
      <c r="BK3" s="541"/>
      <c r="BL3" s="541"/>
      <c r="BM3" s="541"/>
      <c r="BN3" s="541"/>
      <c r="BO3" s="542"/>
      <c r="BP3" s="540" t="s">
        <v>92</v>
      </c>
      <c r="BQ3" s="541"/>
      <c r="BR3" s="541"/>
      <c r="BS3" s="541"/>
      <c r="BT3" s="541"/>
      <c r="BU3" s="541"/>
      <c r="BV3" s="541"/>
      <c r="BW3" s="541"/>
      <c r="BX3" s="541"/>
      <c r="BY3" s="541"/>
      <c r="BZ3" s="542"/>
      <c r="CA3" s="540" t="s">
        <v>93</v>
      </c>
      <c r="CB3" s="541"/>
      <c r="CC3" s="541"/>
      <c r="CD3" s="541"/>
      <c r="CE3" s="541"/>
      <c r="CF3" s="541"/>
      <c r="CG3" s="541"/>
      <c r="CH3" s="541"/>
      <c r="CI3" s="541"/>
      <c r="CJ3" s="541"/>
      <c r="CK3" s="542"/>
      <c r="CL3" s="541" t="s">
        <v>141</v>
      </c>
      <c r="CM3" s="541"/>
      <c r="CN3" s="541"/>
      <c r="CO3" s="541"/>
      <c r="CP3" s="541"/>
      <c r="CQ3" s="541"/>
      <c r="CR3" s="541"/>
      <c r="CS3" s="541"/>
      <c r="CT3" s="541"/>
      <c r="CU3" s="541"/>
      <c r="CV3" s="542"/>
    </row>
    <row r="4" spans="1:100" ht="22.5" customHeight="1" x14ac:dyDescent="0.2">
      <c r="A4" s="532"/>
      <c r="B4" s="526" t="s">
        <v>61</v>
      </c>
      <c r="C4" s="527"/>
      <c r="D4" s="528"/>
      <c r="E4" s="529" t="s">
        <v>62</v>
      </c>
      <c r="F4" s="527"/>
      <c r="G4" s="527"/>
      <c r="H4" s="527"/>
      <c r="I4" s="527"/>
      <c r="J4" s="527"/>
      <c r="K4" s="530"/>
      <c r="L4" s="524" t="s">
        <v>52</v>
      </c>
      <c r="M4" s="526" t="s">
        <v>61</v>
      </c>
      <c r="N4" s="527"/>
      <c r="O4" s="528"/>
      <c r="P4" s="529" t="s">
        <v>62</v>
      </c>
      <c r="Q4" s="527"/>
      <c r="R4" s="527"/>
      <c r="S4" s="527"/>
      <c r="T4" s="527"/>
      <c r="U4" s="527"/>
      <c r="V4" s="528"/>
      <c r="W4" s="524" t="s">
        <v>52</v>
      </c>
      <c r="X4" s="526" t="s">
        <v>61</v>
      </c>
      <c r="Y4" s="527"/>
      <c r="Z4" s="528"/>
      <c r="AA4" s="529" t="s">
        <v>62</v>
      </c>
      <c r="AB4" s="527"/>
      <c r="AC4" s="527"/>
      <c r="AD4" s="527"/>
      <c r="AE4" s="527"/>
      <c r="AF4" s="527"/>
      <c r="AG4" s="528"/>
      <c r="AH4" s="524" t="s">
        <v>52</v>
      </c>
      <c r="AI4" s="526" t="s">
        <v>61</v>
      </c>
      <c r="AJ4" s="527"/>
      <c r="AK4" s="528"/>
      <c r="AL4" s="529" t="s">
        <v>62</v>
      </c>
      <c r="AM4" s="527"/>
      <c r="AN4" s="527"/>
      <c r="AO4" s="527"/>
      <c r="AP4" s="527"/>
      <c r="AQ4" s="527"/>
      <c r="AR4" s="528"/>
      <c r="AS4" s="524" t="s">
        <v>52</v>
      </c>
      <c r="AT4" s="556" t="s">
        <v>61</v>
      </c>
      <c r="AU4" s="554"/>
      <c r="AV4" s="555"/>
      <c r="AW4" s="553" t="s">
        <v>62</v>
      </c>
      <c r="AX4" s="554"/>
      <c r="AY4" s="554"/>
      <c r="AZ4" s="554"/>
      <c r="BA4" s="554"/>
      <c r="BB4" s="554"/>
      <c r="BC4" s="555"/>
      <c r="BD4" s="557" t="s">
        <v>52</v>
      </c>
      <c r="BE4" s="556" t="s">
        <v>61</v>
      </c>
      <c r="BF4" s="554"/>
      <c r="BG4" s="555"/>
      <c r="BH4" s="553" t="s">
        <v>62</v>
      </c>
      <c r="BI4" s="554"/>
      <c r="BJ4" s="554"/>
      <c r="BK4" s="554"/>
      <c r="BL4" s="554"/>
      <c r="BM4" s="554"/>
      <c r="BN4" s="555"/>
      <c r="BO4" s="557" t="s">
        <v>52</v>
      </c>
      <c r="BP4" s="556" t="s">
        <v>61</v>
      </c>
      <c r="BQ4" s="554"/>
      <c r="BR4" s="555"/>
      <c r="BS4" s="553" t="s">
        <v>62</v>
      </c>
      <c r="BT4" s="554"/>
      <c r="BU4" s="554"/>
      <c r="BV4" s="554"/>
      <c r="BW4" s="554"/>
      <c r="BX4" s="554"/>
      <c r="BY4" s="555"/>
      <c r="BZ4" s="557" t="s">
        <v>52</v>
      </c>
      <c r="CA4" s="556" t="s">
        <v>61</v>
      </c>
      <c r="CB4" s="554"/>
      <c r="CC4" s="555"/>
      <c r="CD4" s="553" t="s">
        <v>62</v>
      </c>
      <c r="CE4" s="554"/>
      <c r="CF4" s="554"/>
      <c r="CG4" s="554"/>
      <c r="CH4" s="554"/>
      <c r="CI4" s="554"/>
      <c r="CJ4" s="555"/>
      <c r="CK4" s="557" t="s">
        <v>52</v>
      </c>
      <c r="CL4" s="556" t="s">
        <v>61</v>
      </c>
      <c r="CM4" s="554"/>
      <c r="CN4" s="555"/>
      <c r="CO4" s="553" t="s">
        <v>62</v>
      </c>
      <c r="CP4" s="554"/>
      <c r="CQ4" s="554"/>
      <c r="CR4" s="554"/>
      <c r="CS4" s="554"/>
      <c r="CT4" s="554"/>
      <c r="CU4" s="555"/>
      <c r="CV4" s="557" t="s">
        <v>52</v>
      </c>
    </row>
    <row r="5" spans="1:100" ht="34.5" customHeight="1" thickBot="1" x14ac:dyDescent="0.25">
      <c r="A5" s="533"/>
      <c r="B5" s="393" t="s">
        <v>43</v>
      </c>
      <c r="C5" s="300" t="s">
        <v>44</v>
      </c>
      <c r="D5" s="301" t="s">
        <v>45</v>
      </c>
      <c r="E5" s="302" t="s">
        <v>83</v>
      </c>
      <c r="F5" s="294" t="s">
        <v>47</v>
      </c>
      <c r="G5" s="294" t="s">
        <v>48</v>
      </c>
      <c r="H5" s="294" t="s">
        <v>49</v>
      </c>
      <c r="I5" s="294" t="s">
        <v>50</v>
      </c>
      <c r="J5" s="294" t="s">
        <v>51</v>
      </c>
      <c r="K5" s="303" t="s">
        <v>45</v>
      </c>
      <c r="L5" s="525"/>
      <c r="M5" s="393" t="s">
        <v>43</v>
      </c>
      <c r="N5" s="294" t="s">
        <v>44</v>
      </c>
      <c r="O5" s="300" t="s">
        <v>45</v>
      </c>
      <c r="P5" s="302" t="s">
        <v>83</v>
      </c>
      <c r="Q5" s="294" t="s">
        <v>47</v>
      </c>
      <c r="R5" s="294" t="s">
        <v>48</v>
      </c>
      <c r="S5" s="294" t="s">
        <v>49</v>
      </c>
      <c r="T5" s="294" t="s">
        <v>50</v>
      </c>
      <c r="U5" s="294" t="s">
        <v>51</v>
      </c>
      <c r="V5" s="300" t="s">
        <v>45</v>
      </c>
      <c r="W5" s="525"/>
      <c r="X5" s="393" t="s">
        <v>43</v>
      </c>
      <c r="Y5" s="294" t="s">
        <v>44</v>
      </c>
      <c r="Z5" s="300" t="s">
        <v>45</v>
      </c>
      <c r="AA5" s="302" t="s">
        <v>83</v>
      </c>
      <c r="AB5" s="294" t="s">
        <v>47</v>
      </c>
      <c r="AC5" s="294" t="s">
        <v>48</v>
      </c>
      <c r="AD5" s="294" t="s">
        <v>49</v>
      </c>
      <c r="AE5" s="294" t="s">
        <v>50</v>
      </c>
      <c r="AF5" s="294" t="s">
        <v>51</v>
      </c>
      <c r="AG5" s="300" t="s">
        <v>45</v>
      </c>
      <c r="AH5" s="525"/>
      <c r="AI5" s="393" t="s">
        <v>43</v>
      </c>
      <c r="AJ5" s="294" t="s">
        <v>44</v>
      </c>
      <c r="AK5" s="300" t="s">
        <v>45</v>
      </c>
      <c r="AL5" s="302" t="s">
        <v>83</v>
      </c>
      <c r="AM5" s="294" t="s">
        <v>47</v>
      </c>
      <c r="AN5" s="294" t="s">
        <v>48</v>
      </c>
      <c r="AO5" s="294" t="s">
        <v>49</v>
      </c>
      <c r="AP5" s="294" t="s">
        <v>50</v>
      </c>
      <c r="AQ5" s="294" t="s">
        <v>51</v>
      </c>
      <c r="AR5" s="300" t="s">
        <v>45</v>
      </c>
      <c r="AS5" s="525"/>
      <c r="AT5" s="393" t="s">
        <v>43</v>
      </c>
      <c r="AU5" s="294" t="s">
        <v>44</v>
      </c>
      <c r="AV5" s="300" t="s">
        <v>45</v>
      </c>
      <c r="AW5" s="302" t="s">
        <v>83</v>
      </c>
      <c r="AX5" s="294" t="s">
        <v>47</v>
      </c>
      <c r="AY5" s="294" t="s">
        <v>48</v>
      </c>
      <c r="AZ5" s="294" t="s">
        <v>49</v>
      </c>
      <c r="BA5" s="294" t="s">
        <v>50</v>
      </c>
      <c r="BB5" s="294" t="s">
        <v>51</v>
      </c>
      <c r="BC5" s="300" t="s">
        <v>45</v>
      </c>
      <c r="BD5" s="558"/>
      <c r="BE5" s="393" t="s">
        <v>43</v>
      </c>
      <c r="BF5" s="294" t="s">
        <v>44</v>
      </c>
      <c r="BG5" s="300" t="s">
        <v>45</v>
      </c>
      <c r="BH5" s="302" t="s">
        <v>83</v>
      </c>
      <c r="BI5" s="294" t="s">
        <v>47</v>
      </c>
      <c r="BJ5" s="294" t="s">
        <v>48</v>
      </c>
      <c r="BK5" s="294" t="s">
        <v>49</v>
      </c>
      <c r="BL5" s="294" t="s">
        <v>50</v>
      </c>
      <c r="BM5" s="294" t="s">
        <v>51</v>
      </c>
      <c r="BN5" s="300" t="s">
        <v>45</v>
      </c>
      <c r="BO5" s="558"/>
      <c r="BP5" s="393" t="s">
        <v>43</v>
      </c>
      <c r="BQ5" s="294" t="s">
        <v>44</v>
      </c>
      <c r="BR5" s="300" t="s">
        <v>45</v>
      </c>
      <c r="BS5" s="302" t="s">
        <v>83</v>
      </c>
      <c r="BT5" s="294" t="s">
        <v>47</v>
      </c>
      <c r="BU5" s="294" t="s">
        <v>48</v>
      </c>
      <c r="BV5" s="294" t="s">
        <v>49</v>
      </c>
      <c r="BW5" s="294" t="s">
        <v>50</v>
      </c>
      <c r="BX5" s="294" t="s">
        <v>51</v>
      </c>
      <c r="BY5" s="300" t="s">
        <v>45</v>
      </c>
      <c r="BZ5" s="558"/>
      <c r="CA5" s="393" t="s">
        <v>43</v>
      </c>
      <c r="CB5" s="294" t="s">
        <v>44</v>
      </c>
      <c r="CC5" s="300" t="s">
        <v>45</v>
      </c>
      <c r="CD5" s="302" t="s">
        <v>83</v>
      </c>
      <c r="CE5" s="294" t="s">
        <v>47</v>
      </c>
      <c r="CF5" s="294" t="s">
        <v>48</v>
      </c>
      <c r="CG5" s="294" t="s">
        <v>49</v>
      </c>
      <c r="CH5" s="294" t="s">
        <v>50</v>
      </c>
      <c r="CI5" s="294" t="s">
        <v>51</v>
      </c>
      <c r="CJ5" s="300" t="s">
        <v>45</v>
      </c>
      <c r="CK5" s="558"/>
      <c r="CL5" s="393" t="s">
        <v>43</v>
      </c>
      <c r="CM5" s="294" t="s">
        <v>44</v>
      </c>
      <c r="CN5" s="300" t="s">
        <v>45</v>
      </c>
      <c r="CO5" s="302" t="s">
        <v>83</v>
      </c>
      <c r="CP5" s="294" t="s">
        <v>47</v>
      </c>
      <c r="CQ5" s="294" t="s">
        <v>48</v>
      </c>
      <c r="CR5" s="294" t="s">
        <v>49</v>
      </c>
      <c r="CS5" s="294" t="s">
        <v>50</v>
      </c>
      <c r="CT5" s="294" t="s">
        <v>51</v>
      </c>
      <c r="CU5" s="300" t="s">
        <v>45</v>
      </c>
      <c r="CV5" s="558"/>
    </row>
    <row r="6" spans="1:100" ht="21" customHeight="1" x14ac:dyDescent="0.2">
      <c r="A6" s="295" t="s">
        <v>4</v>
      </c>
      <c r="B6" s="304">
        <v>0</v>
      </c>
      <c r="C6" s="305">
        <v>0</v>
      </c>
      <c r="D6" s="306">
        <v>0</v>
      </c>
      <c r="E6" s="307">
        <v>0</v>
      </c>
      <c r="F6" s="308">
        <v>28</v>
      </c>
      <c r="G6" s="308">
        <v>40</v>
      </c>
      <c r="H6" s="308">
        <v>16</v>
      </c>
      <c r="I6" s="308">
        <v>28</v>
      </c>
      <c r="J6" s="308">
        <v>16</v>
      </c>
      <c r="K6" s="309">
        <v>128</v>
      </c>
      <c r="L6" s="310">
        <v>128</v>
      </c>
      <c r="M6" s="304">
        <v>0</v>
      </c>
      <c r="N6" s="308">
        <v>0</v>
      </c>
      <c r="O6" s="305">
        <v>0</v>
      </c>
      <c r="P6" s="307">
        <v>0</v>
      </c>
      <c r="Q6" s="308">
        <v>11</v>
      </c>
      <c r="R6" s="308">
        <v>37</v>
      </c>
      <c r="S6" s="308">
        <v>36</v>
      </c>
      <c r="T6" s="308">
        <v>36</v>
      </c>
      <c r="U6" s="308">
        <v>22</v>
      </c>
      <c r="V6" s="305">
        <v>142</v>
      </c>
      <c r="W6" s="310">
        <v>142</v>
      </c>
      <c r="X6" s="304">
        <v>0</v>
      </c>
      <c r="Y6" s="308">
        <v>0</v>
      </c>
      <c r="Z6" s="305">
        <v>0</v>
      </c>
      <c r="AA6" s="307">
        <v>0</v>
      </c>
      <c r="AB6" s="308">
        <v>770</v>
      </c>
      <c r="AC6" s="308">
        <v>639</v>
      </c>
      <c r="AD6" s="308">
        <v>288</v>
      </c>
      <c r="AE6" s="308">
        <v>140</v>
      </c>
      <c r="AF6" s="308">
        <v>52</v>
      </c>
      <c r="AG6" s="305">
        <v>1889</v>
      </c>
      <c r="AH6" s="310">
        <v>1889</v>
      </c>
      <c r="AI6" s="304">
        <v>0</v>
      </c>
      <c r="AJ6" s="308">
        <v>0</v>
      </c>
      <c r="AK6" s="305">
        <v>0</v>
      </c>
      <c r="AL6" s="307">
        <v>0</v>
      </c>
      <c r="AM6" s="308">
        <v>48</v>
      </c>
      <c r="AN6" s="308">
        <v>62</v>
      </c>
      <c r="AO6" s="308">
        <v>62</v>
      </c>
      <c r="AP6" s="308">
        <v>26</v>
      </c>
      <c r="AQ6" s="308">
        <v>26</v>
      </c>
      <c r="AR6" s="305">
        <v>224</v>
      </c>
      <c r="AS6" s="310">
        <v>224</v>
      </c>
      <c r="AT6" s="304">
        <v>15</v>
      </c>
      <c r="AU6" s="308">
        <v>11</v>
      </c>
      <c r="AV6" s="305">
        <v>26</v>
      </c>
      <c r="AW6" s="307">
        <v>0</v>
      </c>
      <c r="AX6" s="308">
        <v>70</v>
      </c>
      <c r="AY6" s="308">
        <v>48</v>
      </c>
      <c r="AZ6" s="308">
        <v>56</v>
      </c>
      <c r="BA6" s="308">
        <v>42</v>
      </c>
      <c r="BB6" s="308">
        <v>21</v>
      </c>
      <c r="BC6" s="305">
        <v>237</v>
      </c>
      <c r="BD6" s="310">
        <v>263</v>
      </c>
      <c r="BE6" s="304">
        <v>0</v>
      </c>
      <c r="BF6" s="308">
        <v>0</v>
      </c>
      <c r="BG6" s="305">
        <v>0</v>
      </c>
      <c r="BH6" s="307">
        <v>0</v>
      </c>
      <c r="BI6" s="308">
        <v>72</v>
      </c>
      <c r="BJ6" s="308">
        <v>113</v>
      </c>
      <c r="BK6" s="308">
        <v>132</v>
      </c>
      <c r="BL6" s="308">
        <v>88</v>
      </c>
      <c r="BM6" s="308">
        <v>53</v>
      </c>
      <c r="BN6" s="309">
        <v>458</v>
      </c>
      <c r="BO6" s="310">
        <v>458</v>
      </c>
      <c r="BP6" s="304">
        <v>0</v>
      </c>
      <c r="BQ6" s="308">
        <v>0</v>
      </c>
      <c r="BR6" s="305">
        <v>0</v>
      </c>
      <c r="BS6" s="307">
        <v>0</v>
      </c>
      <c r="BT6" s="308">
        <v>2</v>
      </c>
      <c r="BU6" s="308">
        <v>9</v>
      </c>
      <c r="BV6" s="308">
        <v>9</v>
      </c>
      <c r="BW6" s="308">
        <v>7</v>
      </c>
      <c r="BX6" s="308">
        <v>6</v>
      </c>
      <c r="BY6" s="305">
        <v>33</v>
      </c>
      <c r="BZ6" s="310">
        <v>33</v>
      </c>
      <c r="CA6" s="304">
        <v>0</v>
      </c>
      <c r="CB6" s="308">
        <v>0</v>
      </c>
      <c r="CC6" s="305">
        <v>0</v>
      </c>
      <c r="CD6" s="307">
        <v>0</v>
      </c>
      <c r="CE6" s="308">
        <v>1</v>
      </c>
      <c r="CF6" s="308">
        <v>2</v>
      </c>
      <c r="CG6" s="308">
        <v>8</v>
      </c>
      <c r="CH6" s="308">
        <v>17</v>
      </c>
      <c r="CI6" s="308">
        <v>7</v>
      </c>
      <c r="CJ6" s="305">
        <v>35</v>
      </c>
      <c r="CK6" s="310">
        <v>35</v>
      </c>
      <c r="CL6" s="304">
        <v>0</v>
      </c>
      <c r="CM6" s="308">
        <v>0</v>
      </c>
      <c r="CN6" s="305">
        <v>0</v>
      </c>
      <c r="CO6" s="307">
        <v>0</v>
      </c>
      <c r="CP6" s="308">
        <v>6</v>
      </c>
      <c r="CQ6" s="308">
        <v>16</v>
      </c>
      <c r="CR6" s="308">
        <v>15</v>
      </c>
      <c r="CS6" s="308">
        <v>29</v>
      </c>
      <c r="CT6" s="308">
        <v>26</v>
      </c>
      <c r="CU6" s="305">
        <v>92</v>
      </c>
      <c r="CV6" s="310">
        <v>92</v>
      </c>
    </row>
    <row r="7" spans="1:100" ht="21" customHeight="1" x14ac:dyDescent="0.2">
      <c r="A7" s="296" t="s">
        <v>5</v>
      </c>
      <c r="B7" s="311">
        <v>0</v>
      </c>
      <c r="C7" s="312">
        <v>0</v>
      </c>
      <c r="D7" s="313">
        <v>0</v>
      </c>
      <c r="E7" s="314">
        <v>0</v>
      </c>
      <c r="F7" s="315">
        <v>11</v>
      </c>
      <c r="G7" s="315">
        <v>23</v>
      </c>
      <c r="H7" s="315">
        <v>9</v>
      </c>
      <c r="I7" s="315">
        <v>10</v>
      </c>
      <c r="J7" s="315">
        <v>6</v>
      </c>
      <c r="K7" s="316">
        <v>59</v>
      </c>
      <c r="L7" s="317">
        <v>59</v>
      </c>
      <c r="M7" s="311">
        <v>0</v>
      </c>
      <c r="N7" s="315">
        <v>0</v>
      </c>
      <c r="O7" s="312">
        <v>0</v>
      </c>
      <c r="P7" s="314">
        <v>0</v>
      </c>
      <c r="Q7" s="315">
        <v>7</v>
      </c>
      <c r="R7" s="315">
        <v>27</v>
      </c>
      <c r="S7" s="315">
        <v>25</v>
      </c>
      <c r="T7" s="315">
        <v>23</v>
      </c>
      <c r="U7" s="315">
        <v>13</v>
      </c>
      <c r="V7" s="312">
        <v>95</v>
      </c>
      <c r="W7" s="317">
        <v>95</v>
      </c>
      <c r="X7" s="311">
        <v>0</v>
      </c>
      <c r="Y7" s="315">
        <v>0</v>
      </c>
      <c r="Z7" s="312">
        <v>0</v>
      </c>
      <c r="AA7" s="314">
        <v>0</v>
      </c>
      <c r="AB7" s="315">
        <v>288</v>
      </c>
      <c r="AC7" s="315">
        <v>329</v>
      </c>
      <c r="AD7" s="315">
        <v>120</v>
      </c>
      <c r="AE7" s="315">
        <v>62</v>
      </c>
      <c r="AF7" s="315">
        <v>28</v>
      </c>
      <c r="AG7" s="312">
        <v>827</v>
      </c>
      <c r="AH7" s="317">
        <v>827</v>
      </c>
      <c r="AI7" s="311">
        <v>0</v>
      </c>
      <c r="AJ7" s="315">
        <v>0</v>
      </c>
      <c r="AK7" s="312">
        <v>0</v>
      </c>
      <c r="AL7" s="314">
        <v>0</v>
      </c>
      <c r="AM7" s="315">
        <v>26</v>
      </c>
      <c r="AN7" s="315">
        <v>40</v>
      </c>
      <c r="AO7" s="315">
        <v>28</v>
      </c>
      <c r="AP7" s="315">
        <v>17</v>
      </c>
      <c r="AQ7" s="315">
        <v>16</v>
      </c>
      <c r="AR7" s="312">
        <v>127</v>
      </c>
      <c r="AS7" s="317">
        <v>127</v>
      </c>
      <c r="AT7" s="311">
        <v>8</v>
      </c>
      <c r="AU7" s="315">
        <v>4</v>
      </c>
      <c r="AV7" s="312">
        <v>12</v>
      </c>
      <c r="AW7" s="314">
        <v>0</v>
      </c>
      <c r="AX7" s="315">
        <v>30</v>
      </c>
      <c r="AY7" s="315">
        <v>15</v>
      </c>
      <c r="AZ7" s="315">
        <v>24</v>
      </c>
      <c r="BA7" s="315">
        <v>21</v>
      </c>
      <c r="BB7" s="315">
        <v>10</v>
      </c>
      <c r="BC7" s="312">
        <v>100</v>
      </c>
      <c r="BD7" s="317">
        <v>112</v>
      </c>
      <c r="BE7" s="311">
        <v>0</v>
      </c>
      <c r="BF7" s="315">
        <v>0</v>
      </c>
      <c r="BG7" s="312">
        <v>0</v>
      </c>
      <c r="BH7" s="314">
        <v>0</v>
      </c>
      <c r="BI7" s="315">
        <v>28</v>
      </c>
      <c r="BJ7" s="315">
        <v>40</v>
      </c>
      <c r="BK7" s="315">
        <v>64</v>
      </c>
      <c r="BL7" s="315">
        <v>32</v>
      </c>
      <c r="BM7" s="315">
        <v>16</v>
      </c>
      <c r="BN7" s="316">
        <v>180</v>
      </c>
      <c r="BO7" s="317">
        <v>180</v>
      </c>
      <c r="BP7" s="311">
        <v>0</v>
      </c>
      <c r="BQ7" s="315">
        <v>0</v>
      </c>
      <c r="BR7" s="312">
        <v>0</v>
      </c>
      <c r="BS7" s="314">
        <v>0</v>
      </c>
      <c r="BT7" s="315">
        <v>0</v>
      </c>
      <c r="BU7" s="315">
        <v>0</v>
      </c>
      <c r="BV7" s="315">
        <v>0</v>
      </c>
      <c r="BW7" s="315">
        <v>0</v>
      </c>
      <c r="BX7" s="315">
        <v>0</v>
      </c>
      <c r="BY7" s="312">
        <v>0</v>
      </c>
      <c r="BZ7" s="317">
        <v>0</v>
      </c>
      <c r="CA7" s="311">
        <v>0</v>
      </c>
      <c r="CB7" s="315">
        <v>0</v>
      </c>
      <c r="CC7" s="312">
        <v>0</v>
      </c>
      <c r="CD7" s="314">
        <v>0</v>
      </c>
      <c r="CE7" s="315">
        <v>0</v>
      </c>
      <c r="CF7" s="315">
        <v>0</v>
      </c>
      <c r="CG7" s="315">
        <v>1</v>
      </c>
      <c r="CH7" s="315">
        <v>2</v>
      </c>
      <c r="CI7" s="315">
        <v>0</v>
      </c>
      <c r="CJ7" s="312">
        <v>3</v>
      </c>
      <c r="CK7" s="317">
        <v>3</v>
      </c>
      <c r="CL7" s="311">
        <v>0</v>
      </c>
      <c r="CM7" s="315">
        <v>0</v>
      </c>
      <c r="CN7" s="312">
        <v>0</v>
      </c>
      <c r="CO7" s="314">
        <v>0</v>
      </c>
      <c r="CP7" s="315">
        <v>1</v>
      </c>
      <c r="CQ7" s="315">
        <v>5</v>
      </c>
      <c r="CR7" s="315">
        <v>5</v>
      </c>
      <c r="CS7" s="315">
        <v>8</v>
      </c>
      <c r="CT7" s="315">
        <v>12</v>
      </c>
      <c r="CU7" s="312">
        <v>31</v>
      </c>
      <c r="CV7" s="317">
        <v>31</v>
      </c>
    </row>
    <row r="8" spans="1:100" ht="21" customHeight="1" x14ac:dyDescent="0.2">
      <c r="A8" s="296" t="s">
        <v>6</v>
      </c>
      <c r="B8" s="311">
        <v>0</v>
      </c>
      <c r="C8" s="312">
        <v>0</v>
      </c>
      <c r="D8" s="313">
        <v>0</v>
      </c>
      <c r="E8" s="314">
        <v>0</v>
      </c>
      <c r="F8" s="315">
        <v>11</v>
      </c>
      <c r="G8" s="315">
        <v>7</v>
      </c>
      <c r="H8" s="315">
        <v>4</v>
      </c>
      <c r="I8" s="315">
        <v>9</v>
      </c>
      <c r="J8" s="315">
        <v>4</v>
      </c>
      <c r="K8" s="316">
        <v>35</v>
      </c>
      <c r="L8" s="317">
        <v>35</v>
      </c>
      <c r="M8" s="311">
        <v>0</v>
      </c>
      <c r="N8" s="315">
        <v>0</v>
      </c>
      <c r="O8" s="312">
        <v>0</v>
      </c>
      <c r="P8" s="314">
        <v>0</v>
      </c>
      <c r="Q8" s="315">
        <v>3</v>
      </c>
      <c r="R8" s="315">
        <v>7</v>
      </c>
      <c r="S8" s="315">
        <v>7</v>
      </c>
      <c r="T8" s="315">
        <v>10</v>
      </c>
      <c r="U8" s="315">
        <v>7</v>
      </c>
      <c r="V8" s="312">
        <v>34</v>
      </c>
      <c r="W8" s="317">
        <v>34</v>
      </c>
      <c r="X8" s="311">
        <v>0</v>
      </c>
      <c r="Y8" s="315">
        <v>0</v>
      </c>
      <c r="Z8" s="312">
        <v>0</v>
      </c>
      <c r="AA8" s="314">
        <v>0</v>
      </c>
      <c r="AB8" s="315">
        <v>138</v>
      </c>
      <c r="AC8" s="315">
        <v>81</v>
      </c>
      <c r="AD8" s="315">
        <v>42</v>
      </c>
      <c r="AE8" s="315">
        <v>18</v>
      </c>
      <c r="AF8" s="315">
        <v>9</v>
      </c>
      <c r="AG8" s="312">
        <v>288</v>
      </c>
      <c r="AH8" s="317">
        <v>288</v>
      </c>
      <c r="AI8" s="311">
        <v>0</v>
      </c>
      <c r="AJ8" s="315">
        <v>0</v>
      </c>
      <c r="AK8" s="312">
        <v>0</v>
      </c>
      <c r="AL8" s="314">
        <v>0</v>
      </c>
      <c r="AM8" s="315">
        <v>10</v>
      </c>
      <c r="AN8" s="315">
        <v>9</v>
      </c>
      <c r="AO8" s="315">
        <v>16</v>
      </c>
      <c r="AP8" s="315">
        <v>3</v>
      </c>
      <c r="AQ8" s="315">
        <v>5</v>
      </c>
      <c r="AR8" s="312">
        <v>43</v>
      </c>
      <c r="AS8" s="317">
        <v>43</v>
      </c>
      <c r="AT8" s="311">
        <v>2</v>
      </c>
      <c r="AU8" s="315">
        <v>4</v>
      </c>
      <c r="AV8" s="312">
        <v>6</v>
      </c>
      <c r="AW8" s="314">
        <v>0</v>
      </c>
      <c r="AX8" s="315">
        <v>14</v>
      </c>
      <c r="AY8" s="315">
        <v>8</v>
      </c>
      <c r="AZ8" s="315">
        <v>9</v>
      </c>
      <c r="BA8" s="315">
        <v>5</v>
      </c>
      <c r="BB8" s="315">
        <v>1</v>
      </c>
      <c r="BC8" s="312">
        <v>37</v>
      </c>
      <c r="BD8" s="317">
        <v>43</v>
      </c>
      <c r="BE8" s="311">
        <v>0</v>
      </c>
      <c r="BF8" s="315">
        <v>0</v>
      </c>
      <c r="BG8" s="312">
        <v>0</v>
      </c>
      <c r="BH8" s="314">
        <v>0</v>
      </c>
      <c r="BI8" s="315">
        <v>16</v>
      </c>
      <c r="BJ8" s="315">
        <v>29</v>
      </c>
      <c r="BK8" s="315">
        <v>27</v>
      </c>
      <c r="BL8" s="315">
        <v>12</v>
      </c>
      <c r="BM8" s="315">
        <v>15</v>
      </c>
      <c r="BN8" s="316">
        <v>99</v>
      </c>
      <c r="BO8" s="317">
        <v>99</v>
      </c>
      <c r="BP8" s="311">
        <v>0</v>
      </c>
      <c r="BQ8" s="315">
        <v>0</v>
      </c>
      <c r="BR8" s="312">
        <v>0</v>
      </c>
      <c r="BS8" s="314">
        <v>0</v>
      </c>
      <c r="BT8" s="315">
        <v>0</v>
      </c>
      <c r="BU8" s="315">
        <v>0</v>
      </c>
      <c r="BV8" s="315">
        <v>0</v>
      </c>
      <c r="BW8" s="315">
        <v>0</v>
      </c>
      <c r="BX8" s="315">
        <v>0</v>
      </c>
      <c r="BY8" s="312">
        <v>0</v>
      </c>
      <c r="BZ8" s="317">
        <v>0</v>
      </c>
      <c r="CA8" s="311">
        <v>0</v>
      </c>
      <c r="CB8" s="315">
        <v>0</v>
      </c>
      <c r="CC8" s="312">
        <v>0</v>
      </c>
      <c r="CD8" s="314">
        <v>0</v>
      </c>
      <c r="CE8" s="315">
        <v>1</v>
      </c>
      <c r="CF8" s="315">
        <v>0</v>
      </c>
      <c r="CG8" s="315">
        <v>5</v>
      </c>
      <c r="CH8" s="315">
        <v>8</v>
      </c>
      <c r="CI8" s="315">
        <v>1</v>
      </c>
      <c r="CJ8" s="312">
        <v>15</v>
      </c>
      <c r="CK8" s="317">
        <v>15</v>
      </c>
      <c r="CL8" s="311">
        <v>0</v>
      </c>
      <c r="CM8" s="315">
        <v>0</v>
      </c>
      <c r="CN8" s="312">
        <v>0</v>
      </c>
      <c r="CO8" s="314">
        <v>0</v>
      </c>
      <c r="CP8" s="315">
        <v>4</v>
      </c>
      <c r="CQ8" s="315">
        <v>6</v>
      </c>
      <c r="CR8" s="315">
        <v>4</v>
      </c>
      <c r="CS8" s="315">
        <v>9</v>
      </c>
      <c r="CT8" s="315">
        <v>5</v>
      </c>
      <c r="CU8" s="312">
        <v>28</v>
      </c>
      <c r="CV8" s="317">
        <v>28</v>
      </c>
    </row>
    <row r="9" spans="1:100" ht="21" customHeight="1" x14ac:dyDescent="0.2">
      <c r="A9" s="296" t="s">
        <v>14</v>
      </c>
      <c r="B9" s="311">
        <v>0</v>
      </c>
      <c r="C9" s="312">
        <v>0</v>
      </c>
      <c r="D9" s="313">
        <v>0</v>
      </c>
      <c r="E9" s="314">
        <v>0</v>
      </c>
      <c r="F9" s="315">
        <v>0</v>
      </c>
      <c r="G9" s="315">
        <v>1</v>
      </c>
      <c r="H9" s="315">
        <v>1</v>
      </c>
      <c r="I9" s="315">
        <v>1</v>
      </c>
      <c r="J9" s="315">
        <v>3</v>
      </c>
      <c r="K9" s="316">
        <v>6</v>
      </c>
      <c r="L9" s="317">
        <v>6</v>
      </c>
      <c r="M9" s="311">
        <v>0</v>
      </c>
      <c r="N9" s="315">
        <v>0</v>
      </c>
      <c r="O9" s="312">
        <v>0</v>
      </c>
      <c r="P9" s="314">
        <v>0</v>
      </c>
      <c r="Q9" s="315">
        <v>0</v>
      </c>
      <c r="R9" s="315">
        <v>1</v>
      </c>
      <c r="S9" s="315">
        <v>0</v>
      </c>
      <c r="T9" s="315">
        <v>1</v>
      </c>
      <c r="U9" s="315">
        <v>0</v>
      </c>
      <c r="V9" s="312">
        <v>2</v>
      </c>
      <c r="W9" s="317">
        <v>2</v>
      </c>
      <c r="X9" s="311">
        <v>0</v>
      </c>
      <c r="Y9" s="315">
        <v>0</v>
      </c>
      <c r="Z9" s="312">
        <v>0</v>
      </c>
      <c r="AA9" s="314">
        <v>0</v>
      </c>
      <c r="AB9" s="315">
        <v>45</v>
      </c>
      <c r="AC9" s="315">
        <v>42</v>
      </c>
      <c r="AD9" s="315">
        <v>15</v>
      </c>
      <c r="AE9" s="315">
        <v>5</v>
      </c>
      <c r="AF9" s="315">
        <v>4</v>
      </c>
      <c r="AG9" s="312">
        <v>111</v>
      </c>
      <c r="AH9" s="317">
        <v>111</v>
      </c>
      <c r="AI9" s="311">
        <v>0</v>
      </c>
      <c r="AJ9" s="315">
        <v>0</v>
      </c>
      <c r="AK9" s="312">
        <v>0</v>
      </c>
      <c r="AL9" s="314">
        <v>0</v>
      </c>
      <c r="AM9" s="315">
        <v>1</v>
      </c>
      <c r="AN9" s="315">
        <v>1</v>
      </c>
      <c r="AO9" s="315">
        <v>1</v>
      </c>
      <c r="AP9" s="315">
        <v>0</v>
      </c>
      <c r="AQ9" s="315">
        <v>1</v>
      </c>
      <c r="AR9" s="312">
        <v>4</v>
      </c>
      <c r="AS9" s="317">
        <v>4</v>
      </c>
      <c r="AT9" s="311">
        <v>0</v>
      </c>
      <c r="AU9" s="315">
        <v>0</v>
      </c>
      <c r="AV9" s="312">
        <v>0</v>
      </c>
      <c r="AW9" s="314">
        <v>0</v>
      </c>
      <c r="AX9" s="315">
        <v>4</v>
      </c>
      <c r="AY9" s="315">
        <v>6</v>
      </c>
      <c r="AZ9" s="315">
        <v>6</v>
      </c>
      <c r="BA9" s="315">
        <v>3</v>
      </c>
      <c r="BB9" s="315">
        <v>2</v>
      </c>
      <c r="BC9" s="312">
        <v>21</v>
      </c>
      <c r="BD9" s="317">
        <v>21</v>
      </c>
      <c r="BE9" s="311">
        <v>0</v>
      </c>
      <c r="BF9" s="315">
        <v>0</v>
      </c>
      <c r="BG9" s="312">
        <v>0</v>
      </c>
      <c r="BH9" s="314">
        <v>0</v>
      </c>
      <c r="BI9" s="315">
        <v>9</v>
      </c>
      <c r="BJ9" s="315">
        <v>8</v>
      </c>
      <c r="BK9" s="315">
        <v>10</v>
      </c>
      <c r="BL9" s="315">
        <v>11</v>
      </c>
      <c r="BM9" s="315">
        <v>3</v>
      </c>
      <c r="BN9" s="316">
        <v>41</v>
      </c>
      <c r="BO9" s="317">
        <v>41</v>
      </c>
      <c r="BP9" s="311">
        <v>0</v>
      </c>
      <c r="BQ9" s="315">
        <v>0</v>
      </c>
      <c r="BR9" s="312">
        <v>0</v>
      </c>
      <c r="BS9" s="314">
        <v>0</v>
      </c>
      <c r="BT9" s="315">
        <v>0</v>
      </c>
      <c r="BU9" s="315">
        <v>0</v>
      </c>
      <c r="BV9" s="315">
        <v>0</v>
      </c>
      <c r="BW9" s="315">
        <v>0</v>
      </c>
      <c r="BX9" s="315">
        <v>0</v>
      </c>
      <c r="BY9" s="312">
        <v>0</v>
      </c>
      <c r="BZ9" s="317">
        <v>0</v>
      </c>
      <c r="CA9" s="311">
        <v>0</v>
      </c>
      <c r="CB9" s="315">
        <v>0</v>
      </c>
      <c r="CC9" s="312">
        <v>0</v>
      </c>
      <c r="CD9" s="314">
        <v>0</v>
      </c>
      <c r="CE9" s="315">
        <v>0</v>
      </c>
      <c r="CF9" s="315">
        <v>1</v>
      </c>
      <c r="CG9" s="315">
        <v>0</v>
      </c>
      <c r="CH9" s="315">
        <v>0</v>
      </c>
      <c r="CI9" s="315">
        <v>0</v>
      </c>
      <c r="CJ9" s="312">
        <v>1</v>
      </c>
      <c r="CK9" s="317">
        <v>1</v>
      </c>
      <c r="CL9" s="311">
        <v>0</v>
      </c>
      <c r="CM9" s="315">
        <v>0</v>
      </c>
      <c r="CN9" s="312">
        <v>0</v>
      </c>
      <c r="CO9" s="314">
        <v>0</v>
      </c>
      <c r="CP9" s="315">
        <v>1</v>
      </c>
      <c r="CQ9" s="315">
        <v>2</v>
      </c>
      <c r="CR9" s="315">
        <v>0</v>
      </c>
      <c r="CS9" s="315">
        <v>2</v>
      </c>
      <c r="CT9" s="315">
        <v>0</v>
      </c>
      <c r="CU9" s="312">
        <v>5</v>
      </c>
      <c r="CV9" s="317">
        <v>5</v>
      </c>
    </row>
    <row r="10" spans="1:100" ht="21" customHeight="1" x14ac:dyDescent="0.2">
      <c r="A10" s="296" t="s">
        <v>7</v>
      </c>
      <c r="B10" s="311">
        <v>0</v>
      </c>
      <c r="C10" s="312">
        <v>0</v>
      </c>
      <c r="D10" s="313">
        <v>0</v>
      </c>
      <c r="E10" s="314">
        <v>0</v>
      </c>
      <c r="F10" s="315">
        <v>0</v>
      </c>
      <c r="G10" s="315">
        <v>0</v>
      </c>
      <c r="H10" s="315">
        <v>1</v>
      </c>
      <c r="I10" s="315">
        <v>0</v>
      </c>
      <c r="J10" s="315">
        <v>0</v>
      </c>
      <c r="K10" s="316">
        <v>1</v>
      </c>
      <c r="L10" s="317">
        <v>1</v>
      </c>
      <c r="M10" s="311">
        <v>0</v>
      </c>
      <c r="N10" s="315">
        <v>0</v>
      </c>
      <c r="O10" s="312">
        <v>0</v>
      </c>
      <c r="P10" s="314">
        <v>0</v>
      </c>
      <c r="Q10" s="315">
        <v>0</v>
      </c>
      <c r="R10" s="315">
        <v>0</v>
      </c>
      <c r="S10" s="315">
        <v>0</v>
      </c>
      <c r="T10" s="315">
        <v>0</v>
      </c>
      <c r="U10" s="315">
        <v>0</v>
      </c>
      <c r="V10" s="312">
        <v>0</v>
      </c>
      <c r="W10" s="317">
        <v>0</v>
      </c>
      <c r="X10" s="311">
        <v>0</v>
      </c>
      <c r="Y10" s="315">
        <v>0</v>
      </c>
      <c r="Z10" s="312">
        <v>0</v>
      </c>
      <c r="AA10" s="314">
        <v>0</v>
      </c>
      <c r="AB10" s="315">
        <v>22</v>
      </c>
      <c r="AC10" s="315">
        <v>16</v>
      </c>
      <c r="AD10" s="315">
        <v>15</v>
      </c>
      <c r="AE10" s="315">
        <v>6</v>
      </c>
      <c r="AF10" s="315">
        <v>1</v>
      </c>
      <c r="AG10" s="312">
        <v>60</v>
      </c>
      <c r="AH10" s="317">
        <v>60</v>
      </c>
      <c r="AI10" s="311">
        <v>0</v>
      </c>
      <c r="AJ10" s="315">
        <v>0</v>
      </c>
      <c r="AK10" s="312">
        <v>0</v>
      </c>
      <c r="AL10" s="314">
        <v>0</v>
      </c>
      <c r="AM10" s="315">
        <v>3</v>
      </c>
      <c r="AN10" s="315">
        <v>3</v>
      </c>
      <c r="AO10" s="315">
        <v>4</v>
      </c>
      <c r="AP10" s="315">
        <v>4</v>
      </c>
      <c r="AQ10" s="315">
        <v>0</v>
      </c>
      <c r="AR10" s="312">
        <v>14</v>
      </c>
      <c r="AS10" s="317">
        <v>14</v>
      </c>
      <c r="AT10" s="311">
        <v>0</v>
      </c>
      <c r="AU10" s="315">
        <v>0</v>
      </c>
      <c r="AV10" s="312">
        <v>0</v>
      </c>
      <c r="AW10" s="314">
        <v>0</v>
      </c>
      <c r="AX10" s="315">
        <v>0</v>
      </c>
      <c r="AY10" s="315">
        <v>2</v>
      </c>
      <c r="AZ10" s="315">
        <v>1</v>
      </c>
      <c r="BA10" s="315">
        <v>1</v>
      </c>
      <c r="BB10" s="315">
        <v>0</v>
      </c>
      <c r="BC10" s="312">
        <v>4</v>
      </c>
      <c r="BD10" s="317">
        <v>4</v>
      </c>
      <c r="BE10" s="311">
        <v>0</v>
      </c>
      <c r="BF10" s="315">
        <v>0</v>
      </c>
      <c r="BG10" s="312">
        <v>0</v>
      </c>
      <c r="BH10" s="314">
        <v>0</v>
      </c>
      <c r="BI10" s="315">
        <v>3</v>
      </c>
      <c r="BJ10" s="315">
        <v>2</v>
      </c>
      <c r="BK10" s="315">
        <v>8</v>
      </c>
      <c r="BL10" s="315">
        <v>1</v>
      </c>
      <c r="BM10" s="315">
        <v>1</v>
      </c>
      <c r="BN10" s="316">
        <v>15</v>
      </c>
      <c r="BO10" s="317">
        <v>15</v>
      </c>
      <c r="BP10" s="311">
        <v>0</v>
      </c>
      <c r="BQ10" s="315">
        <v>0</v>
      </c>
      <c r="BR10" s="312">
        <v>0</v>
      </c>
      <c r="BS10" s="314">
        <v>0</v>
      </c>
      <c r="BT10" s="315">
        <v>0</v>
      </c>
      <c r="BU10" s="315">
        <v>0</v>
      </c>
      <c r="BV10" s="315">
        <v>0</v>
      </c>
      <c r="BW10" s="315">
        <v>0</v>
      </c>
      <c r="BX10" s="315">
        <v>0</v>
      </c>
      <c r="BY10" s="312">
        <v>0</v>
      </c>
      <c r="BZ10" s="317">
        <v>0</v>
      </c>
      <c r="CA10" s="311">
        <v>0</v>
      </c>
      <c r="CB10" s="315">
        <v>0</v>
      </c>
      <c r="CC10" s="312">
        <v>0</v>
      </c>
      <c r="CD10" s="314">
        <v>0</v>
      </c>
      <c r="CE10" s="315">
        <v>0</v>
      </c>
      <c r="CF10" s="315">
        <v>0</v>
      </c>
      <c r="CG10" s="315">
        <v>0</v>
      </c>
      <c r="CH10" s="315">
        <v>0</v>
      </c>
      <c r="CI10" s="315">
        <v>0</v>
      </c>
      <c r="CJ10" s="312">
        <v>0</v>
      </c>
      <c r="CK10" s="317">
        <v>0</v>
      </c>
      <c r="CL10" s="311">
        <v>0</v>
      </c>
      <c r="CM10" s="315">
        <v>0</v>
      </c>
      <c r="CN10" s="312">
        <v>0</v>
      </c>
      <c r="CO10" s="314">
        <v>0</v>
      </c>
      <c r="CP10" s="315">
        <v>0</v>
      </c>
      <c r="CQ10" s="315">
        <v>0</v>
      </c>
      <c r="CR10" s="315">
        <v>0</v>
      </c>
      <c r="CS10" s="315">
        <v>1</v>
      </c>
      <c r="CT10" s="315">
        <v>1</v>
      </c>
      <c r="CU10" s="312">
        <v>2</v>
      </c>
      <c r="CV10" s="317">
        <v>2</v>
      </c>
    </row>
    <row r="11" spans="1:100" ht="21" customHeight="1" x14ac:dyDescent="0.2">
      <c r="A11" s="296" t="s">
        <v>8</v>
      </c>
      <c r="B11" s="311">
        <v>0</v>
      </c>
      <c r="C11" s="312">
        <v>0</v>
      </c>
      <c r="D11" s="313">
        <v>0</v>
      </c>
      <c r="E11" s="314">
        <v>0</v>
      </c>
      <c r="F11" s="315">
        <v>0</v>
      </c>
      <c r="G11" s="315">
        <v>1</v>
      </c>
      <c r="H11" s="315">
        <v>0</v>
      </c>
      <c r="I11" s="315">
        <v>1</v>
      </c>
      <c r="J11" s="315">
        <v>0</v>
      </c>
      <c r="K11" s="316">
        <v>2</v>
      </c>
      <c r="L11" s="317">
        <v>2</v>
      </c>
      <c r="M11" s="311">
        <v>0</v>
      </c>
      <c r="N11" s="315">
        <v>0</v>
      </c>
      <c r="O11" s="312">
        <v>0</v>
      </c>
      <c r="P11" s="314">
        <v>0</v>
      </c>
      <c r="Q11" s="315">
        <v>0</v>
      </c>
      <c r="R11" s="315">
        <v>0</v>
      </c>
      <c r="S11" s="315">
        <v>0</v>
      </c>
      <c r="T11" s="315">
        <v>0</v>
      </c>
      <c r="U11" s="315">
        <v>0</v>
      </c>
      <c r="V11" s="312">
        <v>0</v>
      </c>
      <c r="W11" s="317">
        <v>0</v>
      </c>
      <c r="X11" s="311">
        <v>0</v>
      </c>
      <c r="Y11" s="315">
        <v>0</v>
      </c>
      <c r="Z11" s="312">
        <v>0</v>
      </c>
      <c r="AA11" s="314">
        <v>0</v>
      </c>
      <c r="AB11" s="315">
        <v>29</v>
      </c>
      <c r="AC11" s="315">
        <v>23</v>
      </c>
      <c r="AD11" s="315">
        <v>8</v>
      </c>
      <c r="AE11" s="315">
        <v>5</v>
      </c>
      <c r="AF11" s="315">
        <v>1</v>
      </c>
      <c r="AG11" s="312">
        <v>66</v>
      </c>
      <c r="AH11" s="317">
        <v>66</v>
      </c>
      <c r="AI11" s="311">
        <v>0</v>
      </c>
      <c r="AJ11" s="315">
        <v>0</v>
      </c>
      <c r="AK11" s="312">
        <v>0</v>
      </c>
      <c r="AL11" s="314">
        <v>0</v>
      </c>
      <c r="AM11" s="315">
        <v>0</v>
      </c>
      <c r="AN11" s="315">
        <v>1</v>
      </c>
      <c r="AO11" s="315">
        <v>0</v>
      </c>
      <c r="AP11" s="315">
        <v>0</v>
      </c>
      <c r="AQ11" s="315">
        <v>0</v>
      </c>
      <c r="AR11" s="312">
        <v>1</v>
      </c>
      <c r="AS11" s="317">
        <v>1</v>
      </c>
      <c r="AT11" s="311">
        <v>0</v>
      </c>
      <c r="AU11" s="315">
        <v>0</v>
      </c>
      <c r="AV11" s="312">
        <v>0</v>
      </c>
      <c r="AW11" s="314">
        <v>0</v>
      </c>
      <c r="AX11" s="315">
        <v>1</v>
      </c>
      <c r="AY11" s="315">
        <v>0</v>
      </c>
      <c r="AZ11" s="315">
        <v>1</v>
      </c>
      <c r="BA11" s="315">
        <v>0</v>
      </c>
      <c r="BB11" s="315">
        <v>1</v>
      </c>
      <c r="BC11" s="312">
        <v>3</v>
      </c>
      <c r="BD11" s="317">
        <v>3</v>
      </c>
      <c r="BE11" s="311">
        <v>0</v>
      </c>
      <c r="BF11" s="315">
        <v>0</v>
      </c>
      <c r="BG11" s="312">
        <v>0</v>
      </c>
      <c r="BH11" s="314">
        <v>0</v>
      </c>
      <c r="BI11" s="315">
        <v>0</v>
      </c>
      <c r="BJ11" s="315">
        <v>2</v>
      </c>
      <c r="BK11" s="315">
        <v>0</v>
      </c>
      <c r="BL11" s="315">
        <v>6</v>
      </c>
      <c r="BM11" s="315">
        <v>0</v>
      </c>
      <c r="BN11" s="316">
        <v>8</v>
      </c>
      <c r="BO11" s="317">
        <v>8</v>
      </c>
      <c r="BP11" s="311">
        <v>0</v>
      </c>
      <c r="BQ11" s="315">
        <v>0</v>
      </c>
      <c r="BR11" s="312">
        <v>0</v>
      </c>
      <c r="BS11" s="314">
        <v>0</v>
      </c>
      <c r="BT11" s="315">
        <v>0</v>
      </c>
      <c r="BU11" s="315">
        <v>1</v>
      </c>
      <c r="BV11" s="315">
        <v>0</v>
      </c>
      <c r="BW11" s="315">
        <v>1</v>
      </c>
      <c r="BX11" s="315">
        <v>0</v>
      </c>
      <c r="BY11" s="312">
        <v>2</v>
      </c>
      <c r="BZ11" s="317">
        <v>2</v>
      </c>
      <c r="CA11" s="311">
        <v>0</v>
      </c>
      <c r="CB11" s="315">
        <v>0</v>
      </c>
      <c r="CC11" s="312">
        <v>0</v>
      </c>
      <c r="CD11" s="314">
        <v>0</v>
      </c>
      <c r="CE11" s="315">
        <v>0</v>
      </c>
      <c r="CF11" s="315">
        <v>0</v>
      </c>
      <c r="CG11" s="315">
        <v>0</v>
      </c>
      <c r="CH11" s="315">
        <v>1</v>
      </c>
      <c r="CI11" s="315">
        <v>1</v>
      </c>
      <c r="CJ11" s="312">
        <v>2</v>
      </c>
      <c r="CK11" s="317">
        <v>2</v>
      </c>
      <c r="CL11" s="311">
        <v>0</v>
      </c>
      <c r="CM11" s="315">
        <v>0</v>
      </c>
      <c r="CN11" s="312">
        <v>0</v>
      </c>
      <c r="CO11" s="314">
        <v>0</v>
      </c>
      <c r="CP11" s="315">
        <v>0</v>
      </c>
      <c r="CQ11" s="315">
        <v>1</v>
      </c>
      <c r="CR11" s="315">
        <v>0</v>
      </c>
      <c r="CS11" s="315">
        <v>1</v>
      </c>
      <c r="CT11" s="315">
        <v>0</v>
      </c>
      <c r="CU11" s="312">
        <v>2</v>
      </c>
      <c r="CV11" s="317">
        <v>2</v>
      </c>
    </row>
    <row r="12" spans="1:100" ht="21" customHeight="1" x14ac:dyDescent="0.2">
      <c r="A12" s="296" t="s">
        <v>9</v>
      </c>
      <c r="B12" s="311">
        <v>0</v>
      </c>
      <c r="C12" s="312">
        <v>0</v>
      </c>
      <c r="D12" s="313">
        <v>0</v>
      </c>
      <c r="E12" s="314">
        <v>0</v>
      </c>
      <c r="F12" s="315">
        <v>0</v>
      </c>
      <c r="G12" s="315">
        <v>1</v>
      </c>
      <c r="H12" s="315">
        <v>0</v>
      </c>
      <c r="I12" s="315">
        <v>3</v>
      </c>
      <c r="J12" s="315">
        <v>0</v>
      </c>
      <c r="K12" s="316">
        <v>4</v>
      </c>
      <c r="L12" s="317">
        <v>4</v>
      </c>
      <c r="M12" s="311">
        <v>0</v>
      </c>
      <c r="N12" s="315">
        <v>0</v>
      </c>
      <c r="O12" s="312">
        <v>0</v>
      </c>
      <c r="P12" s="314">
        <v>0</v>
      </c>
      <c r="Q12" s="315">
        <v>0</v>
      </c>
      <c r="R12" s="315">
        <v>0</v>
      </c>
      <c r="S12" s="315">
        <v>0</v>
      </c>
      <c r="T12" s="315">
        <v>0</v>
      </c>
      <c r="U12" s="315">
        <v>0</v>
      </c>
      <c r="V12" s="312">
        <v>0</v>
      </c>
      <c r="W12" s="317">
        <v>0</v>
      </c>
      <c r="X12" s="311">
        <v>0</v>
      </c>
      <c r="Y12" s="315">
        <v>0</v>
      </c>
      <c r="Z12" s="312">
        <v>0</v>
      </c>
      <c r="AA12" s="314">
        <v>0</v>
      </c>
      <c r="AB12" s="315">
        <v>35</v>
      </c>
      <c r="AC12" s="315">
        <v>34</v>
      </c>
      <c r="AD12" s="315">
        <v>19</v>
      </c>
      <c r="AE12" s="315">
        <v>11</v>
      </c>
      <c r="AF12" s="315">
        <v>1</v>
      </c>
      <c r="AG12" s="312">
        <v>100</v>
      </c>
      <c r="AH12" s="317">
        <v>100</v>
      </c>
      <c r="AI12" s="311">
        <v>0</v>
      </c>
      <c r="AJ12" s="315">
        <v>0</v>
      </c>
      <c r="AK12" s="312">
        <v>0</v>
      </c>
      <c r="AL12" s="314">
        <v>0</v>
      </c>
      <c r="AM12" s="315">
        <v>2</v>
      </c>
      <c r="AN12" s="315">
        <v>0</v>
      </c>
      <c r="AO12" s="315">
        <v>2</v>
      </c>
      <c r="AP12" s="315">
        <v>0</v>
      </c>
      <c r="AQ12" s="315">
        <v>1</v>
      </c>
      <c r="AR12" s="312">
        <v>5</v>
      </c>
      <c r="AS12" s="317">
        <v>5</v>
      </c>
      <c r="AT12" s="311">
        <v>1</v>
      </c>
      <c r="AU12" s="315">
        <v>0</v>
      </c>
      <c r="AV12" s="312">
        <v>1</v>
      </c>
      <c r="AW12" s="314">
        <v>0</v>
      </c>
      <c r="AX12" s="315">
        <v>4</v>
      </c>
      <c r="AY12" s="315">
        <v>4</v>
      </c>
      <c r="AZ12" s="315">
        <v>3</v>
      </c>
      <c r="BA12" s="315">
        <v>3</v>
      </c>
      <c r="BB12" s="315">
        <v>1</v>
      </c>
      <c r="BC12" s="312">
        <v>15</v>
      </c>
      <c r="BD12" s="317">
        <v>16</v>
      </c>
      <c r="BE12" s="311">
        <v>0</v>
      </c>
      <c r="BF12" s="315">
        <v>0</v>
      </c>
      <c r="BG12" s="312">
        <v>0</v>
      </c>
      <c r="BH12" s="314">
        <v>0</v>
      </c>
      <c r="BI12" s="315">
        <v>0</v>
      </c>
      <c r="BJ12" s="315">
        <v>5</v>
      </c>
      <c r="BK12" s="315">
        <v>3</v>
      </c>
      <c r="BL12" s="315">
        <v>3</v>
      </c>
      <c r="BM12" s="315">
        <v>1</v>
      </c>
      <c r="BN12" s="316">
        <v>12</v>
      </c>
      <c r="BO12" s="317">
        <v>12</v>
      </c>
      <c r="BP12" s="311">
        <v>0</v>
      </c>
      <c r="BQ12" s="315">
        <v>0</v>
      </c>
      <c r="BR12" s="312">
        <v>0</v>
      </c>
      <c r="BS12" s="314">
        <v>0</v>
      </c>
      <c r="BT12" s="315">
        <v>0</v>
      </c>
      <c r="BU12" s="315">
        <v>2</v>
      </c>
      <c r="BV12" s="315">
        <v>0</v>
      </c>
      <c r="BW12" s="315">
        <v>1</v>
      </c>
      <c r="BX12" s="315">
        <v>0</v>
      </c>
      <c r="BY12" s="312">
        <v>3</v>
      </c>
      <c r="BZ12" s="317">
        <v>3</v>
      </c>
      <c r="CA12" s="311">
        <v>0</v>
      </c>
      <c r="CB12" s="315">
        <v>0</v>
      </c>
      <c r="CC12" s="312">
        <v>0</v>
      </c>
      <c r="CD12" s="314">
        <v>0</v>
      </c>
      <c r="CE12" s="315">
        <v>0</v>
      </c>
      <c r="CF12" s="315">
        <v>0</v>
      </c>
      <c r="CG12" s="315">
        <v>0</v>
      </c>
      <c r="CH12" s="315">
        <v>0</v>
      </c>
      <c r="CI12" s="315">
        <v>0</v>
      </c>
      <c r="CJ12" s="312">
        <v>0</v>
      </c>
      <c r="CK12" s="317">
        <v>0</v>
      </c>
      <c r="CL12" s="311">
        <v>0</v>
      </c>
      <c r="CM12" s="315">
        <v>0</v>
      </c>
      <c r="CN12" s="312">
        <v>0</v>
      </c>
      <c r="CO12" s="314">
        <v>0</v>
      </c>
      <c r="CP12" s="315">
        <v>0</v>
      </c>
      <c r="CQ12" s="315">
        <v>1</v>
      </c>
      <c r="CR12" s="315">
        <v>2</v>
      </c>
      <c r="CS12" s="315">
        <v>3</v>
      </c>
      <c r="CT12" s="315">
        <v>2</v>
      </c>
      <c r="CU12" s="312">
        <v>8</v>
      </c>
      <c r="CV12" s="317">
        <v>8</v>
      </c>
    </row>
    <row r="13" spans="1:100" ht="21" customHeight="1" x14ac:dyDescent="0.2">
      <c r="A13" s="296" t="s">
        <v>10</v>
      </c>
      <c r="B13" s="311">
        <v>0</v>
      </c>
      <c r="C13" s="312">
        <v>0</v>
      </c>
      <c r="D13" s="313">
        <v>0</v>
      </c>
      <c r="E13" s="314">
        <v>0</v>
      </c>
      <c r="F13" s="315">
        <v>1</v>
      </c>
      <c r="G13" s="315">
        <v>2</v>
      </c>
      <c r="H13" s="315">
        <v>0</v>
      </c>
      <c r="I13" s="315">
        <v>1</v>
      </c>
      <c r="J13" s="315">
        <v>0</v>
      </c>
      <c r="K13" s="316">
        <v>4</v>
      </c>
      <c r="L13" s="317">
        <v>4</v>
      </c>
      <c r="M13" s="311">
        <v>0</v>
      </c>
      <c r="N13" s="315">
        <v>0</v>
      </c>
      <c r="O13" s="312">
        <v>0</v>
      </c>
      <c r="P13" s="314">
        <v>0</v>
      </c>
      <c r="Q13" s="315">
        <v>0</v>
      </c>
      <c r="R13" s="315">
        <v>1</v>
      </c>
      <c r="S13" s="315">
        <v>2</v>
      </c>
      <c r="T13" s="315">
        <v>1</v>
      </c>
      <c r="U13" s="315">
        <v>2</v>
      </c>
      <c r="V13" s="312">
        <v>6</v>
      </c>
      <c r="W13" s="317">
        <v>6</v>
      </c>
      <c r="X13" s="311">
        <v>0</v>
      </c>
      <c r="Y13" s="315">
        <v>0</v>
      </c>
      <c r="Z13" s="312">
        <v>0</v>
      </c>
      <c r="AA13" s="314">
        <v>0</v>
      </c>
      <c r="AB13" s="315">
        <v>43</v>
      </c>
      <c r="AC13" s="315">
        <v>12</v>
      </c>
      <c r="AD13" s="315">
        <v>9</v>
      </c>
      <c r="AE13" s="315">
        <v>3</v>
      </c>
      <c r="AF13" s="315">
        <v>1</v>
      </c>
      <c r="AG13" s="312">
        <v>68</v>
      </c>
      <c r="AH13" s="317">
        <v>68</v>
      </c>
      <c r="AI13" s="311">
        <v>0</v>
      </c>
      <c r="AJ13" s="315">
        <v>0</v>
      </c>
      <c r="AK13" s="312">
        <v>0</v>
      </c>
      <c r="AL13" s="314">
        <v>0</v>
      </c>
      <c r="AM13" s="315">
        <v>2</v>
      </c>
      <c r="AN13" s="315">
        <v>2</v>
      </c>
      <c r="AO13" s="315">
        <v>1</v>
      </c>
      <c r="AP13" s="315">
        <v>1</v>
      </c>
      <c r="AQ13" s="315">
        <v>1</v>
      </c>
      <c r="AR13" s="312">
        <v>7</v>
      </c>
      <c r="AS13" s="317">
        <v>7</v>
      </c>
      <c r="AT13" s="311">
        <v>1</v>
      </c>
      <c r="AU13" s="315">
        <v>2</v>
      </c>
      <c r="AV13" s="312">
        <v>3</v>
      </c>
      <c r="AW13" s="314">
        <v>0</v>
      </c>
      <c r="AX13" s="315">
        <v>3</v>
      </c>
      <c r="AY13" s="315">
        <v>2</v>
      </c>
      <c r="AZ13" s="315">
        <v>3</v>
      </c>
      <c r="BA13" s="315">
        <v>2</v>
      </c>
      <c r="BB13" s="315">
        <v>3</v>
      </c>
      <c r="BC13" s="312">
        <v>13</v>
      </c>
      <c r="BD13" s="317">
        <v>16</v>
      </c>
      <c r="BE13" s="311">
        <v>0</v>
      </c>
      <c r="BF13" s="315">
        <v>0</v>
      </c>
      <c r="BG13" s="312">
        <v>0</v>
      </c>
      <c r="BH13" s="314">
        <v>0</v>
      </c>
      <c r="BI13" s="315">
        <v>4</v>
      </c>
      <c r="BJ13" s="315">
        <v>7</v>
      </c>
      <c r="BK13" s="315">
        <v>4</v>
      </c>
      <c r="BL13" s="315">
        <v>6</v>
      </c>
      <c r="BM13" s="315">
        <v>7</v>
      </c>
      <c r="BN13" s="316">
        <v>28</v>
      </c>
      <c r="BO13" s="317">
        <v>28</v>
      </c>
      <c r="BP13" s="311">
        <v>0</v>
      </c>
      <c r="BQ13" s="315">
        <v>0</v>
      </c>
      <c r="BR13" s="312">
        <v>0</v>
      </c>
      <c r="BS13" s="314">
        <v>0</v>
      </c>
      <c r="BT13" s="315">
        <v>1</v>
      </c>
      <c r="BU13" s="315">
        <v>4</v>
      </c>
      <c r="BV13" s="315">
        <v>7</v>
      </c>
      <c r="BW13" s="315">
        <v>3</v>
      </c>
      <c r="BX13" s="315">
        <v>5</v>
      </c>
      <c r="BY13" s="312">
        <v>20</v>
      </c>
      <c r="BZ13" s="317">
        <v>20</v>
      </c>
      <c r="CA13" s="311">
        <v>0</v>
      </c>
      <c r="CB13" s="315">
        <v>0</v>
      </c>
      <c r="CC13" s="312">
        <v>0</v>
      </c>
      <c r="CD13" s="314">
        <v>0</v>
      </c>
      <c r="CE13" s="315">
        <v>0</v>
      </c>
      <c r="CF13" s="315">
        <v>0</v>
      </c>
      <c r="CG13" s="315">
        <v>0</v>
      </c>
      <c r="CH13" s="315">
        <v>4</v>
      </c>
      <c r="CI13" s="315">
        <v>1</v>
      </c>
      <c r="CJ13" s="312">
        <v>5</v>
      </c>
      <c r="CK13" s="317">
        <v>5</v>
      </c>
      <c r="CL13" s="311">
        <v>0</v>
      </c>
      <c r="CM13" s="315">
        <v>0</v>
      </c>
      <c r="CN13" s="312">
        <v>0</v>
      </c>
      <c r="CO13" s="314">
        <v>0</v>
      </c>
      <c r="CP13" s="315">
        <v>0</v>
      </c>
      <c r="CQ13" s="315">
        <v>0</v>
      </c>
      <c r="CR13" s="315">
        <v>1</v>
      </c>
      <c r="CS13" s="315">
        <v>0</v>
      </c>
      <c r="CT13" s="315">
        <v>1</v>
      </c>
      <c r="CU13" s="312">
        <v>2</v>
      </c>
      <c r="CV13" s="317">
        <v>2</v>
      </c>
    </row>
    <row r="14" spans="1:100" ht="21" customHeight="1" x14ac:dyDescent="0.2">
      <c r="A14" s="296" t="s">
        <v>11</v>
      </c>
      <c r="B14" s="311">
        <v>0</v>
      </c>
      <c r="C14" s="312">
        <v>0</v>
      </c>
      <c r="D14" s="313">
        <v>0</v>
      </c>
      <c r="E14" s="314">
        <v>0</v>
      </c>
      <c r="F14" s="315">
        <v>1</v>
      </c>
      <c r="G14" s="315">
        <v>1</v>
      </c>
      <c r="H14" s="315">
        <v>1</v>
      </c>
      <c r="I14" s="315">
        <v>0</v>
      </c>
      <c r="J14" s="315">
        <v>1</v>
      </c>
      <c r="K14" s="316">
        <v>4</v>
      </c>
      <c r="L14" s="317">
        <v>4</v>
      </c>
      <c r="M14" s="311">
        <v>0</v>
      </c>
      <c r="N14" s="315">
        <v>0</v>
      </c>
      <c r="O14" s="312">
        <v>0</v>
      </c>
      <c r="P14" s="314">
        <v>0</v>
      </c>
      <c r="Q14" s="315">
        <v>1</v>
      </c>
      <c r="R14" s="315">
        <v>0</v>
      </c>
      <c r="S14" s="315">
        <v>0</v>
      </c>
      <c r="T14" s="315">
        <v>0</v>
      </c>
      <c r="U14" s="315">
        <v>0</v>
      </c>
      <c r="V14" s="312">
        <v>1</v>
      </c>
      <c r="W14" s="317">
        <v>1</v>
      </c>
      <c r="X14" s="311">
        <v>0</v>
      </c>
      <c r="Y14" s="315">
        <v>0</v>
      </c>
      <c r="Z14" s="312">
        <v>0</v>
      </c>
      <c r="AA14" s="314">
        <v>0</v>
      </c>
      <c r="AB14" s="315">
        <v>21</v>
      </c>
      <c r="AC14" s="315">
        <v>3</v>
      </c>
      <c r="AD14" s="315">
        <v>8</v>
      </c>
      <c r="AE14" s="315">
        <v>5</v>
      </c>
      <c r="AF14" s="315">
        <v>0</v>
      </c>
      <c r="AG14" s="312">
        <v>37</v>
      </c>
      <c r="AH14" s="317">
        <v>37</v>
      </c>
      <c r="AI14" s="311">
        <v>0</v>
      </c>
      <c r="AJ14" s="315">
        <v>0</v>
      </c>
      <c r="AK14" s="312">
        <v>0</v>
      </c>
      <c r="AL14" s="314">
        <v>0</v>
      </c>
      <c r="AM14" s="315">
        <v>0</v>
      </c>
      <c r="AN14" s="315">
        <v>0</v>
      </c>
      <c r="AO14" s="315">
        <v>0</v>
      </c>
      <c r="AP14" s="315">
        <v>0</v>
      </c>
      <c r="AQ14" s="315">
        <v>1</v>
      </c>
      <c r="AR14" s="312">
        <v>1</v>
      </c>
      <c r="AS14" s="317">
        <v>1</v>
      </c>
      <c r="AT14" s="311">
        <v>0</v>
      </c>
      <c r="AU14" s="315">
        <v>0</v>
      </c>
      <c r="AV14" s="312">
        <v>0</v>
      </c>
      <c r="AW14" s="314">
        <v>0</v>
      </c>
      <c r="AX14" s="315">
        <v>1</v>
      </c>
      <c r="AY14" s="315">
        <v>2</v>
      </c>
      <c r="AZ14" s="315">
        <v>1</v>
      </c>
      <c r="BA14" s="315">
        <v>0</v>
      </c>
      <c r="BB14" s="315">
        <v>0</v>
      </c>
      <c r="BC14" s="312">
        <v>4</v>
      </c>
      <c r="BD14" s="317">
        <v>4</v>
      </c>
      <c r="BE14" s="311">
        <v>0</v>
      </c>
      <c r="BF14" s="315">
        <v>0</v>
      </c>
      <c r="BG14" s="312">
        <v>0</v>
      </c>
      <c r="BH14" s="314">
        <v>0</v>
      </c>
      <c r="BI14" s="315">
        <v>0</v>
      </c>
      <c r="BJ14" s="315">
        <v>3</v>
      </c>
      <c r="BK14" s="315">
        <v>0</v>
      </c>
      <c r="BL14" s="315">
        <v>3</v>
      </c>
      <c r="BM14" s="315">
        <v>1</v>
      </c>
      <c r="BN14" s="316">
        <v>7</v>
      </c>
      <c r="BO14" s="317">
        <v>7</v>
      </c>
      <c r="BP14" s="311">
        <v>0</v>
      </c>
      <c r="BQ14" s="315">
        <v>0</v>
      </c>
      <c r="BR14" s="312">
        <v>0</v>
      </c>
      <c r="BS14" s="314">
        <v>0</v>
      </c>
      <c r="BT14" s="315">
        <v>0</v>
      </c>
      <c r="BU14" s="315">
        <v>0</v>
      </c>
      <c r="BV14" s="315">
        <v>0</v>
      </c>
      <c r="BW14" s="315">
        <v>0</v>
      </c>
      <c r="BX14" s="315">
        <v>0</v>
      </c>
      <c r="BY14" s="312">
        <v>0</v>
      </c>
      <c r="BZ14" s="317">
        <v>0</v>
      </c>
      <c r="CA14" s="311">
        <v>0</v>
      </c>
      <c r="CB14" s="315">
        <v>0</v>
      </c>
      <c r="CC14" s="312">
        <v>0</v>
      </c>
      <c r="CD14" s="314">
        <v>0</v>
      </c>
      <c r="CE14" s="315">
        <v>0</v>
      </c>
      <c r="CF14" s="315">
        <v>0</v>
      </c>
      <c r="CG14" s="315">
        <v>0</v>
      </c>
      <c r="CH14" s="315">
        <v>0</v>
      </c>
      <c r="CI14" s="315">
        <v>0</v>
      </c>
      <c r="CJ14" s="312">
        <v>0</v>
      </c>
      <c r="CK14" s="317">
        <v>0</v>
      </c>
      <c r="CL14" s="311">
        <v>0</v>
      </c>
      <c r="CM14" s="315">
        <v>0</v>
      </c>
      <c r="CN14" s="312">
        <v>0</v>
      </c>
      <c r="CO14" s="314">
        <v>0</v>
      </c>
      <c r="CP14" s="315">
        <v>0</v>
      </c>
      <c r="CQ14" s="315">
        <v>0</v>
      </c>
      <c r="CR14" s="315">
        <v>0</v>
      </c>
      <c r="CS14" s="315">
        <v>1</v>
      </c>
      <c r="CT14" s="315">
        <v>0</v>
      </c>
      <c r="CU14" s="312">
        <v>1</v>
      </c>
      <c r="CV14" s="317">
        <v>1</v>
      </c>
    </row>
    <row r="15" spans="1:100" ht="21" customHeight="1" x14ac:dyDescent="0.2">
      <c r="A15" s="296" t="s">
        <v>12</v>
      </c>
      <c r="B15" s="311">
        <v>0</v>
      </c>
      <c r="C15" s="312">
        <v>0</v>
      </c>
      <c r="D15" s="313">
        <v>0</v>
      </c>
      <c r="E15" s="314">
        <v>0</v>
      </c>
      <c r="F15" s="315">
        <v>0</v>
      </c>
      <c r="G15" s="315">
        <v>0</v>
      </c>
      <c r="H15" s="315">
        <v>0</v>
      </c>
      <c r="I15" s="315">
        <v>0</v>
      </c>
      <c r="J15" s="315">
        <v>0</v>
      </c>
      <c r="K15" s="316">
        <v>0</v>
      </c>
      <c r="L15" s="317">
        <v>0</v>
      </c>
      <c r="M15" s="311">
        <v>0</v>
      </c>
      <c r="N15" s="315">
        <v>0</v>
      </c>
      <c r="O15" s="312">
        <v>0</v>
      </c>
      <c r="P15" s="314">
        <v>0</v>
      </c>
      <c r="Q15" s="315">
        <v>0</v>
      </c>
      <c r="R15" s="315">
        <v>0</v>
      </c>
      <c r="S15" s="315">
        <v>0</v>
      </c>
      <c r="T15" s="315">
        <v>0</v>
      </c>
      <c r="U15" s="315">
        <v>0</v>
      </c>
      <c r="V15" s="312">
        <v>0</v>
      </c>
      <c r="W15" s="317">
        <v>0</v>
      </c>
      <c r="X15" s="311">
        <v>0</v>
      </c>
      <c r="Y15" s="315">
        <v>0</v>
      </c>
      <c r="Z15" s="312">
        <v>0</v>
      </c>
      <c r="AA15" s="314">
        <v>0</v>
      </c>
      <c r="AB15" s="315">
        <v>18</v>
      </c>
      <c r="AC15" s="315">
        <v>11</v>
      </c>
      <c r="AD15" s="315">
        <v>8</v>
      </c>
      <c r="AE15" s="315">
        <v>5</v>
      </c>
      <c r="AF15" s="315">
        <v>0</v>
      </c>
      <c r="AG15" s="312">
        <v>42</v>
      </c>
      <c r="AH15" s="317">
        <v>42</v>
      </c>
      <c r="AI15" s="311">
        <v>0</v>
      </c>
      <c r="AJ15" s="315">
        <v>0</v>
      </c>
      <c r="AK15" s="312">
        <v>0</v>
      </c>
      <c r="AL15" s="314">
        <v>0</v>
      </c>
      <c r="AM15" s="315">
        <v>1</v>
      </c>
      <c r="AN15" s="315">
        <v>0</v>
      </c>
      <c r="AO15" s="315">
        <v>0</v>
      </c>
      <c r="AP15" s="315">
        <v>0</v>
      </c>
      <c r="AQ15" s="315">
        <v>0</v>
      </c>
      <c r="AR15" s="312">
        <v>1</v>
      </c>
      <c r="AS15" s="317">
        <v>1</v>
      </c>
      <c r="AT15" s="311">
        <v>1</v>
      </c>
      <c r="AU15" s="315">
        <v>0</v>
      </c>
      <c r="AV15" s="312">
        <v>1</v>
      </c>
      <c r="AW15" s="314">
        <v>0</v>
      </c>
      <c r="AX15" s="315">
        <v>1</v>
      </c>
      <c r="AY15" s="315">
        <v>1</v>
      </c>
      <c r="AZ15" s="315">
        <v>2</v>
      </c>
      <c r="BA15" s="315">
        <v>2</v>
      </c>
      <c r="BB15" s="315">
        <v>0</v>
      </c>
      <c r="BC15" s="312">
        <v>6</v>
      </c>
      <c r="BD15" s="317">
        <v>7</v>
      </c>
      <c r="BE15" s="311">
        <v>0</v>
      </c>
      <c r="BF15" s="315">
        <v>0</v>
      </c>
      <c r="BG15" s="312">
        <v>0</v>
      </c>
      <c r="BH15" s="314">
        <v>0</v>
      </c>
      <c r="BI15" s="315">
        <v>4</v>
      </c>
      <c r="BJ15" s="315">
        <v>1</v>
      </c>
      <c r="BK15" s="315">
        <v>1</v>
      </c>
      <c r="BL15" s="315">
        <v>1</v>
      </c>
      <c r="BM15" s="315">
        <v>0</v>
      </c>
      <c r="BN15" s="316">
        <v>7</v>
      </c>
      <c r="BO15" s="317">
        <v>7</v>
      </c>
      <c r="BP15" s="311">
        <v>0</v>
      </c>
      <c r="BQ15" s="315">
        <v>0</v>
      </c>
      <c r="BR15" s="312">
        <v>0</v>
      </c>
      <c r="BS15" s="314">
        <v>0</v>
      </c>
      <c r="BT15" s="315">
        <v>1</v>
      </c>
      <c r="BU15" s="315">
        <v>2</v>
      </c>
      <c r="BV15" s="315">
        <v>0</v>
      </c>
      <c r="BW15" s="315">
        <v>1</v>
      </c>
      <c r="BX15" s="315">
        <v>1</v>
      </c>
      <c r="BY15" s="312">
        <v>5</v>
      </c>
      <c r="BZ15" s="317">
        <v>5</v>
      </c>
      <c r="CA15" s="311">
        <v>0</v>
      </c>
      <c r="CB15" s="315">
        <v>0</v>
      </c>
      <c r="CC15" s="312">
        <v>0</v>
      </c>
      <c r="CD15" s="314">
        <v>0</v>
      </c>
      <c r="CE15" s="315">
        <v>0</v>
      </c>
      <c r="CF15" s="315">
        <v>0</v>
      </c>
      <c r="CG15" s="315">
        <v>0</v>
      </c>
      <c r="CH15" s="315">
        <v>0</v>
      </c>
      <c r="CI15" s="315">
        <v>1</v>
      </c>
      <c r="CJ15" s="312">
        <v>1</v>
      </c>
      <c r="CK15" s="317">
        <v>1</v>
      </c>
      <c r="CL15" s="311">
        <v>0</v>
      </c>
      <c r="CM15" s="315">
        <v>0</v>
      </c>
      <c r="CN15" s="312">
        <v>0</v>
      </c>
      <c r="CO15" s="314">
        <v>0</v>
      </c>
      <c r="CP15" s="315">
        <v>0</v>
      </c>
      <c r="CQ15" s="315">
        <v>1</v>
      </c>
      <c r="CR15" s="315">
        <v>0</v>
      </c>
      <c r="CS15" s="315">
        <v>2</v>
      </c>
      <c r="CT15" s="315">
        <v>3</v>
      </c>
      <c r="CU15" s="312">
        <v>6</v>
      </c>
      <c r="CV15" s="317">
        <v>6</v>
      </c>
    </row>
    <row r="16" spans="1:100" ht="21" customHeight="1" x14ac:dyDescent="0.2">
      <c r="A16" s="296" t="s">
        <v>13</v>
      </c>
      <c r="B16" s="311">
        <v>0</v>
      </c>
      <c r="C16" s="312">
        <v>0</v>
      </c>
      <c r="D16" s="313">
        <v>0</v>
      </c>
      <c r="E16" s="314">
        <v>0</v>
      </c>
      <c r="F16" s="315">
        <v>0</v>
      </c>
      <c r="G16" s="315">
        <v>0</v>
      </c>
      <c r="H16" s="315">
        <v>0</v>
      </c>
      <c r="I16" s="315">
        <v>0</v>
      </c>
      <c r="J16" s="315">
        <v>0</v>
      </c>
      <c r="K16" s="316">
        <v>0</v>
      </c>
      <c r="L16" s="317">
        <v>0</v>
      </c>
      <c r="M16" s="311">
        <v>0</v>
      </c>
      <c r="N16" s="315">
        <v>0</v>
      </c>
      <c r="O16" s="312">
        <v>0</v>
      </c>
      <c r="P16" s="314">
        <v>0</v>
      </c>
      <c r="Q16" s="315">
        <v>0</v>
      </c>
      <c r="R16" s="315">
        <v>0</v>
      </c>
      <c r="S16" s="315">
        <v>0</v>
      </c>
      <c r="T16" s="315">
        <v>0</v>
      </c>
      <c r="U16" s="315">
        <v>0</v>
      </c>
      <c r="V16" s="312">
        <v>0</v>
      </c>
      <c r="W16" s="317">
        <v>0</v>
      </c>
      <c r="X16" s="311">
        <v>0</v>
      </c>
      <c r="Y16" s="315">
        <v>0</v>
      </c>
      <c r="Z16" s="312">
        <v>0</v>
      </c>
      <c r="AA16" s="314">
        <v>0</v>
      </c>
      <c r="AB16" s="315">
        <v>7</v>
      </c>
      <c r="AC16" s="315">
        <v>8</v>
      </c>
      <c r="AD16" s="315">
        <v>8</v>
      </c>
      <c r="AE16" s="315">
        <v>4</v>
      </c>
      <c r="AF16" s="315">
        <v>0</v>
      </c>
      <c r="AG16" s="312">
        <v>27</v>
      </c>
      <c r="AH16" s="317">
        <v>27</v>
      </c>
      <c r="AI16" s="311">
        <v>0</v>
      </c>
      <c r="AJ16" s="315">
        <v>0</v>
      </c>
      <c r="AK16" s="312">
        <v>0</v>
      </c>
      <c r="AL16" s="314">
        <v>0</v>
      </c>
      <c r="AM16" s="315">
        <v>0</v>
      </c>
      <c r="AN16" s="315">
        <v>0</v>
      </c>
      <c r="AO16" s="315">
        <v>0</v>
      </c>
      <c r="AP16" s="315">
        <v>0</v>
      </c>
      <c r="AQ16" s="315">
        <v>0</v>
      </c>
      <c r="AR16" s="312">
        <v>0</v>
      </c>
      <c r="AS16" s="317">
        <v>0</v>
      </c>
      <c r="AT16" s="311">
        <v>0</v>
      </c>
      <c r="AU16" s="315">
        <v>0</v>
      </c>
      <c r="AV16" s="312">
        <v>0</v>
      </c>
      <c r="AW16" s="314">
        <v>0</v>
      </c>
      <c r="AX16" s="315">
        <v>0</v>
      </c>
      <c r="AY16" s="315">
        <v>1</v>
      </c>
      <c r="AZ16" s="315">
        <v>0</v>
      </c>
      <c r="BA16" s="315">
        <v>0</v>
      </c>
      <c r="BB16" s="315">
        <v>0</v>
      </c>
      <c r="BC16" s="312">
        <v>1</v>
      </c>
      <c r="BD16" s="317">
        <v>1</v>
      </c>
      <c r="BE16" s="311">
        <v>0</v>
      </c>
      <c r="BF16" s="315">
        <v>0</v>
      </c>
      <c r="BG16" s="312">
        <v>0</v>
      </c>
      <c r="BH16" s="314">
        <v>0</v>
      </c>
      <c r="BI16" s="315">
        <v>0</v>
      </c>
      <c r="BJ16" s="315">
        <v>1</v>
      </c>
      <c r="BK16" s="315">
        <v>1</v>
      </c>
      <c r="BL16" s="315">
        <v>1</v>
      </c>
      <c r="BM16" s="315">
        <v>0</v>
      </c>
      <c r="BN16" s="316">
        <v>3</v>
      </c>
      <c r="BO16" s="317">
        <v>3</v>
      </c>
      <c r="BP16" s="311">
        <v>0</v>
      </c>
      <c r="BQ16" s="315">
        <v>0</v>
      </c>
      <c r="BR16" s="312">
        <v>0</v>
      </c>
      <c r="BS16" s="314">
        <v>0</v>
      </c>
      <c r="BT16" s="315">
        <v>0</v>
      </c>
      <c r="BU16" s="315">
        <v>0</v>
      </c>
      <c r="BV16" s="315">
        <v>2</v>
      </c>
      <c r="BW16" s="315">
        <v>1</v>
      </c>
      <c r="BX16" s="315">
        <v>0</v>
      </c>
      <c r="BY16" s="312">
        <v>3</v>
      </c>
      <c r="BZ16" s="317">
        <v>3</v>
      </c>
      <c r="CA16" s="311">
        <v>0</v>
      </c>
      <c r="CB16" s="315">
        <v>0</v>
      </c>
      <c r="CC16" s="312">
        <v>0</v>
      </c>
      <c r="CD16" s="314">
        <v>0</v>
      </c>
      <c r="CE16" s="315">
        <v>0</v>
      </c>
      <c r="CF16" s="315">
        <v>0</v>
      </c>
      <c r="CG16" s="315">
        <v>0</v>
      </c>
      <c r="CH16" s="315">
        <v>0</v>
      </c>
      <c r="CI16" s="315">
        <v>0</v>
      </c>
      <c r="CJ16" s="312">
        <v>0</v>
      </c>
      <c r="CK16" s="317">
        <v>0</v>
      </c>
      <c r="CL16" s="311">
        <v>0</v>
      </c>
      <c r="CM16" s="315">
        <v>0</v>
      </c>
      <c r="CN16" s="312">
        <v>0</v>
      </c>
      <c r="CO16" s="314">
        <v>0</v>
      </c>
      <c r="CP16" s="315">
        <v>0</v>
      </c>
      <c r="CQ16" s="315">
        <v>0</v>
      </c>
      <c r="CR16" s="315">
        <v>0</v>
      </c>
      <c r="CS16" s="315">
        <v>0</v>
      </c>
      <c r="CT16" s="315">
        <v>0</v>
      </c>
      <c r="CU16" s="312">
        <v>0</v>
      </c>
      <c r="CV16" s="317">
        <v>0</v>
      </c>
    </row>
    <row r="17" spans="1:100" ht="21" customHeight="1" x14ac:dyDescent="0.2">
      <c r="A17" s="296" t="s">
        <v>15</v>
      </c>
      <c r="B17" s="311">
        <v>0</v>
      </c>
      <c r="C17" s="312">
        <v>0</v>
      </c>
      <c r="D17" s="313">
        <v>0</v>
      </c>
      <c r="E17" s="314">
        <v>0</v>
      </c>
      <c r="F17" s="315">
        <v>0</v>
      </c>
      <c r="G17" s="315">
        <v>0</v>
      </c>
      <c r="H17" s="315">
        <v>0</v>
      </c>
      <c r="I17" s="315">
        <v>0</v>
      </c>
      <c r="J17" s="315">
        <v>0</v>
      </c>
      <c r="K17" s="316">
        <v>0</v>
      </c>
      <c r="L17" s="317">
        <v>0</v>
      </c>
      <c r="M17" s="311">
        <v>0</v>
      </c>
      <c r="N17" s="315">
        <v>0</v>
      </c>
      <c r="O17" s="312">
        <v>0</v>
      </c>
      <c r="P17" s="314">
        <v>0</v>
      </c>
      <c r="Q17" s="315">
        <v>0</v>
      </c>
      <c r="R17" s="315">
        <v>0</v>
      </c>
      <c r="S17" s="315">
        <v>0</v>
      </c>
      <c r="T17" s="315">
        <v>0</v>
      </c>
      <c r="U17" s="315">
        <v>0</v>
      </c>
      <c r="V17" s="312">
        <v>0</v>
      </c>
      <c r="W17" s="317">
        <v>0</v>
      </c>
      <c r="X17" s="311">
        <v>0</v>
      </c>
      <c r="Y17" s="315">
        <v>0</v>
      </c>
      <c r="Z17" s="312">
        <v>0</v>
      </c>
      <c r="AA17" s="314">
        <v>0</v>
      </c>
      <c r="AB17" s="315">
        <v>10</v>
      </c>
      <c r="AC17" s="315">
        <v>7</v>
      </c>
      <c r="AD17" s="315">
        <v>2</v>
      </c>
      <c r="AE17" s="315">
        <v>3</v>
      </c>
      <c r="AF17" s="315">
        <v>1</v>
      </c>
      <c r="AG17" s="312">
        <v>23</v>
      </c>
      <c r="AH17" s="317">
        <v>23</v>
      </c>
      <c r="AI17" s="311">
        <v>0</v>
      </c>
      <c r="AJ17" s="315">
        <v>0</v>
      </c>
      <c r="AK17" s="312">
        <v>0</v>
      </c>
      <c r="AL17" s="314">
        <v>0</v>
      </c>
      <c r="AM17" s="315">
        <v>0</v>
      </c>
      <c r="AN17" s="315">
        <v>0</v>
      </c>
      <c r="AO17" s="315">
        <v>1</v>
      </c>
      <c r="AP17" s="315">
        <v>0</v>
      </c>
      <c r="AQ17" s="315">
        <v>0</v>
      </c>
      <c r="AR17" s="312">
        <v>1</v>
      </c>
      <c r="AS17" s="317">
        <v>1</v>
      </c>
      <c r="AT17" s="311">
        <v>0</v>
      </c>
      <c r="AU17" s="315">
        <v>0</v>
      </c>
      <c r="AV17" s="312">
        <v>0</v>
      </c>
      <c r="AW17" s="314">
        <v>0</v>
      </c>
      <c r="AX17" s="315">
        <v>0</v>
      </c>
      <c r="AY17" s="315">
        <v>0</v>
      </c>
      <c r="AZ17" s="315">
        <v>0</v>
      </c>
      <c r="BA17" s="315">
        <v>0</v>
      </c>
      <c r="BB17" s="315">
        <v>0</v>
      </c>
      <c r="BC17" s="312">
        <v>0</v>
      </c>
      <c r="BD17" s="317">
        <v>0</v>
      </c>
      <c r="BE17" s="311">
        <v>0</v>
      </c>
      <c r="BF17" s="315">
        <v>0</v>
      </c>
      <c r="BG17" s="312">
        <v>0</v>
      </c>
      <c r="BH17" s="314">
        <v>0</v>
      </c>
      <c r="BI17" s="315">
        <v>0</v>
      </c>
      <c r="BJ17" s="315">
        <v>1</v>
      </c>
      <c r="BK17" s="315">
        <v>2</v>
      </c>
      <c r="BL17" s="315">
        <v>1</v>
      </c>
      <c r="BM17" s="315">
        <v>0</v>
      </c>
      <c r="BN17" s="316">
        <v>4</v>
      </c>
      <c r="BO17" s="317">
        <v>4</v>
      </c>
      <c r="BP17" s="311">
        <v>0</v>
      </c>
      <c r="BQ17" s="315">
        <v>0</v>
      </c>
      <c r="BR17" s="312">
        <v>0</v>
      </c>
      <c r="BS17" s="314">
        <v>0</v>
      </c>
      <c r="BT17" s="315">
        <v>0</v>
      </c>
      <c r="BU17" s="315">
        <v>0</v>
      </c>
      <c r="BV17" s="315">
        <v>0</v>
      </c>
      <c r="BW17" s="315">
        <v>0</v>
      </c>
      <c r="BX17" s="315">
        <v>0</v>
      </c>
      <c r="BY17" s="312">
        <v>0</v>
      </c>
      <c r="BZ17" s="317">
        <v>0</v>
      </c>
      <c r="CA17" s="311">
        <v>0</v>
      </c>
      <c r="CB17" s="315">
        <v>0</v>
      </c>
      <c r="CC17" s="312">
        <v>0</v>
      </c>
      <c r="CD17" s="314">
        <v>0</v>
      </c>
      <c r="CE17" s="315">
        <v>0</v>
      </c>
      <c r="CF17" s="315">
        <v>0</v>
      </c>
      <c r="CG17" s="315">
        <v>0</v>
      </c>
      <c r="CH17" s="315">
        <v>0</v>
      </c>
      <c r="CI17" s="315">
        <v>0</v>
      </c>
      <c r="CJ17" s="312">
        <v>0</v>
      </c>
      <c r="CK17" s="317">
        <v>0</v>
      </c>
      <c r="CL17" s="311">
        <v>0</v>
      </c>
      <c r="CM17" s="315">
        <v>0</v>
      </c>
      <c r="CN17" s="312">
        <v>0</v>
      </c>
      <c r="CO17" s="314">
        <v>0</v>
      </c>
      <c r="CP17" s="315">
        <v>0</v>
      </c>
      <c r="CQ17" s="315">
        <v>0</v>
      </c>
      <c r="CR17" s="315">
        <v>0</v>
      </c>
      <c r="CS17" s="315">
        <v>0</v>
      </c>
      <c r="CT17" s="315">
        <v>0</v>
      </c>
      <c r="CU17" s="312">
        <v>0</v>
      </c>
      <c r="CV17" s="317">
        <v>0</v>
      </c>
    </row>
    <row r="18" spans="1:100" ht="21" customHeight="1" x14ac:dyDescent="0.2">
      <c r="A18" s="296" t="s">
        <v>16</v>
      </c>
      <c r="B18" s="311">
        <v>0</v>
      </c>
      <c r="C18" s="312">
        <v>0</v>
      </c>
      <c r="D18" s="313">
        <v>0</v>
      </c>
      <c r="E18" s="314">
        <v>0</v>
      </c>
      <c r="F18" s="315">
        <v>0</v>
      </c>
      <c r="G18" s="315">
        <v>1</v>
      </c>
      <c r="H18" s="315">
        <v>0</v>
      </c>
      <c r="I18" s="315">
        <v>0</v>
      </c>
      <c r="J18" s="315">
        <v>1</v>
      </c>
      <c r="K18" s="316">
        <v>2</v>
      </c>
      <c r="L18" s="317">
        <v>2</v>
      </c>
      <c r="M18" s="311">
        <v>0</v>
      </c>
      <c r="N18" s="315">
        <v>0</v>
      </c>
      <c r="O18" s="312">
        <v>0</v>
      </c>
      <c r="P18" s="314">
        <v>0</v>
      </c>
      <c r="Q18" s="315">
        <v>0</v>
      </c>
      <c r="R18" s="315">
        <v>1</v>
      </c>
      <c r="S18" s="315">
        <v>1</v>
      </c>
      <c r="T18" s="315">
        <v>0</v>
      </c>
      <c r="U18" s="315">
        <v>0</v>
      </c>
      <c r="V18" s="312">
        <v>2</v>
      </c>
      <c r="W18" s="317">
        <v>2</v>
      </c>
      <c r="X18" s="311">
        <v>0</v>
      </c>
      <c r="Y18" s="315">
        <v>0</v>
      </c>
      <c r="Z18" s="312">
        <v>0</v>
      </c>
      <c r="AA18" s="314">
        <v>0</v>
      </c>
      <c r="AB18" s="315">
        <v>7</v>
      </c>
      <c r="AC18" s="315">
        <v>6</v>
      </c>
      <c r="AD18" s="315">
        <v>6</v>
      </c>
      <c r="AE18" s="315">
        <v>1</v>
      </c>
      <c r="AF18" s="315">
        <v>1</v>
      </c>
      <c r="AG18" s="312">
        <v>21</v>
      </c>
      <c r="AH18" s="317">
        <v>21</v>
      </c>
      <c r="AI18" s="311">
        <v>0</v>
      </c>
      <c r="AJ18" s="315">
        <v>0</v>
      </c>
      <c r="AK18" s="312">
        <v>0</v>
      </c>
      <c r="AL18" s="314">
        <v>0</v>
      </c>
      <c r="AM18" s="315">
        <v>0</v>
      </c>
      <c r="AN18" s="315">
        <v>1</v>
      </c>
      <c r="AO18" s="315">
        <v>1</v>
      </c>
      <c r="AP18" s="315">
        <v>0</v>
      </c>
      <c r="AQ18" s="315">
        <v>0</v>
      </c>
      <c r="AR18" s="312">
        <v>2</v>
      </c>
      <c r="AS18" s="317">
        <v>2</v>
      </c>
      <c r="AT18" s="311">
        <v>0</v>
      </c>
      <c r="AU18" s="315">
        <v>0</v>
      </c>
      <c r="AV18" s="312">
        <v>0</v>
      </c>
      <c r="AW18" s="314">
        <v>0</v>
      </c>
      <c r="AX18" s="315">
        <v>0</v>
      </c>
      <c r="AY18" s="315">
        <v>0</v>
      </c>
      <c r="AZ18" s="315">
        <v>0</v>
      </c>
      <c r="BA18" s="315">
        <v>0</v>
      </c>
      <c r="BB18" s="315">
        <v>1</v>
      </c>
      <c r="BC18" s="312">
        <v>1</v>
      </c>
      <c r="BD18" s="317">
        <v>1</v>
      </c>
      <c r="BE18" s="311">
        <v>0</v>
      </c>
      <c r="BF18" s="315">
        <v>0</v>
      </c>
      <c r="BG18" s="312">
        <v>0</v>
      </c>
      <c r="BH18" s="314">
        <v>0</v>
      </c>
      <c r="BI18" s="315">
        <v>0</v>
      </c>
      <c r="BJ18" s="315">
        <v>2</v>
      </c>
      <c r="BK18" s="315">
        <v>1</v>
      </c>
      <c r="BL18" s="315">
        <v>1</v>
      </c>
      <c r="BM18" s="315">
        <v>0</v>
      </c>
      <c r="BN18" s="316">
        <v>4</v>
      </c>
      <c r="BO18" s="317">
        <v>4</v>
      </c>
      <c r="BP18" s="311">
        <v>0</v>
      </c>
      <c r="BQ18" s="315">
        <v>0</v>
      </c>
      <c r="BR18" s="312">
        <v>0</v>
      </c>
      <c r="BS18" s="314">
        <v>0</v>
      </c>
      <c r="BT18" s="315">
        <v>0</v>
      </c>
      <c r="BU18" s="315">
        <v>0</v>
      </c>
      <c r="BV18" s="315">
        <v>0</v>
      </c>
      <c r="BW18" s="315">
        <v>0</v>
      </c>
      <c r="BX18" s="315">
        <v>0</v>
      </c>
      <c r="BY18" s="312">
        <v>0</v>
      </c>
      <c r="BZ18" s="317">
        <v>0</v>
      </c>
      <c r="CA18" s="311">
        <v>0</v>
      </c>
      <c r="CB18" s="315">
        <v>0</v>
      </c>
      <c r="CC18" s="312">
        <v>0</v>
      </c>
      <c r="CD18" s="314">
        <v>0</v>
      </c>
      <c r="CE18" s="315">
        <v>0</v>
      </c>
      <c r="CF18" s="315">
        <v>0</v>
      </c>
      <c r="CG18" s="315">
        <v>0</v>
      </c>
      <c r="CH18" s="315">
        <v>0</v>
      </c>
      <c r="CI18" s="315">
        <v>0</v>
      </c>
      <c r="CJ18" s="312">
        <v>0</v>
      </c>
      <c r="CK18" s="317">
        <v>0</v>
      </c>
      <c r="CL18" s="311">
        <v>0</v>
      </c>
      <c r="CM18" s="315">
        <v>0</v>
      </c>
      <c r="CN18" s="312">
        <v>0</v>
      </c>
      <c r="CO18" s="314">
        <v>0</v>
      </c>
      <c r="CP18" s="315">
        <v>0</v>
      </c>
      <c r="CQ18" s="315">
        <v>0</v>
      </c>
      <c r="CR18" s="315">
        <v>0</v>
      </c>
      <c r="CS18" s="315">
        <v>0</v>
      </c>
      <c r="CT18" s="315">
        <v>0</v>
      </c>
      <c r="CU18" s="312">
        <v>0</v>
      </c>
      <c r="CV18" s="317">
        <v>0</v>
      </c>
    </row>
    <row r="19" spans="1:100" ht="21" customHeight="1" x14ac:dyDescent="0.2">
      <c r="A19" s="296" t="s">
        <v>17</v>
      </c>
      <c r="B19" s="311">
        <v>0</v>
      </c>
      <c r="C19" s="312">
        <v>0</v>
      </c>
      <c r="D19" s="313">
        <v>0</v>
      </c>
      <c r="E19" s="314">
        <v>0</v>
      </c>
      <c r="F19" s="315">
        <v>0</v>
      </c>
      <c r="G19" s="315">
        <v>0</v>
      </c>
      <c r="H19" s="315">
        <v>0</v>
      </c>
      <c r="I19" s="315">
        <v>0</v>
      </c>
      <c r="J19" s="315">
        <v>0</v>
      </c>
      <c r="K19" s="316">
        <v>0</v>
      </c>
      <c r="L19" s="317">
        <v>0</v>
      </c>
      <c r="M19" s="311">
        <v>0</v>
      </c>
      <c r="N19" s="315">
        <v>0</v>
      </c>
      <c r="O19" s="312">
        <v>0</v>
      </c>
      <c r="P19" s="314">
        <v>0</v>
      </c>
      <c r="Q19" s="315">
        <v>0</v>
      </c>
      <c r="R19" s="315">
        <v>0</v>
      </c>
      <c r="S19" s="315">
        <v>0</v>
      </c>
      <c r="T19" s="315">
        <v>0</v>
      </c>
      <c r="U19" s="315">
        <v>0</v>
      </c>
      <c r="V19" s="312">
        <v>0</v>
      </c>
      <c r="W19" s="317">
        <v>0</v>
      </c>
      <c r="X19" s="311">
        <v>0</v>
      </c>
      <c r="Y19" s="315">
        <v>0</v>
      </c>
      <c r="Z19" s="312">
        <v>0</v>
      </c>
      <c r="AA19" s="314">
        <v>0</v>
      </c>
      <c r="AB19" s="315">
        <v>15</v>
      </c>
      <c r="AC19" s="315">
        <v>18</v>
      </c>
      <c r="AD19" s="315">
        <v>7</v>
      </c>
      <c r="AE19" s="315">
        <v>5</v>
      </c>
      <c r="AF19" s="315">
        <v>1</v>
      </c>
      <c r="AG19" s="312">
        <v>46</v>
      </c>
      <c r="AH19" s="317">
        <v>46</v>
      </c>
      <c r="AI19" s="311">
        <v>0</v>
      </c>
      <c r="AJ19" s="315">
        <v>0</v>
      </c>
      <c r="AK19" s="312">
        <v>0</v>
      </c>
      <c r="AL19" s="314">
        <v>0</v>
      </c>
      <c r="AM19" s="315">
        <v>1</v>
      </c>
      <c r="AN19" s="315">
        <v>0</v>
      </c>
      <c r="AO19" s="315">
        <v>0</v>
      </c>
      <c r="AP19" s="315">
        <v>0</v>
      </c>
      <c r="AQ19" s="315">
        <v>0</v>
      </c>
      <c r="AR19" s="312">
        <v>1</v>
      </c>
      <c r="AS19" s="317">
        <v>1</v>
      </c>
      <c r="AT19" s="311">
        <v>0</v>
      </c>
      <c r="AU19" s="315">
        <v>0</v>
      </c>
      <c r="AV19" s="312">
        <v>0</v>
      </c>
      <c r="AW19" s="314">
        <v>0</v>
      </c>
      <c r="AX19" s="315">
        <v>0</v>
      </c>
      <c r="AY19" s="315">
        <v>2</v>
      </c>
      <c r="AZ19" s="315">
        <v>1</v>
      </c>
      <c r="BA19" s="315">
        <v>2</v>
      </c>
      <c r="BB19" s="315">
        <v>0</v>
      </c>
      <c r="BC19" s="312">
        <v>5</v>
      </c>
      <c r="BD19" s="317">
        <v>5</v>
      </c>
      <c r="BE19" s="311">
        <v>0</v>
      </c>
      <c r="BF19" s="315">
        <v>0</v>
      </c>
      <c r="BG19" s="312">
        <v>0</v>
      </c>
      <c r="BH19" s="314">
        <v>0</v>
      </c>
      <c r="BI19" s="315">
        <v>2</v>
      </c>
      <c r="BJ19" s="315">
        <v>6</v>
      </c>
      <c r="BK19" s="315">
        <v>3</v>
      </c>
      <c r="BL19" s="315">
        <v>3</v>
      </c>
      <c r="BM19" s="315">
        <v>2</v>
      </c>
      <c r="BN19" s="316">
        <v>16</v>
      </c>
      <c r="BO19" s="317">
        <v>16</v>
      </c>
      <c r="BP19" s="311">
        <v>0</v>
      </c>
      <c r="BQ19" s="315">
        <v>0</v>
      </c>
      <c r="BR19" s="312">
        <v>0</v>
      </c>
      <c r="BS19" s="314">
        <v>0</v>
      </c>
      <c r="BT19" s="315">
        <v>0</v>
      </c>
      <c r="BU19" s="315">
        <v>0</v>
      </c>
      <c r="BV19" s="315">
        <v>0</v>
      </c>
      <c r="BW19" s="315">
        <v>0</v>
      </c>
      <c r="BX19" s="315">
        <v>0</v>
      </c>
      <c r="BY19" s="312">
        <v>0</v>
      </c>
      <c r="BZ19" s="317">
        <v>0</v>
      </c>
      <c r="CA19" s="311">
        <v>0</v>
      </c>
      <c r="CB19" s="315">
        <v>0</v>
      </c>
      <c r="CC19" s="312">
        <v>0</v>
      </c>
      <c r="CD19" s="314">
        <v>0</v>
      </c>
      <c r="CE19" s="315">
        <v>0</v>
      </c>
      <c r="CF19" s="315">
        <v>0</v>
      </c>
      <c r="CG19" s="315">
        <v>2</v>
      </c>
      <c r="CH19" s="315">
        <v>1</v>
      </c>
      <c r="CI19" s="315">
        <v>3</v>
      </c>
      <c r="CJ19" s="312">
        <v>6</v>
      </c>
      <c r="CK19" s="317">
        <v>6</v>
      </c>
      <c r="CL19" s="311">
        <v>0</v>
      </c>
      <c r="CM19" s="315">
        <v>0</v>
      </c>
      <c r="CN19" s="312">
        <v>0</v>
      </c>
      <c r="CO19" s="314">
        <v>0</v>
      </c>
      <c r="CP19" s="315">
        <v>0</v>
      </c>
      <c r="CQ19" s="315">
        <v>0</v>
      </c>
      <c r="CR19" s="315">
        <v>0</v>
      </c>
      <c r="CS19" s="315">
        <v>0</v>
      </c>
      <c r="CT19" s="315">
        <v>0</v>
      </c>
      <c r="CU19" s="312">
        <v>0</v>
      </c>
      <c r="CV19" s="317">
        <v>0</v>
      </c>
    </row>
    <row r="20" spans="1:100" ht="21" customHeight="1" x14ac:dyDescent="0.2">
      <c r="A20" s="296" t="s">
        <v>18</v>
      </c>
      <c r="B20" s="311">
        <v>0</v>
      </c>
      <c r="C20" s="312">
        <v>0</v>
      </c>
      <c r="D20" s="313">
        <v>0</v>
      </c>
      <c r="E20" s="314">
        <v>0</v>
      </c>
      <c r="F20" s="315">
        <v>0</v>
      </c>
      <c r="G20" s="315">
        <v>0</v>
      </c>
      <c r="H20" s="315">
        <v>0</v>
      </c>
      <c r="I20" s="315">
        <v>0</v>
      </c>
      <c r="J20" s="315">
        <v>1</v>
      </c>
      <c r="K20" s="316">
        <v>1</v>
      </c>
      <c r="L20" s="317">
        <v>1</v>
      </c>
      <c r="M20" s="311">
        <v>0</v>
      </c>
      <c r="N20" s="315">
        <v>0</v>
      </c>
      <c r="O20" s="312">
        <v>0</v>
      </c>
      <c r="P20" s="314">
        <v>0</v>
      </c>
      <c r="Q20" s="315">
        <v>0</v>
      </c>
      <c r="R20" s="315">
        <v>0</v>
      </c>
      <c r="S20" s="315">
        <v>0</v>
      </c>
      <c r="T20" s="315">
        <v>0</v>
      </c>
      <c r="U20" s="315">
        <v>0</v>
      </c>
      <c r="V20" s="312">
        <v>0</v>
      </c>
      <c r="W20" s="317">
        <v>0</v>
      </c>
      <c r="X20" s="311">
        <v>0</v>
      </c>
      <c r="Y20" s="315">
        <v>0</v>
      </c>
      <c r="Z20" s="312">
        <v>0</v>
      </c>
      <c r="AA20" s="314">
        <v>0</v>
      </c>
      <c r="AB20" s="315">
        <v>26</v>
      </c>
      <c r="AC20" s="315">
        <v>16</v>
      </c>
      <c r="AD20" s="315">
        <v>5</v>
      </c>
      <c r="AE20" s="315">
        <v>1</v>
      </c>
      <c r="AF20" s="315">
        <v>0</v>
      </c>
      <c r="AG20" s="312">
        <v>48</v>
      </c>
      <c r="AH20" s="317">
        <v>48</v>
      </c>
      <c r="AI20" s="311">
        <v>0</v>
      </c>
      <c r="AJ20" s="315">
        <v>0</v>
      </c>
      <c r="AK20" s="312">
        <v>0</v>
      </c>
      <c r="AL20" s="314">
        <v>0</v>
      </c>
      <c r="AM20" s="315">
        <v>0</v>
      </c>
      <c r="AN20" s="315">
        <v>0</v>
      </c>
      <c r="AO20" s="315">
        <v>3</v>
      </c>
      <c r="AP20" s="315">
        <v>0</v>
      </c>
      <c r="AQ20" s="315">
        <v>0</v>
      </c>
      <c r="AR20" s="312">
        <v>3</v>
      </c>
      <c r="AS20" s="317">
        <v>3</v>
      </c>
      <c r="AT20" s="311">
        <v>0</v>
      </c>
      <c r="AU20" s="315">
        <v>0</v>
      </c>
      <c r="AV20" s="312">
        <v>0</v>
      </c>
      <c r="AW20" s="314">
        <v>0</v>
      </c>
      <c r="AX20" s="315">
        <v>2</v>
      </c>
      <c r="AY20" s="315">
        <v>2</v>
      </c>
      <c r="AZ20" s="315">
        <v>0</v>
      </c>
      <c r="BA20" s="315">
        <v>1</v>
      </c>
      <c r="BB20" s="315">
        <v>0</v>
      </c>
      <c r="BC20" s="312">
        <v>5</v>
      </c>
      <c r="BD20" s="317">
        <v>5</v>
      </c>
      <c r="BE20" s="311">
        <v>0</v>
      </c>
      <c r="BF20" s="315">
        <v>0</v>
      </c>
      <c r="BG20" s="312">
        <v>0</v>
      </c>
      <c r="BH20" s="314">
        <v>0</v>
      </c>
      <c r="BI20" s="315">
        <v>0</v>
      </c>
      <c r="BJ20" s="315">
        <v>3</v>
      </c>
      <c r="BK20" s="315">
        <v>0</v>
      </c>
      <c r="BL20" s="315">
        <v>0</v>
      </c>
      <c r="BM20" s="315">
        <v>1</v>
      </c>
      <c r="BN20" s="316">
        <v>4</v>
      </c>
      <c r="BO20" s="317">
        <v>4</v>
      </c>
      <c r="BP20" s="311">
        <v>0</v>
      </c>
      <c r="BQ20" s="315">
        <v>0</v>
      </c>
      <c r="BR20" s="312">
        <v>0</v>
      </c>
      <c r="BS20" s="314">
        <v>0</v>
      </c>
      <c r="BT20" s="315">
        <v>0</v>
      </c>
      <c r="BU20" s="315">
        <v>0</v>
      </c>
      <c r="BV20" s="315">
        <v>0</v>
      </c>
      <c r="BW20" s="315">
        <v>0</v>
      </c>
      <c r="BX20" s="315">
        <v>0</v>
      </c>
      <c r="BY20" s="312">
        <v>0</v>
      </c>
      <c r="BZ20" s="317">
        <v>0</v>
      </c>
      <c r="CA20" s="311">
        <v>0</v>
      </c>
      <c r="CB20" s="315">
        <v>0</v>
      </c>
      <c r="CC20" s="312">
        <v>0</v>
      </c>
      <c r="CD20" s="314">
        <v>0</v>
      </c>
      <c r="CE20" s="315">
        <v>0</v>
      </c>
      <c r="CF20" s="315">
        <v>0</v>
      </c>
      <c r="CG20" s="315">
        <v>0</v>
      </c>
      <c r="CH20" s="315">
        <v>0</v>
      </c>
      <c r="CI20" s="315">
        <v>0</v>
      </c>
      <c r="CJ20" s="312">
        <v>0</v>
      </c>
      <c r="CK20" s="317">
        <v>0</v>
      </c>
      <c r="CL20" s="311">
        <v>0</v>
      </c>
      <c r="CM20" s="315">
        <v>0</v>
      </c>
      <c r="CN20" s="312">
        <v>0</v>
      </c>
      <c r="CO20" s="314">
        <v>0</v>
      </c>
      <c r="CP20" s="315">
        <v>0</v>
      </c>
      <c r="CQ20" s="315">
        <v>0</v>
      </c>
      <c r="CR20" s="315">
        <v>1</v>
      </c>
      <c r="CS20" s="315">
        <v>2</v>
      </c>
      <c r="CT20" s="315">
        <v>2</v>
      </c>
      <c r="CU20" s="312">
        <v>5</v>
      </c>
      <c r="CV20" s="317">
        <v>5</v>
      </c>
    </row>
    <row r="21" spans="1:100" ht="21" customHeight="1" x14ac:dyDescent="0.2">
      <c r="A21" s="296" t="s">
        <v>19</v>
      </c>
      <c r="B21" s="311">
        <v>0</v>
      </c>
      <c r="C21" s="312">
        <v>0</v>
      </c>
      <c r="D21" s="313">
        <v>0</v>
      </c>
      <c r="E21" s="314">
        <v>0</v>
      </c>
      <c r="F21" s="315">
        <v>0</v>
      </c>
      <c r="G21" s="315">
        <v>0</v>
      </c>
      <c r="H21" s="315">
        <v>0</v>
      </c>
      <c r="I21" s="315">
        <v>2</v>
      </c>
      <c r="J21" s="315">
        <v>0</v>
      </c>
      <c r="K21" s="316">
        <v>2</v>
      </c>
      <c r="L21" s="317">
        <v>2</v>
      </c>
      <c r="M21" s="311">
        <v>0</v>
      </c>
      <c r="N21" s="315">
        <v>0</v>
      </c>
      <c r="O21" s="312">
        <v>0</v>
      </c>
      <c r="P21" s="314">
        <v>0</v>
      </c>
      <c r="Q21" s="315">
        <v>0</v>
      </c>
      <c r="R21" s="315">
        <v>0</v>
      </c>
      <c r="S21" s="315">
        <v>1</v>
      </c>
      <c r="T21" s="315">
        <v>1</v>
      </c>
      <c r="U21" s="315">
        <v>0</v>
      </c>
      <c r="V21" s="312">
        <v>2</v>
      </c>
      <c r="W21" s="317">
        <v>2</v>
      </c>
      <c r="X21" s="311">
        <v>0</v>
      </c>
      <c r="Y21" s="315">
        <v>0</v>
      </c>
      <c r="Z21" s="312">
        <v>0</v>
      </c>
      <c r="AA21" s="314">
        <v>0</v>
      </c>
      <c r="AB21" s="315">
        <v>10</v>
      </c>
      <c r="AC21" s="315">
        <v>5</v>
      </c>
      <c r="AD21" s="315">
        <v>4</v>
      </c>
      <c r="AE21" s="315">
        <v>1</v>
      </c>
      <c r="AF21" s="315">
        <v>0</v>
      </c>
      <c r="AG21" s="312">
        <v>20</v>
      </c>
      <c r="AH21" s="317">
        <v>20</v>
      </c>
      <c r="AI21" s="311">
        <v>0</v>
      </c>
      <c r="AJ21" s="315">
        <v>0</v>
      </c>
      <c r="AK21" s="312">
        <v>0</v>
      </c>
      <c r="AL21" s="314">
        <v>0</v>
      </c>
      <c r="AM21" s="315">
        <v>1</v>
      </c>
      <c r="AN21" s="315">
        <v>3</v>
      </c>
      <c r="AO21" s="315">
        <v>1</v>
      </c>
      <c r="AP21" s="315">
        <v>0</v>
      </c>
      <c r="AQ21" s="315">
        <v>0</v>
      </c>
      <c r="AR21" s="312">
        <v>5</v>
      </c>
      <c r="AS21" s="317">
        <v>5</v>
      </c>
      <c r="AT21" s="311">
        <v>0</v>
      </c>
      <c r="AU21" s="315">
        <v>0</v>
      </c>
      <c r="AV21" s="312">
        <v>0</v>
      </c>
      <c r="AW21" s="314">
        <v>0</v>
      </c>
      <c r="AX21" s="315">
        <v>1</v>
      </c>
      <c r="AY21" s="315">
        <v>1</v>
      </c>
      <c r="AZ21" s="315">
        <v>1</v>
      </c>
      <c r="BA21" s="315">
        <v>2</v>
      </c>
      <c r="BB21" s="315">
        <v>1</v>
      </c>
      <c r="BC21" s="312">
        <v>6</v>
      </c>
      <c r="BD21" s="317">
        <v>6</v>
      </c>
      <c r="BE21" s="311">
        <v>0</v>
      </c>
      <c r="BF21" s="315">
        <v>0</v>
      </c>
      <c r="BG21" s="312">
        <v>0</v>
      </c>
      <c r="BH21" s="314">
        <v>0</v>
      </c>
      <c r="BI21" s="315">
        <v>1</v>
      </c>
      <c r="BJ21" s="315">
        <v>0</v>
      </c>
      <c r="BK21" s="315">
        <v>0</v>
      </c>
      <c r="BL21" s="315">
        <v>1</v>
      </c>
      <c r="BM21" s="315">
        <v>0</v>
      </c>
      <c r="BN21" s="316">
        <v>2</v>
      </c>
      <c r="BO21" s="317">
        <v>2</v>
      </c>
      <c r="BP21" s="311">
        <v>0</v>
      </c>
      <c r="BQ21" s="315">
        <v>0</v>
      </c>
      <c r="BR21" s="312">
        <v>0</v>
      </c>
      <c r="BS21" s="314">
        <v>0</v>
      </c>
      <c r="BT21" s="315">
        <v>0</v>
      </c>
      <c r="BU21" s="315">
        <v>0</v>
      </c>
      <c r="BV21" s="315">
        <v>0</v>
      </c>
      <c r="BW21" s="315">
        <v>0</v>
      </c>
      <c r="BX21" s="315">
        <v>0</v>
      </c>
      <c r="BY21" s="312">
        <v>0</v>
      </c>
      <c r="BZ21" s="317">
        <v>0</v>
      </c>
      <c r="CA21" s="311">
        <v>0</v>
      </c>
      <c r="CB21" s="315">
        <v>0</v>
      </c>
      <c r="CC21" s="312">
        <v>0</v>
      </c>
      <c r="CD21" s="314">
        <v>0</v>
      </c>
      <c r="CE21" s="315">
        <v>0</v>
      </c>
      <c r="CF21" s="315">
        <v>0</v>
      </c>
      <c r="CG21" s="315">
        <v>0</v>
      </c>
      <c r="CH21" s="315">
        <v>0</v>
      </c>
      <c r="CI21" s="315">
        <v>0</v>
      </c>
      <c r="CJ21" s="312">
        <v>0</v>
      </c>
      <c r="CK21" s="317">
        <v>0</v>
      </c>
      <c r="CL21" s="311">
        <v>0</v>
      </c>
      <c r="CM21" s="315">
        <v>0</v>
      </c>
      <c r="CN21" s="312">
        <v>0</v>
      </c>
      <c r="CO21" s="314">
        <v>0</v>
      </c>
      <c r="CP21" s="315">
        <v>0</v>
      </c>
      <c r="CQ21" s="315">
        <v>0</v>
      </c>
      <c r="CR21" s="315">
        <v>0</v>
      </c>
      <c r="CS21" s="315">
        <v>0</v>
      </c>
      <c r="CT21" s="315">
        <v>0</v>
      </c>
      <c r="CU21" s="312">
        <v>0</v>
      </c>
      <c r="CV21" s="317">
        <v>0</v>
      </c>
    </row>
    <row r="22" spans="1:100" ht="21" customHeight="1" x14ac:dyDescent="0.2">
      <c r="A22" s="296" t="s">
        <v>20</v>
      </c>
      <c r="B22" s="311">
        <v>0</v>
      </c>
      <c r="C22" s="312">
        <v>0</v>
      </c>
      <c r="D22" s="313">
        <v>0</v>
      </c>
      <c r="E22" s="314">
        <v>0</v>
      </c>
      <c r="F22" s="315">
        <v>0</v>
      </c>
      <c r="G22" s="315">
        <v>0</v>
      </c>
      <c r="H22" s="315">
        <v>0</v>
      </c>
      <c r="I22" s="315">
        <v>0</v>
      </c>
      <c r="J22" s="315">
        <v>0</v>
      </c>
      <c r="K22" s="316">
        <v>0</v>
      </c>
      <c r="L22" s="317">
        <v>0</v>
      </c>
      <c r="M22" s="311">
        <v>0</v>
      </c>
      <c r="N22" s="315">
        <v>0</v>
      </c>
      <c r="O22" s="312">
        <v>0</v>
      </c>
      <c r="P22" s="314">
        <v>0</v>
      </c>
      <c r="Q22" s="315">
        <v>0</v>
      </c>
      <c r="R22" s="315">
        <v>0</v>
      </c>
      <c r="S22" s="315">
        <v>0</v>
      </c>
      <c r="T22" s="315">
        <v>0</v>
      </c>
      <c r="U22" s="315">
        <v>0</v>
      </c>
      <c r="V22" s="312">
        <v>0</v>
      </c>
      <c r="W22" s="317">
        <v>0</v>
      </c>
      <c r="X22" s="311">
        <v>0</v>
      </c>
      <c r="Y22" s="315">
        <v>0</v>
      </c>
      <c r="Z22" s="312">
        <v>0</v>
      </c>
      <c r="AA22" s="314">
        <v>0</v>
      </c>
      <c r="AB22" s="315">
        <v>12</v>
      </c>
      <c r="AC22" s="315">
        <v>6</v>
      </c>
      <c r="AD22" s="315">
        <v>0</v>
      </c>
      <c r="AE22" s="315">
        <v>1</v>
      </c>
      <c r="AF22" s="315">
        <v>0</v>
      </c>
      <c r="AG22" s="312">
        <v>19</v>
      </c>
      <c r="AH22" s="317">
        <v>19</v>
      </c>
      <c r="AI22" s="311">
        <v>0</v>
      </c>
      <c r="AJ22" s="315">
        <v>0</v>
      </c>
      <c r="AK22" s="312">
        <v>0</v>
      </c>
      <c r="AL22" s="314">
        <v>0</v>
      </c>
      <c r="AM22" s="315">
        <v>0</v>
      </c>
      <c r="AN22" s="315">
        <v>0</v>
      </c>
      <c r="AO22" s="315">
        <v>0</v>
      </c>
      <c r="AP22" s="315">
        <v>1</v>
      </c>
      <c r="AQ22" s="315">
        <v>0</v>
      </c>
      <c r="AR22" s="312">
        <v>1</v>
      </c>
      <c r="AS22" s="317">
        <v>1</v>
      </c>
      <c r="AT22" s="311">
        <v>0</v>
      </c>
      <c r="AU22" s="315">
        <v>0</v>
      </c>
      <c r="AV22" s="312">
        <v>0</v>
      </c>
      <c r="AW22" s="314">
        <v>0</v>
      </c>
      <c r="AX22" s="315">
        <v>1</v>
      </c>
      <c r="AY22" s="315">
        <v>1</v>
      </c>
      <c r="AZ22" s="315">
        <v>0</v>
      </c>
      <c r="BA22" s="315">
        <v>0</v>
      </c>
      <c r="BB22" s="315">
        <v>0</v>
      </c>
      <c r="BC22" s="312">
        <v>2</v>
      </c>
      <c r="BD22" s="317">
        <v>2</v>
      </c>
      <c r="BE22" s="311">
        <v>0</v>
      </c>
      <c r="BF22" s="315">
        <v>0</v>
      </c>
      <c r="BG22" s="312">
        <v>0</v>
      </c>
      <c r="BH22" s="314">
        <v>0</v>
      </c>
      <c r="BI22" s="315">
        <v>2</v>
      </c>
      <c r="BJ22" s="315">
        <v>1</v>
      </c>
      <c r="BK22" s="315">
        <v>1</v>
      </c>
      <c r="BL22" s="315">
        <v>1</v>
      </c>
      <c r="BM22" s="315">
        <v>0</v>
      </c>
      <c r="BN22" s="316">
        <v>5</v>
      </c>
      <c r="BO22" s="317">
        <v>5</v>
      </c>
      <c r="BP22" s="311">
        <v>0</v>
      </c>
      <c r="BQ22" s="315">
        <v>0</v>
      </c>
      <c r="BR22" s="312">
        <v>0</v>
      </c>
      <c r="BS22" s="314">
        <v>0</v>
      </c>
      <c r="BT22" s="315">
        <v>0</v>
      </c>
      <c r="BU22" s="315">
        <v>0</v>
      </c>
      <c r="BV22" s="315">
        <v>0</v>
      </c>
      <c r="BW22" s="315">
        <v>0</v>
      </c>
      <c r="BX22" s="315">
        <v>0</v>
      </c>
      <c r="BY22" s="312">
        <v>0</v>
      </c>
      <c r="BZ22" s="317">
        <v>0</v>
      </c>
      <c r="CA22" s="311">
        <v>0</v>
      </c>
      <c r="CB22" s="315">
        <v>0</v>
      </c>
      <c r="CC22" s="312">
        <v>0</v>
      </c>
      <c r="CD22" s="314">
        <v>0</v>
      </c>
      <c r="CE22" s="315">
        <v>0</v>
      </c>
      <c r="CF22" s="315">
        <v>0</v>
      </c>
      <c r="CG22" s="315">
        <v>0</v>
      </c>
      <c r="CH22" s="315">
        <v>0</v>
      </c>
      <c r="CI22" s="315">
        <v>0</v>
      </c>
      <c r="CJ22" s="312">
        <v>0</v>
      </c>
      <c r="CK22" s="317">
        <v>0</v>
      </c>
      <c r="CL22" s="311">
        <v>0</v>
      </c>
      <c r="CM22" s="315">
        <v>0</v>
      </c>
      <c r="CN22" s="312">
        <v>0</v>
      </c>
      <c r="CO22" s="314">
        <v>0</v>
      </c>
      <c r="CP22" s="315">
        <v>0</v>
      </c>
      <c r="CQ22" s="315">
        <v>0</v>
      </c>
      <c r="CR22" s="315">
        <v>0</v>
      </c>
      <c r="CS22" s="315">
        <v>0</v>
      </c>
      <c r="CT22" s="315">
        <v>0</v>
      </c>
      <c r="CU22" s="312">
        <v>0</v>
      </c>
      <c r="CV22" s="317">
        <v>0</v>
      </c>
    </row>
    <row r="23" spans="1:100" ht="21" customHeight="1" x14ac:dyDescent="0.2">
      <c r="A23" s="296" t="s">
        <v>21</v>
      </c>
      <c r="B23" s="311">
        <v>0</v>
      </c>
      <c r="C23" s="312">
        <v>0</v>
      </c>
      <c r="D23" s="313">
        <v>0</v>
      </c>
      <c r="E23" s="314">
        <v>0</v>
      </c>
      <c r="F23" s="315">
        <v>0</v>
      </c>
      <c r="G23" s="315">
        <v>0</v>
      </c>
      <c r="H23" s="315">
        <v>0</v>
      </c>
      <c r="I23" s="315">
        <v>0</v>
      </c>
      <c r="J23" s="315">
        <v>0</v>
      </c>
      <c r="K23" s="316">
        <v>0</v>
      </c>
      <c r="L23" s="317">
        <v>0</v>
      </c>
      <c r="M23" s="311">
        <v>0</v>
      </c>
      <c r="N23" s="315">
        <v>0</v>
      </c>
      <c r="O23" s="312">
        <v>0</v>
      </c>
      <c r="P23" s="314">
        <v>0</v>
      </c>
      <c r="Q23" s="315">
        <v>0</v>
      </c>
      <c r="R23" s="315">
        <v>0</v>
      </c>
      <c r="S23" s="315">
        <v>0</v>
      </c>
      <c r="T23" s="315">
        <v>0</v>
      </c>
      <c r="U23" s="315">
        <v>0</v>
      </c>
      <c r="V23" s="312">
        <v>0</v>
      </c>
      <c r="W23" s="317">
        <v>0</v>
      </c>
      <c r="X23" s="311">
        <v>0</v>
      </c>
      <c r="Y23" s="315">
        <v>0</v>
      </c>
      <c r="Z23" s="312">
        <v>0</v>
      </c>
      <c r="AA23" s="314">
        <v>0</v>
      </c>
      <c r="AB23" s="315">
        <v>11</v>
      </c>
      <c r="AC23" s="315">
        <v>4</v>
      </c>
      <c r="AD23" s="315">
        <v>2</v>
      </c>
      <c r="AE23" s="315">
        <v>1</v>
      </c>
      <c r="AF23" s="315">
        <v>0</v>
      </c>
      <c r="AG23" s="312">
        <v>18</v>
      </c>
      <c r="AH23" s="317">
        <v>18</v>
      </c>
      <c r="AI23" s="311">
        <v>0</v>
      </c>
      <c r="AJ23" s="315">
        <v>0</v>
      </c>
      <c r="AK23" s="312">
        <v>0</v>
      </c>
      <c r="AL23" s="314">
        <v>0</v>
      </c>
      <c r="AM23" s="315">
        <v>0</v>
      </c>
      <c r="AN23" s="315">
        <v>0</v>
      </c>
      <c r="AO23" s="315">
        <v>0</v>
      </c>
      <c r="AP23" s="315">
        <v>0</v>
      </c>
      <c r="AQ23" s="315">
        <v>0</v>
      </c>
      <c r="AR23" s="312">
        <v>0</v>
      </c>
      <c r="AS23" s="317">
        <v>0</v>
      </c>
      <c r="AT23" s="311">
        <v>0</v>
      </c>
      <c r="AU23" s="315">
        <v>0</v>
      </c>
      <c r="AV23" s="312">
        <v>0</v>
      </c>
      <c r="AW23" s="314">
        <v>0</v>
      </c>
      <c r="AX23" s="315">
        <v>0</v>
      </c>
      <c r="AY23" s="315">
        <v>0</v>
      </c>
      <c r="AZ23" s="315">
        <v>3</v>
      </c>
      <c r="BA23" s="315">
        <v>0</v>
      </c>
      <c r="BB23" s="315">
        <v>0</v>
      </c>
      <c r="BC23" s="312">
        <v>3</v>
      </c>
      <c r="BD23" s="317">
        <v>3</v>
      </c>
      <c r="BE23" s="311">
        <v>0</v>
      </c>
      <c r="BF23" s="315">
        <v>0</v>
      </c>
      <c r="BG23" s="312">
        <v>0</v>
      </c>
      <c r="BH23" s="314">
        <v>0</v>
      </c>
      <c r="BI23" s="315">
        <v>0</v>
      </c>
      <c r="BJ23" s="315">
        <v>1</v>
      </c>
      <c r="BK23" s="315">
        <v>0</v>
      </c>
      <c r="BL23" s="315">
        <v>1</v>
      </c>
      <c r="BM23" s="315">
        <v>0</v>
      </c>
      <c r="BN23" s="316">
        <v>2</v>
      </c>
      <c r="BO23" s="317">
        <v>2</v>
      </c>
      <c r="BP23" s="311">
        <v>0</v>
      </c>
      <c r="BQ23" s="315">
        <v>0</v>
      </c>
      <c r="BR23" s="312">
        <v>0</v>
      </c>
      <c r="BS23" s="314">
        <v>0</v>
      </c>
      <c r="BT23" s="315">
        <v>0</v>
      </c>
      <c r="BU23" s="315">
        <v>0</v>
      </c>
      <c r="BV23" s="315">
        <v>0</v>
      </c>
      <c r="BW23" s="315">
        <v>0</v>
      </c>
      <c r="BX23" s="315">
        <v>0</v>
      </c>
      <c r="BY23" s="312">
        <v>0</v>
      </c>
      <c r="BZ23" s="317">
        <v>0</v>
      </c>
      <c r="CA23" s="311">
        <v>0</v>
      </c>
      <c r="CB23" s="315">
        <v>0</v>
      </c>
      <c r="CC23" s="312">
        <v>0</v>
      </c>
      <c r="CD23" s="314">
        <v>0</v>
      </c>
      <c r="CE23" s="315">
        <v>0</v>
      </c>
      <c r="CF23" s="315">
        <v>0</v>
      </c>
      <c r="CG23" s="315">
        <v>0</v>
      </c>
      <c r="CH23" s="315">
        <v>0</v>
      </c>
      <c r="CI23" s="315">
        <v>0</v>
      </c>
      <c r="CJ23" s="312">
        <v>0</v>
      </c>
      <c r="CK23" s="317">
        <v>0</v>
      </c>
      <c r="CL23" s="311">
        <v>0</v>
      </c>
      <c r="CM23" s="315">
        <v>0</v>
      </c>
      <c r="CN23" s="312">
        <v>0</v>
      </c>
      <c r="CO23" s="314">
        <v>0</v>
      </c>
      <c r="CP23" s="315">
        <v>0</v>
      </c>
      <c r="CQ23" s="315">
        <v>0</v>
      </c>
      <c r="CR23" s="315">
        <v>0</v>
      </c>
      <c r="CS23" s="315">
        <v>0</v>
      </c>
      <c r="CT23" s="315">
        <v>0</v>
      </c>
      <c r="CU23" s="312">
        <v>0</v>
      </c>
      <c r="CV23" s="317">
        <v>0</v>
      </c>
    </row>
    <row r="24" spans="1:100" ht="21" customHeight="1" x14ac:dyDescent="0.2">
      <c r="A24" s="296" t="s">
        <v>22</v>
      </c>
      <c r="B24" s="311">
        <v>0</v>
      </c>
      <c r="C24" s="312">
        <v>0</v>
      </c>
      <c r="D24" s="313">
        <v>0</v>
      </c>
      <c r="E24" s="314">
        <v>0</v>
      </c>
      <c r="F24" s="315">
        <v>3</v>
      </c>
      <c r="G24" s="315">
        <v>2</v>
      </c>
      <c r="H24" s="315">
        <v>0</v>
      </c>
      <c r="I24" s="315">
        <v>0</v>
      </c>
      <c r="J24" s="315">
        <v>0</v>
      </c>
      <c r="K24" s="316">
        <v>5</v>
      </c>
      <c r="L24" s="317">
        <v>5</v>
      </c>
      <c r="M24" s="311">
        <v>0</v>
      </c>
      <c r="N24" s="315">
        <v>0</v>
      </c>
      <c r="O24" s="312">
        <v>0</v>
      </c>
      <c r="P24" s="314">
        <v>0</v>
      </c>
      <c r="Q24" s="315">
        <v>0</v>
      </c>
      <c r="R24" s="315">
        <v>0</v>
      </c>
      <c r="S24" s="315">
        <v>0</v>
      </c>
      <c r="T24" s="315">
        <v>0</v>
      </c>
      <c r="U24" s="315">
        <v>0</v>
      </c>
      <c r="V24" s="312">
        <v>0</v>
      </c>
      <c r="W24" s="317">
        <v>0</v>
      </c>
      <c r="X24" s="311">
        <v>0</v>
      </c>
      <c r="Y24" s="315">
        <v>0</v>
      </c>
      <c r="Z24" s="312">
        <v>0</v>
      </c>
      <c r="AA24" s="314">
        <v>0</v>
      </c>
      <c r="AB24" s="315">
        <v>8</v>
      </c>
      <c r="AC24" s="315">
        <v>3</v>
      </c>
      <c r="AD24" s="315">
        <v>0</v>
      </c>
      <c r="AE24" s="315">
        <v>2</v>
      </c>
      <c r="AF24" s="315">
        <v>0</v>
      </c>
      <c r="AG24" s="312">
        <v>13</v>
      </c>
      <c r="AH24" s="317">
        <v>13</v>
      </c>
      <c r="AI24" s="311">
        <v>0</v>
      </c>
      <c r="AJ24" s="315">
        <v>0</v>
      </c>
      <c r="AK24" s="312">
        <v>0</v>
      </c>
      <c r="AL24" s="314">
        <v>0</v>
      </c>
      <c r="AM24" s="315">
        <v>0</v>
      </c>
      <c r="AN24" s="315">
        <v>0</v>
      </c>
      <c r="AO24" s="315">
        <v>1</v>
      </c>
      <c r="AP24" s="315">
        <v>0</v>
      </c>
      <c r="AQ24" s="315">
        <v>0</v>
      </c>
      <c r="AR24" s="312">
        <v>1</v>
      </c>
      <c r="AS24" s="317">
        <v>1</v>
      </c>
      <c r="AT24" s="311">
        <v>1</v>
      </c>
      <c r="AU24" s="315">
        <v>0</v>
      </c>
      <c r="AV24" s="312">
        <v>1</v>
      </c>
      <c r="AW24" s="314">
        <v>0</v>
      </c>
      <c r="AX24" s="315">
        <v>0</v>
      </c>
      <c r="AY24" s="315">
        <v>1</v>
      </c>
      <c r="AZ24" s="315">
        <v>0</v>
      </c>
      <c r="BA24" s="315">
        <v>0</v>
      </c>
      <c r="BB24" s="315">
        <v>0</v>
      </c>
      <c r="BC24" s="312">
        <v>1</v>
      </c>
      <c r="BD24" s="317">
        <v>2</v>
      </c>
      <c r="BE24" s="311">
        <v>0</v>
      </c>
      <c r="BF24" s="315">
        <v>0</v>
      </c>
      <c r="BG24" s="312">
        <v>0</v>
      </c>
      <c r="BH24" s="314">
        <v>0</v>
      </c>
      <c r="BI24" s="315">
        <v>0</v>
      </c>
      <c r="BJ24" s="315">
        <v>0</v>
      </c>
      <c r="BK24" s="315">
        <v>1</v>
      </c>
      <c r="BL24" s="315">
        <v>1</v>
      </c>
      <c r="BM24" s="315">
        <v>1</v>
      </c>
      <c r="BN24" s="316">
        <v>3</v>
      </c>
      <c r="BO24" s="317">
        <v>3</v>
      </c>
      <c r="BP24" s="311">
        <v>0</v>
      </c>
      <c r="BQ24" s="315">
        <v>0</v>
      </c>
      <c r="BR24" s="312">
        <v>0</v>
      </c>
      <c r="BS24" s="314">
        <v>0</v>
      </c>
      <c r="BT24" s="315">
        <v>0</v>
      </c>
      <c r="BU24" s="315">
        <v>0</v>
      </c>
      <c r="BV24" s="315">
        <v>0</v>
      </c>
      <c r="BW24" s="315">
        <v>0</v>
      </c>
      <c r="BX24" s="315">
        <v>0</v>
      </c>
      <c r="BY24" s="312">
        <v>0</v>
      </c>
      <c r="BZ24" s="317">
        <v>0</v>
      </c>
      <c r="CA24" s="311">
        <v>0</v>
      </c>
      <c r="CB24" s="315">
        <v>0</v>
      </c>
      <c r="CC24" s="312">
        <v>0</v>
      </c>
      <c r="CD24" s="314">
        <v>0</v>
      </c>
      <c r="CE24" s="315">
        <v>0</v>
      </c>
      <c r="CF24" s="315">
        <v>0</v>
      </c>
      <c r="CG24" s="315">
        <v>0</v>
      </c>
      <c r="CH24" s="315">
        <v>1</v>
      </c>
      <c r="CI24" s="315">
        <v>0</v>
      </c>
      <c r="CJ24" s="312">
        <v>1</v>
      </c>
      <c r="CK24" s="317">
        <v>1</v>
      </c>
      <c r="CL24" s="311">
        <v>0</v>
      </c>
      <c r="CM24" s="315">
        <v>0</v>
      </c>
      <c r="CN24" s="312">
        <v>0</v>
      </c>
      <c r="CO24" s="314">
        <v>0</v>
      </c>
      <c r="CP24" s="315">
        <v>0</v>
      </c>
      <c r="CQ24" s="315">
        <v>0</v>
      </c>
      <c r="CR24" s="315">
        <v>0</v>
      </c>
      <c r="CS24" s="315">
        <v>0</v>
      </c>
      <c r="CT24" s="315">
        <v>0</v>
      </c>
      <c r="CU24" s="312">
        <v>0</v>
      </c>
      <c r="CV24" s="317">
        <v>0</v>
      </c>
    </row>
    <row r="25" spans="1:100" ht="21" customHeight="1" x14ac:dyDescent="0.2">
      <c r="A25" s="296" t="s">
        <v>23</v>
      </c>
      <c r="B25" s="311">
        <v>0</v>
      </c>
      <c r="C25" s="312">
        <v>0</v>
      </c>
      <c r="D25" s="313">
        <v>0</v>
      </c>
      <c r="E25" s="314">
        <v>0</v>
      </c>
      <c r="F25" s="315">
        <v>0</v>
      </c>
      <c r="G25" s="315">
        <v>0</v>
      </c>
      <c r="H25" s="315">
        <v>0</v>
      </c>
      <c r="I25" s="315">
        <v>0</v>
      </c>
      <c r="J25" s="315">
        <v>0</v>
      </c>
      <c r="K25" s="316">
        <v>0</v>
      </c>
      <c r="L25" s="317">
        <v>0</v>
      </c>
      <c r="M25" s="311">
        <v>0</v>
      </c>
      <c r="N25" s="315">
        <v>0</v>
      </c>
      <c r="O25" s="312">
        <v>0</v>
      </c>
      <c r="P25" s="314">
        <v>0</v>
      </c>
      <c r="Q25" s="315">
        <v>0</v>
      </c>
      <c r="R25" s="315">
        <v>0</v>
      </c>
      <c r="S25" s="315">
        <v>0</v>
      </c>
      <c r="T25" s="315">
        <v>0</v>
      </c>
      <c r="U25" s="315">
        <v>0</v>
      </c>
      <c r="V25" s="312">
        <v>0</v>
      </c>
      <c r="W25" s="317">
        <v>0</v>
      </c>
      <c r="X25" s="311">
        <v>0</v>
      </c>
      <c r="Y25" s="315">
        <v>0</v>
      </c>
      <c r="Z25" s="312">
        <v>0</v>
      </c>
      <c r="AA25" s="314">
        <v>0</v>
      </c>
      <c r="AB25" s="315">
        <v>3</v>
      </c>
      <c r="AC25" s="315">
        <v>2</v>
      </c>
      <c r="AD25" s="315">
        <v>1</v>
      </c>
      <c r="AE25" s="315">
        <v>0</v>
      </c>
      <c r="AF25" s="315">
        <v>1</v>
      </c>
      <c r="AG25" s="312">
        <v>7</v>
      </c>
      <c r="AH25" s="317">
        <v>7</v>
      </c>
      <c r="AI25" s="311">
        <v>0</v>
      </c>
      <c r="AJ25" s="315">
        <v>0</v>
      </c>
      <c r="AK25" s="312">
        <v>0</v>
      </c>
      <c r="AL25" s="314">
        <v>0</v>
      </c>
      <c r="AM25" s="315">
        <v>0</v>
      </c>
      <c r="AN25" s="315">
        <v>0</v>
      </c>
      <c r="AO25" s="315">
        <v>0</v>
      </c>
      <c r="AP25" s="315">
        <v>0</v>
      </c>
      <c r="AQ25" s="315">
        <v>0</v>
      </c>
      <c r="AR25" s="312">
        <v>0</v>
      </c>
      <c r="AS25" s="317">
        <v>0</v>
      </c>
      <c r="AT25" s="311">
        <v>0</v>
      </c>
      <c r="AU25" s="315">
        <v>0</v>
      </c>
      <c r="AV25" s="312">
        <v>0</v>
      </c>
      <c r="AW25" s="314">
        <v>0</v>
      </c>
      <c r="AX25" s="315">
        <v>0</v>
      </c>
      <c r="AY25" s="315">
        <v>0</v>
      </c>
      <c r="AZ25" s="315">
        <v>0</v>
      </c>
      <c r="BA25" s="315">
        <v>0</v>
      </c>
      <c r="BB25" s="315">
        <v>0</v>
      </c>
      <c r="BC25" s="312">
        <v>0</v>
      </c>
      <c r="BD25" s="317">
        <v>0</v>
      </c>
      <c r="BE25" s="311">
        <v>0</v>
      </c>
      <c r="BF25" s="315">
        <v>0</v>
      </c>
      <c r="BG25" s="312">
        <v>0</v>
      </c>
      <c r="BH25" s="314">
        <v>0</v>
      </c>
      <c r="BI25" s="315">
        <v>0</v>
      </c>
      <c r="BJ25" s="315">
        <v>0</v>
      </c>
      <c r="BK25" s="315">
        <v>1</v>
      </c>
      <c r="BL25" s="315">
        <v>0</v>
      </c>
      <c r="BM25" s="315">
        <v>0</v>
      </c>
      <c r="BN25" s="316">
        <v>1</v>
      </c>
      <c r="BO25" s="317">
        <v>1</v>
      </c>
      <c r="BP25" s="311">
        <v>0</v>
      </c>
      <c r="BQ25" s="315">
        <v>0</v>
      </c>
      <c r="BR25" s="312">
        <v>0</v>
      </c>
      <c r="BS25" s="314">
        <v>0</v>
      </c>
      <c r="BT25" s="315">
        <v>0</v>
      </c>
      <c r="BU25" s="315">
        <v>0</v>
      </c>
      <c r="BV25" s="315">
        <v>0</v>
      </c>
      <c r="BW25" s="315">
        <v>0</v>
      </c>
      <c r="BX25" s="315">
        <v>0</v>
      </c>
      <c r="BY25" s="312">
        <v>0</v>
      </c>
      <c r="BZ25" s="317">
        <v>0</v>
      </c>
      <c r="CA25" s="311">
        <v>0</v>
      </c>
      <c r="CB25" s="315">
        <v>0</v>
      </c>
      <c r="CC25" s="312">
        <v>0</v>
      </c>
      <c r="CD25" s="314">
        <v>0</v>
      </c>
      <c r="CE25" s="315">
        <v>0</v>
      </c>
      <c r="CF25" s="315">
        <v>0</v>
      </c>
      <c r="CG25" s="315">
        <v>0</v>
      </c>
      <c r="CH25" s="315">
        <v>0</v>
      </c>
      <c r="CI25" s="315">
        <v>0</v>
      </c>
      <c r="CJ25" s="312">
        <v>0</v>
      </c>
      <c r="CK25" s="317">
        <v>0</v>
      </c>
      <c r="CL25" s="311">
        <v>0</v>
      </c>
      <c r="CM25" s="315">
        <v>0</v>
      </c>
      <c r="CN25" s="312">
        <v>0</v>
      </c>
      <c r="CO25" s="314">
        <v>0</v>
      </c>
      <c r="CP25" s="315">
        <v>0</v>
      </c>
      <c r="CQ25" s="315">
        <v>0</v>
      </c>
      <c r="CR25" s="315">
        <v>0</v>
      </c>
      <c r="CS25" s="315">
        <v>0</v>
      </c>
      <c r="CT25" s="315">
        <v>0</v>
      </c>
      <c r="CU25" s="312">
        <v>0</v>
      </c>
      <c r="CV25" s="317">
        <v>0</v>
      </c>
    </row>
    <row r="26" spans="1:100" ht="21" customHeight="1" x14ac:dyDescent="0.2">
      <c r="A26" s="296" t="s">
        <v>24</v>
      </c>
      <c r="B26" s="311">
        <v>0</v>
      </c>
      <c r="C26" s="312">
        <v>0</v>
      </c>
      <c r="D26" s="313">
        <v>0</v>
      </c>
      <c r="E26" s="314">
        <v>0</v>
      </c>
      <c r="F26" s="315">
        <v>0</v>
      </c>
      <c r="G26" s="315">
        <v>0</v>
      </c>
      <c r="H26" s="315">
        <v>0</v>
      </c>
      <c r="I26" s="315">
        <v>1</v>
      </c>
      <c r="J26" s="315">
        <v>0</v>
      </c>
      <c r="K26" s="316">
        <v>1</v>
      </c>
      <c r="L26" s="317">
        <v>1</v>
      </c>
      <c r="M26" s="311">
        <v>0</v>
      </c>
      <c r="N26" s="315">
        <v>0</v>
      </c>
      <c r="O26" s="312">
        <v>0</v>
      </c>
      <c r="P26" s="314">
        <v>0</v>
      </c>
      <c r="Q26" s="315">
        <v>0</v>
      </c>
      <c r="R26" s="315">
        <v>0</v>
      </c>
      <c r="S26" s="315">
        <v>0</v>
      </c>
      <c r="T26" s="315">
        <v>0</v>
      </c>
      <c r="U26" s="315">
        <v>0</v>
      </c>
      <c r="V26" s="312">
        <v>0</v>
      </c>
      <c r="W26" s="317">
        <v>0</v>
      </c>
      <c r="X26" s="311">
        <v>0</v>
      </c>
      <c r="Y26" s="315">
        <v>0</v>
      </c>
      <c r="Z26" s="312">
        <v>0</v>
      </c>
      <c r="AA26" s="314">
        <v>0</v>
      </c>
      <c r="AB26" s="315">
        <v>1</v>
      </c>
      <c r="AC26" s="315">
        <v>2</v>
      </c>
      <c r="AD26" s="315">
        <v>2</v>
      </c>
      <c r="AE26" s="315">
        <v>0</v>
      </c>
      <c r="AF26" s="315">
        <v>0</v>
      </c>
      <c r="AG26" s="312">
        <v>5</v>
      </c>
      <c r="AH26" s="317">
        <v>5</v>
      </c>
      <c r="AI26" s="311">
        <v>0</v>
      </c>
      <c r="AJ26" s="315">
        <v>0</v>
      </c>
      <c r="AK26" s="312">
        <v>0</v>
      </c>
      <c r="AL26" s="314">
        <v>0</v>
      </c>
      <c r="AM26" s="315">
        <v>0</v>
      </c>
      <c r="AN26" s="315">
        <v>1</v>
      </c>
      <c r="AO26" s="315">
        <v>0</v>
      </c>
      <c r="AP26" s="315">
        <v>0</v>
      </c>
      <c r="AQ26" s="315">
        <v>1</v>
      </c>
      <c r="AR26" s="312">
        <v>2</v>
      </c>
      <c r="AS26" s="317">
        <v>2</v>
      </c>
      <c r="AT26" s="311">
        <v>1</v>
      </c>
      <c r="AU26" s="315">
        <v>1</v>
      </c>
      <c r="AV26" s="312">
        <v>2</v>
      </c>
      <c r="AW26" s="314">
        <v>0</v>
      </c>
      <c r="AX26" s="315">
        <v>4</v>
      </c>
      <c r="AY26" s="315">
        <v>0</v>
      </c>
      <c r="AZ26" s="315">
        <v>0</v>
      </c>
      <c r="BA26" s="315">
        <v>0</v>
      </c>
      <c r="BB26" s="315">
        <v>0</v>
      </c>
      <c r="BC26" s="312">
        <v>4</v>
      </c>
      <c r="BD26" s="317">
        <v>6</v>
      </c>
      <c r="BE26" s="311">
        <v>0</v>
      </c>
      <c r="BF26" s="315">
        <v>0</v>
      </c>
      <c r="BG26" s="312">
        <v>0</v>
      </c>
      <c r="BH26" s="314">
        <v>0</v>
      </c>
      <c r="BI26" s="315">
        <v>0</v>
      </c>
      <c r="BJ26" s="315">
        <v>0</v>
      </c>
      <c r="BK26" s="315">
        <v>2</v>
      </c>
      <c r="BL26" s="315">
        <v>1</v>
      </c>
      <c r="BM26" s="315">
        <v>1</v>
      </c>
      <c r="BN26" s="316">
        <v>4</v>
      </c>
      <c r="BO26" s="317">
        <v>4</v>
      </c>
      <c r="BP26" s="311">
        <v>0</v>
      </c>
      <c r="BQ26" s="315">
        <v>0</v>
      </c>
      <c r="BR26" s="312">
        <v>0</v>
      </c>
      <c r="BS26" s="314">
        <v>0</v>
      </c>
      <c r="BT26" s="315">
        <v>0</v>
      </c>
      <c r="BU26" s="315">
        <v>0</v>
      </c>
      <c r="BV26" s="315">
        <v>0</v>
      </c>
      <c r="BW26" s="315">
        <v>0</v>
      </c>
      <c r="BX26" s="315">
        <v>0</v>
      </c>
      <c r="BY26" s="312">
        <v>0</v>
      </c>
      <c r="BZ26" s="317">
        <v>0</v>
      </c>
      <c r="CA26" s="311">
        <v>0</v>
      </c>
      <c r="CB26" s="315">
        <v>0</v>
      </c>
      <c r="CC26" s="312">
        <v>0</v>
      </c>
      <c r="CD26" s="314">
        <v>0</v>
      </c>
      <c r="CE26" s="315">
        <v>0</v>
      </c>
      <c r="CF26" s="315">
        <v>0</v>
      </c>
      <c r="CG26" s="315">
        <v>0</v>
      </c>
      <c r="CH26" s="315">
        <v>0</v>
      </c>
      <c r="CI26" s="315">
        <v>0</v>
      </c>
      <c r="CJ26" s="312">
        <v>0</v>
      </c>
      <c r="CK26" s="317">
        <v>0</v>
      </c>
      <c r="CL26" s="311">
        <v>0</v>
      </c>
      <c r="CM26" s="315">
        <v>0</v>
      </c>
      <c r="CN26" s="312">
        <v>0</v>
      </c>
      <c r="CO26" s="314">
        <v>0</v>
      </c>
      <c r="CP26" s="315">
        <v>0</v>
      </c>
      <c r="CQ26" s="315">
        <v>0</v>
      </c>
      <c r="CR26" s="315">
        <v>0</v>
      </c>
      <c r="CS26" s="315">
        <v>0</v>
      </c>
      <c r="CT26" s="315">
        <v>0</v>
      </c>
      <c r="CU26" s="312">
        <v>0</v>
      </c>
      <c r="CV26" s="317">
        <v>0</v>
      </c>
    </row>
    <row r="27" spans="1:100" ht="21" customHeight="1" x14ac:dyDescent="0.2">
      <c r="A27" s="296" t="s">
        <v>25</v>
      </c>
      <c r="B27" s="311">
        <v>0</v>
      </c>
      <c r="C27" s="312">
        <v>0</v>
      </c>
      <c r="D27" s="313">
        <v>0</v>
      </c>
      <c r="E27" s="314">
        <v>0</v>
      </c>
      <c r="F27" s="315">
        <v>0</v>
      </c>
      <c r="G27" s="315">
        <v>0</v>
      </c>
      <c r="H27" s="315">
        <v>0</v>
      </c>
      <c r="I27" s="315">
        <v>0</v>
      </c>
      <c r="J27" s="315">
        <v>0</v>
      </c>
      <c r="K27" s="316">
        <v>0</v>
      </c>
      <c r="L27" s="317">
        <v>0</v>
      </c>
      <c r="M27" s="311">
        <v>0</v>
      </c>
      <c r="N27" s="315">
        <v>0</v>
      </c>
      <c r="O27" s="312">
        <v>0</v>
      </c>
      <c r="P27" s="314">
        <v>0</v>
      </c>
      <c r="Q27" s="315">
        <v>0</v>
      </c>
      <c r="R27" s="315">
        <v>0</v>
      </c>
      <c r="S27" s="315">
        <v>0</v>
      </c>
      <c r="T27" s="315">
        <v>0</v>
      </c>
      <c r="U27" s="315">
        <v>0</v>
      </c>
      <c r="V27" s="312">
        <v>0</v>
      </c>
      <c r="W27" s="317">
        <v>0</v>
      </c>
      <c r="X27" s="311">
        <v>0</v>
      </c>
      <c r="Y27" s="315">
        <v>0</v>
      </c>
      <c r="Z27" s="312">
        <v>0</v>
      </c>
      <c r="AA27" s="314">
        <v>0</v>
      </c>
      <c r="AB27" s="315">
        <v>3</v>
      </c>
      <c r="AC27" s="315">
        <v>0</v>
      </c>
      <c r="AD27" s="315">
        <v>0</v>
      </c>
      <c r="AE27" s="315">
        <v>0</v>
      </c>
      <c r="AF27" s="315">
        <v>0</v>
      </c>
      <c r="AG27" s="312">
        <v>3</v>
      </c>
      <c r="AH27" s="317">
        <v>3</v>
      </c>
      <c r="AI27" s="311">
        <v>0</v>
      </c>
      <c r="AJ27" s="315">
        <v>0</v>
      </c>
      <c r="AK27" s="312">
        <v>0</v>
      </c>
      <c r="AL27" s="314">
        <v>0</v>
      </c>
      <c r="AM27" s="315">
        <v>0</v>
      </c>
      <c r="AN27" s="315">
        <v>0</v>
      </c>
      <c r="AO27" s="315">
        <v>0</v>
      </c>
      <c r="AP27" s="315">
        <v>0</v>
      </c>
      <c r="AQ27" s="315">
        <v>0</v>
      </c>
      <c r="AR27" s="312">
        <v>0</v>
      </c>
      <c r="AS27" s="317">
        <v>0</v>
      </c>
      <c r="AT27" s="311">
        <v>0</v>
      </c>
      <c r="AU27" s="315">
        <v>0</v>
      </c>
      <c r="AV27" s="312">
        <v>0</v>
      </c>
      <c r="AW27" s="314">
        <v>0</v>
      </c>
      <c r="AX27" s="315">
        <v>0</v>
      </c>
      <c r="AY27" s="315">
        <v>0</v>
      </c>
      <c r="AZ27" s="315">
        <v>0</v>
      </c>
      <c r="BA27" s="315">
        <v>0</v>
      </c>
      <c r="BB27" s="315">
        <v>1</v>
      </c>
      <c r="BC27" s="312">
        <v>1</v>
      </c>
      <c r="BD27" s="317">
        <v>1</v>
      </c>
      <c r="BE27" s="311">
        <v>0</v>
      </c>
      <c r="BF27" s="315">
        <v>0</v>
      </c>
      <c r="BG27" s="312">
        <v>0</v>
      </c>
      <c r="BH27" s="314">
        <v>0</v>
      </c>
      <c r="BI27" s="315">
        <v>2</v>
      </c>
      <c r="BJ27" s="315">
        <v>1</v>
      </c>
      <c r="BK27" s="315">
        <v>0</v>
      </c>
      <c r="BL27" s="315">
        <v>0</v>
      </c>
      <c r="BM27" s="315">
        <v>0</v>
      </c>
      <c r="BN27" s="316">
        <v>3</v>
      </c>
      <c r="BO27" s="317">
        <v>3</v>
      </c>
      <c r="BP27" s="311">
        <v>0</v>
      </c>
      <c r="BQ27" s="315">
        <v>0</v>
      </c>
      <c r="BR27" s="312">
        <v>0</v>
      </c>
      <c r="BS27" s="314">
        <v>0</v>
      </c>
      <c r="BT27" s="315">
        <v>0</v>
      </c>
      <c r="BU27" s="315">
        <v>0</v>
      </c>
      <c r="BV27" s="315">
        <v>0</v>
      </c>
      <c r="BW27" s="315">
        <v>0</v>
      </c>
      <c r="BX27" s="315">
        <v>0</v>
      </c>
      <c r="BY27" s="312">
        <v>0</v>
      </c>
      <c r="BZ27" s="317">
        <v>0</v>
      </c>
      <c r="CA27" s="311">
        <v>0</v>
      </c>
      <c r="CB27" s="315">
        <v>0</v>
      </c>
      <c r="CC27" s="312">
        <v>0</v>
      </c>
      <c r="CD27" s="314">
        <v>0</v>
      </c>
      <c r="CE27" s="315">
        <v>0</v>
      </c>
      <c r="CF27" s="315">
        <v>0</v>
      </c>
      <c r="CG27" s="315">
        <v>0</v>
      </c>
      <c r="CH27" s="315">
        <v>0</v>
      </c>
      <c r="CI27" s="315">
        <v>0</v>
      </c>
      <c r="CJ27" s="312">
        <v>0</v>
      </c>
      <c r="CK27" s="317">
        <v>0</v>
      </c>
      <c r="CL27" s="311">
        <v>0</v>
      </c>
      <c r="CM27" s="315">
        <v>0</v>
      </c>
      <c r="CN27" s="312">
        <v>0</v>
      </c>
      <c r="CO27" s="314">
        <v>0</v>
      </c>
      <c r="CP27" s="315">
        <v>0</v>
      </c>
      <c r="CQ27" s="315">
        <v>0</v>
      </c>
      <c r="CR27" s="315">
        <v>0</v>
      </c>
      <c r="CS27" s="315">
        <v>0</v>
      </c>
      <c r="CT27" s="315">
        <v>0</v>
      </c>
      <c r="CU27" s="312">
        <v>0</v>
      </c>
      <c r="CV27" s="317">
        <v>0</v>
      </c>
    </row>
    <row r="28" spans="1:100" ht="21" customHeight="1" x14ac:dyDescent="0.2">
      <c r="A28" s="296" t="s">
        <v>26</v>
      </c>
      <c r="B28" s="311">
        <v>0</v>
      </c>
      <c r="C28" s="312">
        <v>0</v>
      </c>
      <c r="D28" s="313">
        <v>0</v>
      </c>
      <c r="E28" s="314">
        <v>0</v>
      </c>
      <c r="F28" s="315">
        <v>0</v>
      </c>
      <c r="G28" s="315">
        <v>0</v>
      </c>
      <c r="H28" s="315">
        <v>0</v>
      </c>
      <c r="I28" s="315">
        <v>0</v>
      </c>
      <c r="J28" s="315">
        <v>0</v>
      </c>
      <c r="K28" s="316">
        <v>0</v>
      </c>
      <c r="L28" s="317">
        <v>0</v>
      </c>
      <c r="M28" s="311">
        <v>0</v>
      </c>
      <c r="N28" s="315">
        <v>0</v>
      </c>
      <c r="O28" s="312">
        <v>0</v>
      </c>
      <c r="P28" s="314">
        <v>0</v>
      </c>
      <c r="Q28" s="315">
        <v>0</v>
      </c>
      <c r="R28" s="315">
        <v>0</v>
      </c>
      <c r="S28" s="315">
        <v>0</v>
      </c>
      <c r="T28" s="315">
        <v>0</v>
      </c>
      <c r="U28" s="315">
        <v>0</v>
      </c>
      <c r="V28" s="312">
        <v>0</v>
      </c>
      <c r="W28" s="317">
        <v>0</v>
      </c>
      <c r="X28" s="311">
        <v>0</v>
      </c>
      <c r="Y28" s="315">
        <v>0</v>
      </c>
      <c r="Z28" s="312">
        <v>0</v>
      </c>
      <c r="AA28" s="314">
        <v>0</v>
      </c>
      <c r="AB28" s="315">
        <v>4</v>
      </c>
      <c r="AC28" s="315">
        <v>2</v>
      </c>
      <c r="AD28" s="315">
        <v>2</v>
      </c>
      <c r="AE28" s="315">
        <v>0</v>
      </c>
      <c r="AF28" s="315">
        <v>1</v>
      </c>
      <c r="AG28" s="312">
        <v>9</v>
      </c>
      <c r="AH28" s="317">
        <v>9</v>
      </c>
      <c r="AI28" s="311">
        <v>0</v>
      </c>
      <c r="AJ28" s="315">
        <v>0</v>
      </c>
      <c r="AK28" s="312">
        <v>0</v>
      </c>
      <c r="AL28" s="314">
        <v>0</v>
      </c>
      <c r="AM28" s="315">
        <v>0</v>
      </c>
      <c r="AN28" s="315">
        <v>0</v>
      </c>
      <c r="AO28" s="315">
        <v>1</v>
      </c>
      <c r="AP28" s="315">
        <v>0</v>
      </c>
      <c r="AQ28" s="315">
        <v>0</v>
      </c>
      <c r="AR28" s="312">
        <v>1</v>
      </c>
      <c r="AS28" s="317">
        <v>1</v>
      </c>
      <c r="AT28" s="311">
        <v>0</v>
      </c>
      <c r="AU28" s="315">
        <v>0</v>
      </c>
      <c r="AV28" s="312">
        <v>0</v>
      </c>
      <c r="AW28" s="314">
        <v>0</v>
      </c>
      <c r="AX28" s="315">
        <v>1</v>
      </c>
      <c r="AY28" s="315">
        <v>0</v>
      </c>
      <c r="AZ28" s="315">
        <v>0</v>
      </c>
      <c r="BA28" s="315">
        <v>0</v>
      </c>
      <c r="BB28" s="315">
        <v>0</v>
      </c>
      <c r="BC28" s="312">
        <v>1</v>
      </c>
      <c r="BD28" s="317">
        <v>1</v>
      </c>
      <c r="BE28" s="311">
        <v>0</v>
      </c>
      <c r="BF28" s="315">
        <v>0</v>
      </c>
      <c r="BG28" s="312">
        <v>0</v>
      </c>
      <c r="BH28" s="314">
        <v>0</v>
      </c>
      <c r="BI28" s="315">
        <v>0</v>
      </c>
      <c r="BJ28" s="315">
        <v>0</v>
      </c>
      <c r="BK28" s="315">
        <v>0</v>
      </c>
      <c r="BL28" s="315">
        <v>1</v>
      </c>
      <c r="BM28" s="315">
        <v>2</v>
      </c>
      <c r="BN28" s="316">
        <v>3</v>
      </c>
      <c r="BO28" s="317">
        <v>3</v>
      </c>
      <c r="BP28" s="311">
        <v>0</v>
      </c>
      <c r="BQ28" s="315">
        <v>0</v>
      </c>
      <c r="BR28" s="312">
        <v>0</v>
      </c>
      <c r="BS28" s="314">
        <v>0</v>
      </c>
      <c r="BT28" s="315">
        <v>0</v>
      </c>
      <c r="BU28" s="315">
        <v>0</v>
      </c>
      <c r="BV28" s="315">
        <v>0</v>
      </c>
      <c r="BW28" s="315">
        <v>0</v>
      </c>
      <c r="BX28" s="315">
        <v>0</v>
      </c>
      <c r="BY28" s="312">
        <v>0</v>
      </c>
      <c r="BZ28" s="317">
        <v>0</v>
      </c>
      <c r="CA28" s="311">
        <v>0</v>
      </c>
      <c r="CB28" s="315">
        <v>0</v>
      </c>
      <c r="CC28" s="312">
        <v>0</v>
      </c>
      <c r="CD28" s="314">
        <v>0</v>
      </c>
      <c r="CE28" s="315">
        <v>0</v>
      </c>
      <c r="CF28" s="315">
        <v>0</v>
      </c>
      <c r="CG28" s="315">
        <v>0</v>
      </c>
      <c r="CH28" s="315">
        <v>0</v>
      </c>
      <c r="CI28" s="315">
        <v>0</v>
      </c>
      <c r="CJ28" s="312">
        <v>0</v>
      </c>
      <c r="CK28" s="317">
        <v>0</v>
      </c>
      <c r="CL28" s="311">
        <v>0</v>
      </c>
      <c r="CM28" s="315">
        <v>0</v>
      </c>
      <c r="CN28" s="312">
        <v>0</v>
      </c>
      <c r="CO28" s="314">
        <v>0</v>
      </c>
      <c r="CP28" s="315">
        <v>0</v>
      </c>
      <c r="CQ28" s="315">
        <v>0</v>
      </c>
      <c r="CR28" s="315">
        <v>0</v>
      </c>
      <c r="CS28" s="315">
        <v>0</v>
      </c>
      <c r="CT28" s="315">
        <v>0</v>
      </c>
      <c r="CU28" s="312">
        <v>0</v>
      </c>
      <c r="CV28" s="317">
        <v>0</v>
      </c>
    </row>
    <row r="29" spans="1:100" ht="21" customHeight="1" x14ac:dyDescent="0.2">
      <c r="A29" s="296" t="s">
        <v>27</v>
      </c>
      <c r="B29" s="311">
        <v>0</v>
      </c>
      <c r="C29" s="312">
        <v>0</v>
      </c>
      <c r="D29" s="313">
        <v>0</v>
      </c>
      <c r="E29" s="314">
        <v>0</v>
      </c>
      <c r="F29" s="315">
        <v>0</v>
      </c>
      <c r="G29" s="315">
        <v>0</v>
      </c>
      <c r="H29" s="315">
        <v>0</v>
      </c>
      <c r="I29" s="315">
        <v>0</v>
      </c>
      <c r="J29" s="315">
        <v>0</v>
      </c>
      <c r="K29" s="316">
        <v>0</v>
      </c>
      <c r="L29" s="317">
        <v>0</v>
      </c>
      <c r="M29" s="311">
        <v>0</v>
      </c>
      <c r="N29" s="315">
        <v>0</v>
      </c>
      <c r="O29" s="312">
        <v>0</v>
      </c>
      <c r="P29" s="314">
        <v>0</v>
      </c>
      <c r="Q29" s="315">
        <v>0</v>
      </c>
      <c r="R29" s="315">
        <v>0</v>
      </c>
      <c r="S29" s="315">
        <v>0</v>
      </c>
      <c r="T29" s="315">
        <v>0</v>
      </c>
      <c r="U29" s="315">
        <v>0</v>
      </c>
      <c r="V29" s="312">
        <v>0</v>
      </c>
      <c r="W29" s="317">
        <v>0</v>
      </c>
      <c r="X29" s="311">
        <v>0</v>
      </c>
      <c r="Y29" s="315">
        <v>0</v>
      </c>
      <c r="Z29" s="312">
        <v>0</v>
      </c>
      <c r="AA29" s="314">
        <v>0</v>
      </c>
      <c r="AB29" s="315">
        <v>0</v>
      </c>
      <c r="AC29" s="315">
        <v>0</v>
      </c>
      <c r="AD29" s="315">
        <v>1</v>
      </c>
      <c r="AE29" s="315">
        <v>0</v>
      </c>
      <c r="AF29" s="315">
        <v>1</v>
      </c>
      <c r="AG29" s="312">
        <v>2</v>
      </c>
      <c r="AH29" s="317">
        <v>2</v>
      </c>
      <c r="AI29" s="311">
        <v>0</v>
      </c>
      <c r="AJ29" s="315">
        <v>0</v>
      </c>
      <c r="AK29" s="312">
        <v>0</v>
      </c>
      <c r="AL29" s="314">
        <v>0</v>
      </c>
      <c r="AM29" s="315">
        <v>1</v>
      </c>
      <c r="AN29" s="315">
        <v>0</v>
      </c>
      <c r="AO29" s="315">
        <v>0</v>
      </c>
      <c r="AP29" s="315">
        <v>0</v>
      </c>
      <c r="AQ29" s="315">
        <v>0</v>
      </c>
      <c r="AR29" s="312">
        <v>1</v>
      </c>
      <c r="AS29" s="317">
        <v>1</v>
      </c>
      <c r="AT29" s="311">
        <v>0</v>
      </c>
      <c r="AU29" s="315">
        <v>0</v>
      </c>
      <c r="AV29" s="312">
        <v>0</v>
      </c>
      <c r="AW29" s="314">
        <v>0</v>
      </c>
      <c r="AX29" s="315">
        <v>0</v>
      </c>
      <c r="AY29" s="315">
        <v>0</v>
      </c>
      <c r="AZ29" s="315">
        <v>0</v>
      </c>
      <c r="BA29" s="315">
        <v>0</v>
      </c>
      <c r="BB29" s="315">
        <v>0</v>
      </c>
      <c r="BC29" s="312">
        <v>0</v>
      </c>
      <c r="BD29" s="317">
        <v>0</v>
      </c>
      <c r="BE29" s="311">
        <v>0</v>
      </c>
      <c r="BF29" s="315">
        <v>0</v>
      </c>
      <c r="BG29" s="312">
        <v>0</v>
      </c>
      <c r="BH29" s="314">
        <v>0</v>
      </c>
      <c r="BI29" s="315">
        <v>0</v>
      </c>
      <c r="BJ29" s="315">
        <v>0</v>
      </c>
      <c r="BK29" s="315">
        <v>0</v>
      </c>
      <c r="BL29" s="315">
        <v>0</v>
      </c>
      <c r="BM29" s="315">
        <v>0</v>
      </c>
      <c r="BN29" s="316">
        <v>0</v>
      </c>
      <c r="BO29" s="317">
        <v>0</v>
      </c>
      <c r="BP29" s="311">
        <v>0</v>
      </c>
      <c r="BQ29" s="315">
        <v>0</v>
      </c>
      <c r="BR29" s="312">
        <v>0</v>
      </c>
      <c r="BS29" s="314">
        <v>0</v>
      </c>
      <c r="BT29" s="315">
        <v>0</v>
      </c>
      <c r="BU29" s="315">
        <v>0</v>
      </c>
      <c r="BV29" s="315">
        <v>0</v>
      </c>
      <c r="BW29" s="315">
        <v>0</v>
      </c>
      <c r="BX29" s="315">
        <v>0</v>
      </c>
      <c r="BY29" s="312">
        <v>0</v>
      </c>
      <c r="BZ29" s="317">
        <v>0</v>
      </c>
      <c r="CA29" s="311">
        <v>0</v>
      </c>
      <c r="CB29" s="315">
        <v>0</v>
      </c>
      <c r="CC29" s="312">
        <v>0</v>
      </c>
      <c r="CD29" s="314">
        <v>0</v>
      </c>
      <c r="CE29" s="315">
        <v>0</v>
      </c>
      <c r="CF29" s="315">
        <v>0</v>
      </c>
      <c r="CG29" s="315">
        <v>0</v>
      </c>
      <c r="CH29" s="315">
        <v>0</v>
      </c>
      <c r="CI29" s="315">
        <v>0</v>
      </c>
      <c r="CJ29" s="312">
        <v>0</v>
      </c>
      <c r="CK29" s="317">
        <v>0</v>
      </c>
      <c r="CL29" s="311">
        <v>0</v>
      </c>
      <c r="CM29" s="315">
        <v>0</v>
      </c>
      <c r="CN29" s="312">
        <v>0</v>
      </c>
      <c r="CO29" s="314">
        <v>0</v>
      </c>
      <c r="CP29" s="315">
        <v>0</v>
      </c>
      <c r="CQ29" s="315">
        <v>0</v>
      </c>
      <c r="CR29" s="315">
        <v>0</v>
      </c>
      <c r="CS29" s="315">
        <v>0</v>
      </c>
      <c r="CT29" s="315">
        <v>0</v>
      </c>
      <c r="CU29" s="312">
        <v>0</v>
      </c>
      <c r="CV29" s="317">
        <v>0</v>
      </c>
    </row>
    <row r="30" spans="1:100" ht="21" customHeight="1" x14ac:dyDescent="0.2">
      <c r="A30" s="296" t="s">
        <v>28</v>
      </c>
      <c r="B30" s="311">
        <v>0</v>
      </c>
      <c r="C30" s="312">
        <v>0</v>
      </c>
      <c r="D30" s="313">
        <v>0</v>
      </c>
      <c r="E30" s="314">
        <v>0</v>
      </c>
      <c r="F30" s="315">
        <v>0</v>
      </c>
      <c r="G30" s="315">
        <v>0</v>
      </c>
      <c r="H30" s="315">
        <v>0</v>
      </c>
      <c r="I30" s="315">
        <v>0</v>
      </c>
      <c r="J30" s="315">
        <v>0</v>
      </c>
      <c r="K30" s="316">
        <v>0</v>
      </c>
      <c r="L30" s="317">
        <v>0</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2</v>
      </c>
      <c r="AC30" s="315">
        <v>2</v>
      </c>
      <c r="AD30" s="315">
        <v>0</v>
      </c>
      <c r="AE30" s="315">
        <v>0</v>
      </c>
      <c r="AF30" s="315">
        <v>0</v>
      </c>
      <c r="AG30" s="312">
        <v>4</v>
      </c>
      <c r="AH30" s="317">
        <v>4</v>
      </c>
      <c r="AI30" s="311">
        <v>0</v>
      </c>
      <c r="AJ30" s="315">
        <v>0</v>
      </c>
      <c r="AK30" s="312">
        <v>0</v>
      </c>
      <c r="AL30" s="314">
        <v>0</v>
      </c>
      <c r="AM30" s="315">
        <v>0</v>
      </c>
      <c r="AN30" s="315">
        <v>0</v>
      </c>
      <c r="AO30" s="315">
        <v>1</v>
      </c>
      <c r="AP30" s="315">
        <v>0</v>
      </c>
      <c r="AQ30" s="315">
        <v>0</v>
      </c>
      <c r="AR30" s="312">
        <v>1</v>
      </c>
      <c r="AS30" s="317">
        <v>1</v>
      </c>
      <c r="AT30" s="311">
        <v>0</v>
      </c>
      <c r="AU30" s="315">
        <v>0</v>
      </c>
      <c r="AV30" s="312">
        <v>0</v>
      </c>
      <c r="AW30" s="314">
        <v>0</v>
      </c>
      <c r="AX30" s="315">
        <v>0</v>
      </c>
      <c r="AY30" s="315">
        <v>0</v>
      </c>
      <c r="AZ30" s="315">
        <v>0</v>
      </c>
      <c r="BA30" s="315">
        <v>0</v>
      </c>
      <c r="BB30" s="315">
        <v>0</v>
      </c>
      <c r="BC30" s="312">
        <v>0</v>
      </c>
      <c r="BD30" s="317">
        <v>0</v>
      </c>
      <c r="BE30" s="311">
        <v>0</v>
      </c>
      <c r="BF30" s="315">
        <v>0</v>
      </c>
      <c r="BG30" s="312">
        <v>0</v>
      </c>
      <c r="BH30" s="314">
        <v>0</v>
      </c>
      <c r="BI30" s="315">
        <v>0</v>
      </c>
      <c r="BJ30" s="315">
        <v>0</v>
      </c>
      <c r="BK30" s="315">
        <v>0</v>
      </c>
      <c r="BL30" s="315">
        <v>0</v>
      </c>
      <c r="BM30" s="315">
        <v>0</v>
      </c>
      <c r="BN30" s="316">
        <v>0</v>
      </c>
      <c r="BO30" s="317">
        <v>0</v>
      </c>
      <c r="BP30" s="311">
        <v>0</v>
      </c>
      <c r="BQ30" s="315">
        <v>0</v>
      </c>
      <c r="BR30" s="312">
        <v>0</v>
      </c>
      <c r="BS30" s="314">
        <v>0</v>
      </c>
      <c r="BT30" s="315">
        <v>0</v>
      </c>
      <c r="BU30" s="315">
        <v>0</v>
      </c>
      <c r="BV30" s="315">
        <v>0</v>
      </c>
      <c r="BW30" s="315">
        <v>0</v>
      </c>
      <c r="BX30" s="315">
        <v>0</v>
      </c>
      <c r="BY30" s="312">
        <v>0</v>
      </c>
      <c r="BZ30" s="317">
        <v>0</v>
      </c>
      <c r="CA30" s="311">
        <v>0</v>
      </c>
      <c r="CB30" s="315">
        <v>0</v>
      </c>
      <c r="CC30" s="312">
        <v>0</v>
      </c>
      <c r="CD30" s="314">
        <v>0</v>
      </c>
      <c r="CE30" s="315">
        <v>0</v>
      </c>
      <c r="CF30" s="315">
        <v>0</v>
      </c>
      <c r="CG30" s="315">
        <v>0</v>
      </c>
      <c r="CH30" s="315">
        <v>0</v>
      </c>
      <c r="CI30" s="315">
        <v>0</v>
      </c>
      <c r="CJ30" s="312">
        <v>0</v>
      </c>
      <c r="CK30" s="317">
        <v>0</v>
      </c>
      <c r="CL30" s="311">
        <v>0</v>
      </c>
      <c r="CM30" s="315">
        <v>0</v>
      </c>
      <c r="CN30" s="312">
        <v>0</v>
      </c>
      <c r="CO30" s="314">
        <v>0</v>
      </c>
      <c r="CP30" s="315">
        <v>0</v>
      </c>
      <c r="CQ30" s="315">
        <v>0</v>
      </c>
      <c r="CR30" s="315">
        <v>0</v>
      </c>
      <c r="CS30" s="315">
        <v>0</v>
      </c>
      <c r="CT30" s="315">
        <v>0</v>
      </c>
      <c r="CU30" s="312">
        <v>0</v>
      </c>
      <c r="CV30" s="317">
        <v>0</v>
      </c>
    </row>
    <row r="31" spans="1:100" ht="21" customHeight="1" x14ac:dyDescent="0.2">
      <c r="A31" s="296" t="s">
        <v>29</v>
      </c>
      <c r="B31" s="311">
        <v>0</v>
      </c>
      <c r="C31" s="312">
        <v>0</v>
      </c>
      <c r="D31" s="313">
        <v>0</v>
      </c>
      <c r="E31" s="314">
        <v>0</v>
      </c>
      <c r="F31" s="315">
        <v>0</v>
      </c>
      <c r="G31" s="315">
        <v>0</v>
      </c>
      <c r="H31" s="315">
        <v>0</v>
      </c>
      <c r="I31" s="315">
        <v>0</v>
      </c>
      <c r="J31" s="315">
        <v>0</v>
      </c>
      <c r="K31" s="316">
        <v>0</v>
      </c>
      <c r="L31" s="317">
        <v>0</v>
      </c>
      <c r="M31" s="311">
        <v>0</v>
      </c>
      <c r="N31" s="315">
        <v>0</v>
      </c>
      <c r="O31" s="312">
        <v>0</v>
      </c>
      <c r="P31" s="314">
        <v>0</v>
      </c>
      <c r="Q31" s="315">
        <v>0</v>
      </c>
      <c r="R31" s="315">
        <v>0</v>
      </c>
      <c r="S31" s="315">
        <v>0</v>
      </c>
      <c r="T31" s="315">
        <v>0</v>
      </c>
      <c r="U31" s="315">
        <v>0</v>
      </c>
      <c r="V31" s="312">
        <v>0</v>
      </c>
      <c r="W31" s="317">
        <v>0</v>
      </c>
      <c r="X31" s="311">
        <v>0</v>
      </c>
      <c r="Y31" s="315">
        <v>0</v>
      </c>
      <c r="Z31" s="312">
        <v>0</v>
      </c>
      <c r="AA31" s="314">
        <v>0</v>
      </c>
      <c r="AB31" s="315">
        <v>0</v>
      </c>
      <c r="AC31" s="315">
        <v>1</v>
      </c>
      <c r="AD31" s="315">
        <v>0</v>
      </c>
      <c r="AE31" s="315">
        <v>0</v>
      </c>
      <c r="AF31" s="315">
        <v>0</v>
      </c>
      <c r="AG31" s="312">
        <v>1</v>
      </c>
      <c r="AH31" s="317">
        <v>1</v>
      </c>
      <c r="AI31" s="311">
        <v>0</v>
      </c>
      <c r="AJ31" s="315">
        <v>0</v>
      </c>
      <c r="AK31" s="312">
        <v>0</v>
      </c>
      <c r="AL31" s="314">
        <v>0</v>
      </c>
      <c r="AM31" s="315">
        <v>0</v>
      </c>
      <c r="AN31" s="315">
        <v>0</v>
      </c>
      <c r="AO31" s="315">
        <v>1</v>
      </c>
      <c r="AP31" s="315">
        <v>0</v>
      </c>
      <c r="AQ31" s="315">
        <v>0</v>
      </c>
      <c r="AR31" s="312">
        <v>1</v>
      </c>
      <c r="AS31" s="317">
        <v>1</v>
      </c>
      <c r="AT31" s="311">
        <v>0</v>
      </c>
      <c r="AU31" s="315">
        <v>0</v>
      </c>
      <c r="AV31" s="312">
        <v>0</v>
      </c>
      <c r="AW31" s="314">
        <v>0</v>
      </c>
      <c r="AX31" s="315">
        <v>1</v>
      </c>
      <c r="AY31" s="315">
        <v>0</v>
      </c>
      <c r="AZ31" s="315">
        <v>0</v>
      </c>
      <c r="BA31" s="315">
        <v>0</v>
      </c>
      <c r="BB31" s="315">
        <v>0</v>
      </c>
      <c r="BC31" s="312">
        <v>1</v>
      </c>
      <c r="BD31" s="317">
        <v>1</v>
      </c>
      <c r="BE31" s="311">
        <v>0</v>
      </c>
      <c r="BF31" s="315">
        <v>0</v>
      </c>
      <c r="BG31" s="312">
        <v>0</v>
      </c>
      <c r="BH31" s="314">
        <v>0</v>
      </c>
      <c r="BI31" s="315">
        <v>0</v>
      </c>
      <c r="BJ31" s="315">
        <v>0</v>
      </c>
      <c r="BK31" s="315">
        <v>0</v>
      </c>
      <c r="BL31" s="315">
        <v>0</v>
      </c>
      <c r="BM31" s="315">
        <v>0</v>
      </c>
      <c r="BN31" s="316">
        <v>0</v>
      </c>
      <c r="BO31" s="317">
        <v>0</v>
      </c>
      <c r="BP31" s="311">
        <v>0</v>
      </c>
      <c r="BQ31" s="315">
        <v>0</v>
      </c>
      <c r="BR31" s="312">
        <v>0</v>
      </c>
      <c r="BS31" s="314">
        <v>0</v>
      </c>
      <c r="BT31" s="315">
        <v>0</v>
      </c>
      <c r="BU31" s="315">
        <v>0</v>
      </c>
      <c r="BV31" s="315">
        <v>0</v>
      </c>
      <c r="BW31" s="315">
        <v>0</v>
      </c>
      <c r="BX31" s="315">
        <v>0</v>
      </c>
      <c r="BY31" s="312">
        <v>0</v>
      </c>
      <c r="BZ31" s="317">
        <v>0</v>
      </c>
      <c r="CA31" s="311">
        <v>0</v>
      </c>
      <c r="CB31" s="315">
        <v>0</v>
      </c>
      <c r="CC31" s="312">
        <v>0</v>
      </c>
      <c r="CD31" s="314">
        <v>0</v>
      </c>
      <c r="CE31" s="315">
        <v>0</v>
      </c>
      <c r="CF31" s="315">
        <v>0</v>
      </c>
      <c r="CG31" s="315">
        <v>0</v>
      </c>
      <c r="CH31" s="315">
        <v>0</v>
      </c>
      <c r="CI31" s="315">
        <v>0</v>
      </c>
      <c r="CJ31" s="312">
        <v>0</v>
      </c>
      <c r="CK31" s="317">
        <v>0</v>
      </c>
      <c r="CL31" s="311">
        <v>0</v>
      </c>
      <c r="CM31" s="315">
        <v>0</v>
      </c>
      <c r="CN31" s="312">
        <v>0</v>
      </c>
      <c r="CO31" s="314">
        <v>0</v>
      </c>
      <c r="CP31" s="315">
        <v>0</v>
      </c>
      <c r="CQ31" s="315">
        <v>0</v>
      </c>
      <c r="CR31" s="315">
        <v>0</v>
      </c>
      <c r="CS31" s="315">
        <v>0</v>
      </c>
      <c r="CT31" s="315">
        <v>0</v>
      </c>
      <c r="CU31" s="312">
        <v>0</v>
      </c>
      <c r="CV31" s="317">
        <v>0</v>
      </c>
    </row>
    <row r="32" spans="1:100" ht="21" customHeight="1" x14ac:dyDescent="0.2">
      <c r="A32" s="296" t="s">
        <v>30</v>
      </c>
      <c r="B32" s="311">
        <v>0</v>
      </c>
      <c r="C32" s="312">
        <v>0</v>
      </c>
      <c r="D32" s="313">
        <v>0</v>
      </c>
      <c r="E32" s="314">
        <v>0</v>
      </c>
      <c r="F32" s="315">
        <v>0</v>
      </c>
      <c r="G32" s="315">
        <v>0</v>
      </c>
      <c r="H32" s="315">
        <v>0</v>
      </c>
      <c r="I32" s="315">
        <v>0</v>
      </c>
      <c r="J32" s="315">
        <v>0</v>
      </c>
      <c r="K32" s="316">
        <v>0</v>
      </c>
      <c r="L32" s="317">
        <v>0</v>
      </c>
      <c r="M32" s="311">
        <v>0</v>
      </c>
      <c r="N32" s="315">
        <v>0</v>
      </c>
      <c r="O32" s="312">
        <v>0</v>
      </c>
      <c r="P32" s="314">
        <v>0</v>
      </c>
      <c r="Q32" s="315">
        <v>0</v>
      </c>
      <c r="R32" s="315">
        <v>0</v>
      </c>
      <c r="S32" s="315">
        <v>0</v>
      </c>
      <c r="T32" s="315">
        <v>0</v>
      </c>
      <c r="U32" s="315">
        <v>0</v>
      </c>
      <c r="V32" s="312">
        <v>0</v>
      </c>
      <c r="W32" s="317">
        <v>0</v>
      </c>
      <c r="X32" s="311">
        <v>0</v>
      </c>
      <c r="Y32" s="315">
        <v>0</v>
      </c>
      <c r="Z32" s="312">
        <v>0</v>
      </c>
      <c r="AA32" s="314">
        <v>0</v>
      </c>
      <c r="AB32" s="315">
        <v>3</v>
      </c>
      <c r="AC32" s="315">
        <v>0</v>
      </c>
      <c r="AD32" s="315">
        <v>0</v>
      </c>
      <c r="AE32" s="315">
        <v>0</v>
      </c>
      <c r="AF32" s="315">
        <v>0</v>
      </c>
      <c r="AG32" s="312">
        <v>3</v>
      </c>
      <c r="AH32" s="317">
        <v>3</v>
      </c>
      <c r="AI32" s="311">
        <v>0</v>
      </c>
      <c r="AJ32" s="315">
        <v>0</v>
      </c>
      <c r="AK32" s="312">
        <v>0</v>
      </c>
      <c r="AL32" s="314">
        <v>0</v>
      </c>
      <c r="AM32" s="315">
        <v>0</v>
      </c>
      <c r="AN32" s="315">
        <v>1</v>
      </c>
      <c r="AO32" s="315">
        <v>0</v>
      </c>
      <c r="AP32" s="315">
        <v>0</v>
      </c>
      <c r="AQ32" s="315">
        <v>0</v>
      </c>
      <c r="AR32" s="312">
        <v>1</v>
      </c>
      <c r="AS32" s="317">
        <v>1</v>
      </c>
      <c r="AT32" s="311">
        <v>0</v>
      </c>
      <c r="AU32" s="315">
        <v>0</v>
      </c>
      <c r="AV32" s="312">
        <v>0</v>
      </c>
      <c r="AW32" s="314">
        <v>0</v>
      </c>
      <c r="AX32" s="315">
        <v>0</v>
      </c>
      <c r="AY32" s="315">
        <v>0</v>
      </c>
      <c r="AZ32" s="315">
        <v>0</v>
      </c>
      <c r="BA32" s="315">
        <v>0</v>
      </c>
      <c r="BB32" s="315">
        <v>0</v>
      </c>
      <c r="BC32" s="312">
        <v>0</v>
      </c>
      <c r="BD32" s="317">
        <v>0</v>
      </c>
      <c r="BE32" s="311">
        <v>0</v>
      </c>
      <c r="BF32" s="315">
        <v>0</v>
      </c>
      <c r="BG32" s="312">
        <v>0</v>
      </c>
      <c r="BH32" s="314">
        <v>0</v>
      </c>
      <c r="BI32" s="315">
        <v>1</v>
      </c>
      <c r="BJ32" s="315">
        <v>0</v>
      </c>
      <c r="BK32" s="315">
        <v>0</v>
      </c>
      <c r="BL32" s="315">
        <v>0</v>
      </c>
      <c r="BM32" s="315">
        <v>0</v>
      </c>
      <c r="BN32" s="316">
        <v>1</v>
      </c>
      <c r="BO32" s="317">
        <v>1</v>
      </c>
      <c r="BP32" s="311">
        <v>0</v>
      </c>
      <c r="BQ32" s="315">
        <v>0</v>
      </c>
      <c r="BR32" s="312">
        <v>0</v>
      </c>
      <c r="BS32" s="314">
        <v>0</v>
      </c>
      <c r="BT32" s="315">
        <v>0</v>
      </c>
      <c r="BU32" s="315">
        <v>0</v>
      </c>
      <c r="BV32" s="315">
        <v>0</v>
      </c>
      <c r="BW32" s="315">
        <v>0</v>
      </c>
      <c r="BX32" s="315">
        <v>0</v>
      </c>
      <c r="BY32" s="312">
        <v>0</v>
      </c>
      <c r="BZ32" s="317">
        <v>0</v>
      </c>
      <c r="CA32" s="311">
        <v>0</v>
      </c>
      <c r="CB32" s="315">
        <v>0</v>
      </c>
      <c r="CC32" s="312">
        <v>0</v>
      </c>
      <c r="CD32" s="314">
        <v>0</v>
      </c>
      <c r="CE32" s="315">
        <v>0</v>
      </c>
      <c r="CF32" s="315">
        <v>0</v>
      </c>
      <c r="CG32" s="315">
        <v>0</v>
      </c>
      <c r="CH32" s="315">
        <v>0</v>
      </c>
      <c r="CI32" s="315">
        <v>0</v>
      </c>
      <c r="CJ32" s="312">
        <v>0</v>
      </c>
      <c r="CK32" s="317">
        <v>0</v>
      </c>
      <c r="CL32" s="311">
        <v>0</v>
      </c>
      <c r="CM32" s="315">
        <v>0</v>
      </c>
      <c r="CN32" s="312">
        <v>0</v>
      </c>
      <c r="CO32" s="314">
        <v>0</v>
      </c>
      <c r="CP32" s="315">
        <v>0</v>
      </c>
      <c r="CQ32" s="315">
        <v>0</v>
      </c>
      <c r="CR32" s="315">
        <v>0</v>
      </c>
      <c r="CS32" s="315">
        <v>0</v>
      </c>
      <c r="CT32" s="315">
        <v>0</v>
      </c>
      <c r="CU32" s="312">
        <v>0</v>
      </c>
      <c r="CV32" s="317">
        <v>0</v>
      </c>
    </row>
    <row r="33" spans="1:100" ht="21" customHeight="1" x14ac:dyDescent="0.2">
      <c r="A33" s="296" t="s">
        <v>31</v>
      </c>
      <c r="B33" s="311">
        <v>0</v>
      </c>
      <c r="C33" s="312">
        <v>0</v>
      </c>
      <c r="D33" s="313">
        <v>0</v>
      </c>
      <c r="E33" s="314">
        <v>0</v>
      </c>
      <c r="F33" s="315">
        <v>0</v>
      </c>
      <c r="G33" s="315">
        <v>1</v>
      </c>
      <c r="H33" s="315">
        <v>0</v>
      </c>
      <c r="I33" s="315">
        <v>0</v>
      </c>
      <c r="J33" s="315">
        <v>0</v>
      </c>
      <c r="K33" s="316">
        <v>1</v>
      </c>
      <c r="L33" s="317">
        <v>1</v>
      </c>
      <c r="M33" s="311">
        <v>0</v>
      </c>
      <c r="N33" s="315">
        <v>0</v>
      </c>
      <c r="O33" s="312">
        <v>0</v>
      </c>
      <c r="P33" s="314">
        <v>0</v>
      </c>
      <c r="Q33" s="315">
        <v>0</v>
      </c>
      <c r="R33" s="315">
        <v>0</v>
      </c>
      <c r="S33" s="315">
        <v>0</v>
      </c>
      <c r="T33" s="315">
        <v>0</v>
      </c>
      <c r="U33" s="315">
        <v>0</v>
      </c>
      <c r="V33" s="312">
        <v>0</v>
      </c>
      <c r="W33" s="317">
        <v>0</v>
      </c>
      <c r="X33" s="311">
        <v>0</v>
      </c>
      <c r="Y33" s="315">
        <v>0</v>
      </c>
      <c r="Z33" s="312">
        <v>0</v>
      </c>
      <c r="AA33" s="314">
        <v>0</v>
      </c>
      <c r="AB33" s="315">
        <v>3</v>
      </c>
      <c r="AC33" s="315">
        <v>2</v>
      </c>
      <c r="AD33" s="315">
        <v>1</v>
      </c>
      <c r="AE33" s="315">
        <v>0</v>
      </c>
      <c r="AF33" s="315">
        <v>0</v>
      </c>
      <c r="AG33" s="312">
        <v>6</v>
      </c>
      <c r="AH33" s="317">
        <v>6</v>
      </c>
      <c r="AI33" s="311">
        <v>0</v>
      </c>
      <c r="AJ33" s="315">
        <v>0</v>
      </c>
      <c r="AK33" s="312">
        <v>0</v>
      </c>
      <c r="AL33" s="314">
        <v>0</v>
      </c>
      <c r="AM33" s="315">
        <v>0</v>
      </c>
      <c r="AN33" s="315">
        <v>0</v>
      </c>
      <c r="AO33" s="315">
        <v>0</v>
      </c>
      <c r="AP33" s="315">
        <v>0</v>
      </c>
      <c r="AQ33" s="315">
        <v>0</v>
      </c>
      <c r="AR33" s="312">
        <v>0</v>
      </c>
      <c r="AS33" s="317">
        <v>0</v>
      </c>
      <c r="AT33" s="311">
        <v>0</v>
      </c>
      <c r="AU33" s="315">
        <v>0</v>
      </c>
      <c r="AV33" s="312">
        <v>0</v>
      </c>
      <c r="AW33" s="314">
        <v>0</v>
      </c>
      <c r="AX33" s="315">
        <v>1</v>
      </c>
      <c r="AY33" s="315">
        <v>0</v>
      </c>
      <c r="AZ33" s="315">
        <v>0</v>
      </c>
      <c r="BA33" s="315">
        <v>0</v>
      </c>
      <c r="BB33" s="315">
        <v>0</v>
      </c>
      <c r="BC33" s="312">
        <v>1</v>
      </c>
      <c r="BD33" s="317">
        <v>1</v>
      </c>
      <c r="BE33" s="311">
        <v>0</v>
      </c>
      <c r="BF33" s="315">
        <v>0</v>
      </c>
      <c r="BG33" s="312">
        <v>0</v>
      </c>
      <c r="BH33" s="314">
        <v>0</v>
      </c>
      <c r="BI33" s="315">
        <v>0</v>
      </c>
      <c r="BJ33" s="315">
        <v>0</v>
      </c>
      <c r="BK33" s="315">
        <v>0</v>
      </c>
      <c r="BL33" s="315">
        <v>0</v>
      </c>
      <c r="BM33" s="315">
        <v>1</v>
      </c>
      <c r="BN33" s="316">
        <v>1</v>
      </c>
      <c r="BO33" s="317">
        <v>1</v>
      </c>
      <c r="BP33" s="311">
        <v>0</v>
      </c>
      <c r="BQ33" s="315">
        <v>0</v>
      </c>
      <c r="BR33" s="312">
        <v>0</v>
      </c>
      <c r="BS33" s="314">
        <v>0</v>
      </c>
      <c r="BT33" s="315">
        <v>0</v>
      </c>
      <c r="BU33" s="315">
        <v>0</v>
      </c>
      <c r="BV33" s="315">
        <v>0</v>
      </c>
      <c r="BW33" s="315">
        <v>0</v>
      </c>
      <c r="BX33" s="315">
        <v>0</v>
      </c>
      <c r="BY33" s="312">
        <v>0</v>
      </c>
      <c r="BZ33" s="317">
        <v>0</v>
      </c>
      <c r="CA33" s="311">
        <v>0</v>
      </c>
      <c r="CB33" s="315">
        <v>0</v>
      </c>
      <c r="CC33" s="312">
        <v>0</v>
      </c>
      <c r="CD33" s="314">
        <v>0</v>
      </c>
      <c r="CE33" s="315">
        <v>0</v>
      </c>
      <c r="CF33" s="315">
        <v>0</v>
      </c>
      <c r="CG33" s="315">
        <v>0</v>
      </c>
      <c r="CH33" s="315">
        <v>0</v>
      </c>
      <c r="CI33" s="315">
        <v>0</v>
      </c>
      <c r="CJ33" s="312">
        <v>0</v>
      </c>
      <c r="CK33" s="317">
        <v>0</v>
      </c>
      <c r="CL33" s="311">
        <v>0</v>
      </c>
      <c r="CM33" s="315">
        <v>0</v>
      </c>
      <c r="CN33" s="312">
        <v>0</v>
      </c>
      <c r="CO33" s="314">
        <v>0</v>
      </c>
      <c r="CP33" s="315">
        <v>0</v>
      </c>
      <c r="CQ33" s="315">
        <v>0</v>
      </c>
      <c r="CR33" s="315">
        <v>0</v>
      </c>
      <c r="CS33" s="315">
        <v>0</v>
      </c>
      <c r="CT33" s="315">
        <v>0</v>
      </c>
      <c r="CU33" s="312">
        <v>0</v>
      </c>
      <c r="CV33" s="317">
        <v>0</v>
      </c>
    </row>
    <row r="34" spans="1:100" ht="21" customHeight="1" x14ac:dyDescent="0.2">
      <c r="A34" s="296" t="s">
        <v>32</v>
      </c>
      <c r="B34" s="311">
        <v>0</v>
      </c>
      <c r="C34" s="312">
        <v>0</v>
      </c>
      <c r="D34" s="313">
        <v>0</v>
      </c>
      <c r="E34" s="314">
        <v>0</v>
      </c>
      <c r="F34" s="315">
        <v>1</v>
      </c>
      <c r="G34" s="315">
        <v>0</v>
      </c>
      <c r="H34" s="315">
        <v>0</v>
      </c>
      <c r="I34" s="315">
        <v>0</v>
      </c>
      <c r="J34" s="315">
        <v>0</v>
      </c>
      <c r="K34" s="316">
        <v>1</v>
      </c>
      <c r="L34" s="317">
        <v>1</v>
      </c>
      <c r="M34" s="311">
        <v>0</v>
      </c>
      <c r="N34" s="315">
        <v>0</v>
      </c>
      <c r="O34" s="312">
        <v>0</v>
      </c>
      <c r="P34" s="314">
        <v>0</v>
      </c>
      <c r="Q34" s="315">
        <v>0</v>
      </c>
      <c r="R34" s="315">
        <v>0</v>
      </c>
      <c r="S34" s="315">
        <v>0</v>
      </c>
      <c r="T34" s="315">
        <v>0</v>
      </c>
      <c r="U34" s="315">
        <v>0</v>
      </c>
      <c r="V34" s="312">
        <v>0</v>
      </c>
      <c r="W34" s="317">
        <v>0</v>
      </c>
      <c r="X34" s="311">
        <v>0</v>
      </c>
      <c r="Y34" s="315">
        <v>0</v>
      </c>
      <c r="Z34" s="312">
        <v>0</v>
      </c>
      <c r="AA34" s="314">
        <v>0</v>
      </c>
      <c r="AB34" s="315">
        <v>2</v>
      </c>
      <c r="AC34" s="315">
        <v>2</v>
      </c>
      <c r="AD34" s="315">
        <v>1</v>
      </c>
      <c r="AE34" s="315">
        <v>0</v>
      </c>
      <c r="AF34" s="315">
        <v>0</v>
      </c>
      <c r="AG34" s="312">
        <v>5</v>
      </c>
      <c r="AH34" s="317">
        <v>5</v>
      </c>
      <c r="AI34" s="311">
        <v>0</v>
      </c>
      <c r="AJ34" s="315">
        <v>0</v>
      </c>
      <c r="AK34" s="312">
        <v>0</v>
      </c>
      <c r="AL34" s="314">
        <v>0</v>
      </c>
      <c r="AM34" s="315">
        <v>0</v>
      </c>
      <c r="AN34" s="315">
        <v>0</v>
      </c>
      <c r="AO34" s="315">
        <v>0</v>
      </c>
      <c r="AP34" s="315">
        <v>0</v>
      </c>
      <c r="AQ34" s="315">
        <v>0</v>
      </c>
      <c r="AR34" s="312">
        <v>0</v>
      </c>
      <c r="AS34" s="317">
        <v>0</v>
      </c>
      <c r="AT34" s="311">
        <v>0</v>
      </c>
      <c r="AU34" s="315">
        <v>0</v>
      </c>
      <c r="AV34" s="312">
        <v>0</v>
      </c>
      <c r="AW34" s="314">
        <v>0</v>
      </c>
      <c r="AX34" s="315">
        <v>0</v>
      </c>
      <c r="AY34" s="315">
        <v>0</v>
      </c>
      <c r="AZ34" s="315">
        <v>0</v>
      </c>
      <c r="BA34" s="315">
        <v>0</v>
      </c>
      <c r="BB34" s="315">
        <v>0</v>
      </c>
      <c r="BC34" s="312">
        <v>0</v>
      </c>
      <c r="BD34" s="317">
        <v>0</v>
      </c>
      <c r="BE34" s="311">
        <v>0</v>
      </c>
      <c r="BF34" s="315">
        <v>0</v>
      </c>
      <c r="BG34" s="312">
        <v>0</v>
      </c>
      <c r="BH34" s="314">
        <v>0</v>
      </c>
      <c r="BI34" s="315">
        <v>0</v>
      </c>
      <c r="BJ34" s="315">
        <v>0</v>
      </c>
      <c r="BK34" s="315">
        <v>1</v>
      </c>
      <c r="BL34" s="315">
        <v>0</v>
      </c>
      <c r="BM34" s="315">
        <v>1</v>
      </c>
      <c r="BN34" s="316">
        <v>2</v>
      </c>
      <c r="BO34" s="317">
        <v>2</v>
      </c>
      <c r="BP34" s="311">
        <v>0</v>
      </c>
      <c r="BQ34" s="315">
        <v>0</v>
      </c>
      <c r="BR34" s="312">
        <v>0</v>
      </c>
      <c r="BS34" s="314">
        <v>0</v>
      </c>
      <c r="BT34" s="315">
        <v>0</v>
      </c>
      <c r="BU34" s="315">
        <v>0</v>
      </c>
      <c r="BV34" s="315">
        <v>0</v>
      </c>
      <c r="BW34" s="315">
        <v>0</v>
      </c>
      <c r="BX34" s="315">
        <v>0</v>
      </c>
      <c r="BY34" s="312">
        <v>0</v>
      </c>
      <c r="BZ34" s="317">
        <v>0</v>
      </c>
      <c r="CA34" s="311">
        <v>0</v>
      </c>
      <c r="CB34" s="315">
        <v>0</v>
      </c>
      <c r="CC34" s="312">
        <v>0</v>
      </c>
      <c r="CD34" s="314">
        <v>0</v>
      </c>
      <c r="CE34" s="315">
        <v>0</v>
      </c>
      <c r="CF34" s="315">
        <v>1</v>
      </c>
      <c r="CG34" s="315">
        <v>0</v>
      </c>
      <c r="CH34" s="315">
        <v>0</v>
      </c>
      <c r="CI34" s="315">
        <v>0</v>
      </c>
      <c r="CJ34" s="312">
        <v>1</v>
      </c>
      <c r="CK34" s="317">
        <v>1</v>
      </c>
      <c r="CL34" s="311">
        <v>0</v>
      </c>
      <c r="CM34" s="315">
        <v>0</v>
      </c>
      <c r="CN34" s="312">
        <v>0</v>
      </c>
      <c r="CO34" s="314">
        <v>0</v>
      </c>
      <c r="CP34" s="315">
        <v>0</v>
      </c>
      <c r="CQ34" s="315">
        <v>0</v>
      </c>
      <c r="CR34" s="315">
        <v>0</v>
      </c>
      <c r="CS34" s="315">
        <v>0</v>
      </c>
      <c r="CT34" s="315">
        <v>0</v>
      </c>
      <c r="CU34" s="312">
        <v>0</v>
      </c>
      <c r="CV34" s="317">
        <v>0</v>
      </c>
    </row>
    <row r="35" spans="1:100" ht="21" customHeight="1" x14ac:dyDescent="0.2">
      <c r="A35" s="296" t="s">
        <v>33</v>
      </c>
      <c r="B35" s="311">
        <v>0</v>
      </c>
      <c r="C35" s="312">
        <v>0</v>
      </c>
      <c r="D35" s="313">
        <v>0</v>
      </c>
      <c r="E35" s="314">
        <v>0</v>
      </c>
      <c r="F35" s="315">
        <v>0</v>
      </c>
      <c r="G35" s="315">
        <v>0</v>
      </c>
      <c r="H35" s="315">
        <v>0</v>
      </c>
      <c r="I35" s="315">
        <v>0</v>
      </c>
      <c r="J35" s="315">
        <v>0</v>
      </c>
      <c r="K35" s="316">
        <v>0</v>
      </c>
      <c r="L35" s="317">
        <v>0</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2</v>
      </c>
      <c r="AC35" s="315">
        <v>0</v>
      </c>
      <c r="AD35" s="315">
        <v>2</v>
      </c>
      <c r="AE35" s="315">
        <v>0</v>
      </c>
      <c r="AF35" s="315">
        <v>0</v>
      </c>
      <c r="AG35" s="312">
        <v>4</v>
      </c>
      <c r="AH35" s="317">
        <v>4</v>
      </c>
      <c r="AI35" s="311">
        <v>0</v>
      </c>
      <c r="AJ35" s="315">
        <v>0</v>
      </c>
      <c r="AK35" s="312">
        <v>0</v>
      </c>
      <c r="AL35" s="314">
        <v>0</v>
      </c>
      <c r="AM35" s="315">
        <v>0</v>
      </c>
      <c r="AN35" s="315">
        <v>0</v>
      </c>
      <c r="AO35" s="315">
        <v>0</v>
      </c>
      <c r="AP35" s="315">
        <v>0</v>
      </c>
      <c r="AQ35" s="315">
        <v>0</v>
      </c>
      <c r="AR35" s="312">
        <v>0</v>
      </c>
      <c r="AS35" s="317">
        <v>0</v>
      </c>
      <c r="AT35" s="311">
        <v>0</v>
      </c>
      <c r="AU35" s="315">
        <v>0</v>
      </c>
      <c r="AV35" s="312">
        <v>0</v>
      </c>
      <c r="AW35" s="314">
        <v>0</v>
      </c>
      <c r="AX35" s="315">
        <v>0</v>
      </c>
      <c r="AY35" s="315">
        <v>0</v>
      </c>
      <c r="AZ35" s="315">
        <v>0</v>
      </c>
      <c r="BA35" s="315">
        <v>0</v>
      </c>
      <c r="BB35" s="315">
        <v>0</v>
      </c>
      <c r="BC35" s="312">
        <v>0</v>
      </c>
      <c r="BD35" s="317">
        <v>0</v>
      </c>
      <c r="BE35" s="311">
        <v>0</v>
      </c>
      <c r="BF35" s="315">
        <v>0</v>
      </c>
      <c r="BG35" s="312">
        <v>0</v>
      </c>
      <c r="BH35" s="314">
        <v>0</v>
      </c>
      <c r="BI35" s="315">
        <v>0</v>
      </c>
      <c r="BJ35" s="315">
        <v>0</v>
      </c>
      <c r="BK35" s="315">
        <v>0</v>
      </c>
      <c r="BL35" s="315">
        <v>0</v>
      </c>
      <c r="BM35" s="315">
        <v>0</v>
      </c>
      <c r="BN35" s="316">
        <v>0</v>
      </c>
      <c r="BO35" s="317">
        <v>0</v>
      </c>
      <c r="BP35" s="311">
        <v>0</v>
      </c>
      <c r="BQ35" s="315">
        <v>0</v>
      </c>
      <c r="BR35" s="312">
        <v>0</v>
      </c>
      <c r="BS35" s="314">
        <v>0</v>
      </c>
      <c r="BT35" s="315">
        <v>0</v>
      </c>
      <c r="BU35" s="315">
        <v>0</v>
      </c>
      <c r="BV35" s="315">
        <v>0</v>
      </c>
      <c r="BW35" s="315">
        <v>0</v>
      </c>
      <c r="BX35" s="315">
        <v>0</v>
      </c>
      <c r="BY35" s="312">
        <v>0</v>
      </c>
      <c r="BZ35" s="317">
        <v>0</v>
      </c>
      <c r="CA35" s="311">
        <v>0</v>
      </c>
      <c r="CB35" s="315">
        <v>0</v>
      </c>
      <c r="CC35" s="312">
        <v>0</v>
      </c>
      <c r="CD35" s="314">
        <v>0</v>
      </c>
      <c r="CE35" s="315">
        <v>0</v>
      </c>
      <c r="CF35" s="315">
        <v>0</v>
      </c>
      <c r="CG35" s="315">
        <v>0</v>
      </c>
      <c r="CH35" s="315">
        <v>0</v>
      </c>
      <c r="CI35" s="315">
        <v>0</v>
      </c>
      <c r="CJ35" s="312">
        <v>0</v>
      </c>
      <c r="CK35" s="317">
        <v>0</v>
      </c>
      <c r="CL35" s="311">
        <v>0</v>
      </c>
      <c r="CM35" s="315">
        <v>0</v>
      </c>
      <c r="CN35" s="312">
        <v>0</v>
      </c>
      <c r="CO35" s="314">
        <v>0</v>
      </c>
      <c r="CP35" s="315">
        <v>0</v>
      </c>
      <c r="CQ35" s="315">
        <v>0</v>
      </c>
      <c r="CR35" s="315">
        <v>1</v>
      </c>
      <c r="CS35" s="315">
        <v>0</v>
      </c>
      <c r="CT35" s="315">
        <v>0</v>
      </c>
      <c r="CU35" s="312">
        <v>1</v>
      </c>
      <c r="CV35" s="317">
        <v>1</v>
      </c>
    </row>
    <row r="36" spans="1:100" ht="21" customHeight="1" x14ac:dyDescent="0.2">
      <c r="A36" s="296" t="s">
        <v>34</v>
      </c>
      <c r="B36" s="311">
        <v>0</v>
      </c>
      <c r="C36" s="312">
        <v>0</v>
      </c>
      <c r="D36" s="313">
        <v>0</v>
      </c>
      <c r="E36" s="314">
        <v>0</v>
      </c>
      <c r="F36" s="315">
        <v>0</v>
      </c>
      <c r="G36" s="315">
        <v>0</v>
      </c>
      <c r="H36" s="315">
        <v>0</v>
      </c>
      <c r="I36" s="315">
        <v>0</v>
      </c>
      <c r="J36" s="315">
        <v>0</v>
      </c>
      <c r="K36" s="316">
        <v>0</v>
      </c>
      <c r="L36" s="317">
        <v>0</v>
      </c>
      <c r="M36" s="311">
        <v>0</v>
      </c>
      <c r="N36" s="315">
        <v>0</v>
      </c>
      <c r="O36" s="312">
        <v>0</v>
      </c>
      <c r="P36" s="314">
        <v>0</v>
      </c>
      <c r="Q36" s="315">
        <v>0</v>
      </c>
      <c r="R36" s="315">
        <v>0</v>
      </c>
      <c r="S36" s="315">
        <v>0</v>
      </c>
      <c r="T36" s="315">
        <v>0</v>
      </c>
      <c r="U36" s="315">
        <v>0</v>
      </c>
      <c r="V36" s="312">
        <v>0</v>
      </c>
      <c r="W36" s="317">
        <v>0</v>
      </c>
      <c r="X36" s="311">
        <v>0</v>
      </c>
      <c r="Y36" s="315">
        <v>0</v>
      </c>
      <c r="Z36" s="312">
        <v>0</v>
      </c>
      <c r="AA36" s="314">
        <v>0</v>
      </c>
      <c r="AB36" s="315">
        <v>0</v>
      </c>
      <c r="AC36" s="315">
        <v>0</v>
      </c>
      <c r="AD36" s="315">
        <v>0</v>
      </c>
      <c r="AE36" s="315">
        <v>0</v>
      </c>
      <c r="AF36" s="315">
        <v>0</v>
      </c>
      <c r="AG36" s="312">
        <v>0</v>
      </c>
      <c r="AH36" s="317">
        <v>0</v>
      </c>
      <c r="AI36" s="311">
        <v>0</v>
      </c>
      <c r="AJ36" s="315">
        <v>0</v>
      </c>
      <c r="AK36" s="312">
        <v>0</v>
      </c>
      <c r="AL36" s="314">
        <v>0</v>
      </c>
      <c r="AM36" s="315">
        <v>0</v>
      </c>
      <c r="AN36" s="315">
        <v>0</v>
      </c>
      <c r="AO36" s="315">
        <v>0</v>
      </c>
      <c r="AP36" s="315">
        <v>0</v>
      </c>
      <c r="AQ36" s="315">
        <v>0</v>
      </c>
      <c r="AR36" s="312">
        <v>0</v>
      </c>
      <c r="AS36" s="317">
        <v>0</v>
      </c>
      <c r="AT36" s="311">
        <v>0</v>
      </c>
      <c r="AU36" s="315">
        <v>0</v>
      </c>
      <c r="AV36" s="312">
        <v>0</v>
      </c>
      <c r="AW36" s="314">
        <v>0</v>
      </c>
      <c r="AX36" s="315">
        <v>1</v>
      </c>
      <c r="AY36" s="315">
        <v>0</v>
      </c>
      <c r="AZ36" s="315">
        <v>0</v>
      </c>
      <c r="BA36" s="315">
        <v>0</v>
      </c>
      <c r="BB36" s="315">
        <v>0</v>
      </c>
      <c r="BC36" s="312">
        <v>1</v>
      </c>
      <c r="BD36" s="317">
        <v>1</v>
      </c>
      <c r="BE36" s="311">
        <v>0</v>
      </c>
      <c r="BF36" s="315">
        <v>0</v>
      </c>
      <c r="BG36" s="312">
        <v>0</v>
      </c>
      <c r="BH36" s="314">
        <v>0</v>
      </c>
      <c r="BI36" s="315">
        <v>0</v>
      </c>
      <c r="BJ36" s="315">
        <v>0</v>
      </c>
      <c r="BK36" s="315">
        <v>0</v>
      </c>
      <c r="BL36" s="315">
        <v>0</v>
      </c>
      <c r="BM36" s="315">
        <v>0</v>
      </c>
      <c r="BN36" s="316">
        <v>0</v>
      </c>
      <c r="BO36" s="317">
        <v>0</v>
      </c>
      <c r="BP36" s="311">
        <v>0</v>
      </c>
      <c r="BQ36" s="315">
        <v>0</v>
      </c>
      <c r="BR36" s="312">
        <v>0</v>
      </c>
      <c r="BS36" s="314">
        <v>0</v>
      </c>
      <c r="BT36" s="315">
        <v>0</v>
      </c>
      <c r="BU36" s="315">
        <v>0</v>
      </c>
      <c r="BV36" s="315">
        <v>0</v>
      </c>
      <c r="BW36" s="315">
        <v>0</v>
      </c>
      <c r="BX36" s="315">
        <v>0</v>
      </c>
      <c r="BY36" s="312">
        <v>0</v>
      </c>
      <c r="BZ36" s="317">
        <v>0</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0</v>
      </c>
      <c r="CQ36" s="315">
        <v>0</v>
      </c>
      <c r="CR36" s="315">
        <v>1</v>
      </c>
      <c r="CS36" s="315">
        <v>0</v>
      </c>
      <c r="CT36" s="315">
        <v>0</v>
      </c>
      <c r="CU36" s="312">
        <v>1</v>
      </c>
      <c r="CV36" s="317">
        <v>1</v>
      </c>
    </row>
    <row r="37" spans="1:100" ht="21" customHeight="1" x14ac:dyDescent="0.2">
      <c r="A37" s="296" t="s">
        <v>35</v>
      </c>
      <c r="B37" s="311">
        <v>0</v>
      </c>
      <c r="C37" s="312">
        <v>0</v>
      </c>
      <c r="D37" s="313">
        <v>0</v>
      </c>
      <c r="E37" s="314">
        <v>0</v>
      </c>
      <c r="F37" s="315">
        <v>0</v>
      </c>
      <c r="G37" s="315">
        <v>0</v>
      </c>
      <c r="H37" s="315">
        <v>0</v>
      </c>
      <c r="I37" s="315">
        <v>0</v>
      </c>
      <c r="J37" s="315">
        <v>0</v>
      </c>
      <c r="K37" s="316">
        <v>0</v>
      </c>
      <c r="L37" s="317">
        <v>0</v>
      </c>
      <c r="M37" s="311">
        <v>0</v>
      </c>
      <c r="N37" s="315">
        <v>0</v>
      </c>
      <c r="O37" s="312">
        <v>0</v>
      </c>
      <c r="P37" s="314">
        <v>0</v>
      </c>
      <c r="Q37" s="315">
        <v>0</v>
      </c>
      <c r="R37" s="315">
        <v>0</v>
      </c>
      <c r="S37" s="315">
        <v>0</v>
      </c>
      <c r="T37" s="315">
        <v>0</v>
      </c>
      <c r="U37" s="315">
        <v>0</v>
      </c>
      <c r="V37" s="312">
        <v>0</v>
      </c>
      <c r="W37" s="317">
        <v>0</v>
      </c>
      <c r="X37" s="311">
        <v>0</v>
      </c>
      <c r="Y37" s="315">
        <v>0</v>
      </c>
      <c r="Z37" s="312">
        <v>0</v>
      </c>
      <c r="AA37" s="314">
        <v>0</v>
      </c>
      <c r="AB37" s="315">
        <v>2</v>
      </c>
      <c r="AC37" s="315">
        <v>0</v>
      </c>
      <c r="AD37" s="315">
        <v>0</v>
      </c>
      <c r="AE37" s="315">
        <v>0</v>
      </c>
      <c r="AF37" s="315">
        <v>0</v>
      </c>
      <c r="AG37" s="312">
        <v>2</v>
      </c>
      <c r="AH37" s="317">
        <v>2</v>
      </c>
      <c r="AI37" s="311">
        <v>0</v>
      </c>
      <c r="AJ37" s="315">
        <v>0</v>
      </c>
      <c r="AK37" s="312">
        <v>0</v>
      </c>
      <c r="AL37" s="314">
        <v>0</v>
      </c>
      <c r="AM37" s="315">
        <v>0</v>
      </c>
      <c r="AN37" s="315">
        <v>0</v>
      </c>
      <c r="AO37" s="315">
        <v>0</v>
      </c>
      <c r="AP37" s="315">
        <v>0</v>
      </c>
      <c r="AQ37" s="315">
        <v>0</v>
      </c>
      <c r="AR37" s="312">
        <v>0</v>
      </c>
      <c r="AS37" s="317">
        <v>0</v>
      </c>
      <c r="AT37" s="311">
        <v>0</v>
      </c>
      <c r="AU37" s="315">
        <v>0</v>
      </c>
      <c r="AV37" s="312">
        <v>0</v>
      </c>
      <c r="AW37" s="314">
        <v>0</v>
      </c>
      <c r="AX37" s="315">
        <v>0</v>
      </c>
      <c r="AY37" s="315">
        <v>0</v>
      </c>
      <c r="AZ37" s="315">
        <v>1</v>
      </c>
      <c r="BA37" s="315">
        <v>0</v>
      </c>
      <c r="BB37" s="315">
        <v>0</v>
      </c>
      <c r="BC37" s="312">
        <v>1</v>
      </c>
      <c r="BD37" s="317">
        <v>1</v>
      </c>
      <c r="BE37" s="311">
        <v>0</v>
      </c>
      <c r="BF37" s="315">
        <v>0</v>
      </c>
      <c r="BG37" s="312">
        <v>0</v>
      </c>
      <c r="BH37" s="314">
        <v>0</v>
      </c>
      <c r="BI37" s="315">
        <v>0</v>
      </c>
      <c r="BJ37" s="315">
        <v>0</v>
      </c>
      <c r="BK37" s="315">
        <v>1</v>
      </c>
      <c r="BL37" s="315">
        <v>0</v>
      </c>
      <c r="BM37" s="315">
        <v>0</v>
      </c>
      <c r="BN37" s="316">
        <v>1</v>
      </c>
      <c r="BO37" s="317">
        <v>1</v>
      </c>
      <c r="BP37" s="311">
        <v>0</v>
      </c>
      <c r="BQ37" s="315">
        <v>0</v>
      </c>
      <c r="BR37" s="312">
        <v>0</v>
      </c>
      <c r="BS37" s="314">
        <v>0</v>
      </c>
      <c r="BT37" s="315">
        <v>0</v>
      </c>
      <c r="BU37" s="315">
        <v>0</v>
      </c>
      <c r="BV37" s="315">
        <v>0</v>
      </c>
      <c r="BW37" s="315">
        <v>0</v>
      </c>
      <c r="BX37" s="315">
        <v>0</v>
      </c>
      <c r="BY37" s="312">
        <v>0</v>
      </c>
      <c r="BZ37" s="317">
        <v>0</v>
      </c>
      <c r="CA37" s="311">
        <v>0</v>
      </c>
      <c r="CB37" s="315">
        <v>0</v>
      </c>
      <c r="CC37" s="312">
        <v>0</v>
      </c>
      <c r="CD37" s="314">
        <v>0</v>
      </c>
      <c r="CE37" s="315">
        <v>0</v>
      </c>
      <c r="CF37" s="315">
        <v>0</v>
      </c>
      <c r="CG37" s="315">
        <v>0</v>
      </c>
      <c r="CH37" s="315">
        <v>0</v>
      </c>
      <c r="CI37" s="315">
        <v>0</v>
      </c>
      <c r="CJ37" s="312">
        <v>0</v>
      </c>
      <c r="CK37" s="317">
        <v>0</v>
      </c>
      <c r="CL37" s="311">
        <v>0</v>
      </c>
      <c r="CM37" s="315">
        <v>0</v>
      </c>
      <c r="CN37" s="312">
        <v>0</v>
      </c>
      <c r="CO37" s="314">
        <v>0</v>
      </c>
      <c r="CP37" s="315">
        <v>0</v>
      </c>
      <c r="CQ37" s="315">
        <v>0</v>
      </c>
      <c r="CR37" s="315">
        <v>0</v>
      </c>
      <c r="CS37" s="315">
        <v>0</v>
      </c>
      <c r="CT37" s="315">
        <v>0</v>
      </c>
      <c r="CU37" s="312">
        <v>0</v>
      </c>
      <c r="CV37" s="317">
        <v>0</v>
      </c>
    </row>
    <row r="38" spans="1:100" ht="21" customHeight="1" x14ac:dyDescent="0.2">
      <c r="A38" s="296" t="s">
        <v>36</v>
      </c>
      <c r="B38" s="311">
        <v>0</v>
      </c>
      <c r="C38" s="312">
        <v>0</v>
      </c>
      <c r="D38" s="313">
        <v>0</v>
      </c>
      <c r="E38" s="314">
        <v>0</v>
      </c>
      <c r="F38" s="315">
        <v>0</v>
      </c>
      <c r="G38" s="315">
        <v>0</v>
      </c>
      <c r="H38" s="315">
        <v>0</v>
      </c>
      <c r="I38" s="315">
        <v>0</v>
      </c>
      <c r="J38" s="315">
        <v>0</v>
      </c>
      <c r="K38" s="316">
        <v>0</v>
      </c>
      <c r="L38" s="317">
        <v>0</v>
      </c>
      <c r="M38" s="311">
        <v>0</v>
      </c>
      <c r="N38" s="315">
        <v>0</v>
      </c>
      <c r="O38" s="312">
        <v>0</v>
      </c>
      <c r="P38" s="314">
        <v>0</v>
      </c>
      <c r="Q38" s="315">
        <v>0</v>
      </c>
      <c r="R38" s="315">
        <v>0</v>
      </c>
      <c r="S38" s="315">
        <v>0</v>
      </c>
      <c r="T38" s="315">
        <v>0</v>
      </c>
      <c r="U38" s="315">
        <v>0</v>
      </c>
      <c r="V38" s="312">
        <v>0</v>
      </c>
      <c r="W38" s="317">
        <v>0</v>
      </c>
      <c r="X38" s="311">
        <v>0</v>
      </c>
      <c r="Y38" s="315">
        <v>0</v>
      </c>
      <c r="Z38" s="312">
        <v>0</v>
      </c>
      <c r="AA38" s="314">
        <v>0</v>
      </c>
      <c r="AB38" s="315">
        <v>0</v>
      </c>
      <c r="AC38" s="315">
        <v>2</v>
      </c>
      <c r="AD38" s="315">
        <v>0</v>
      </c>
      <c r="AE38" s="315">
        <v>1</v>
      </c>
      <c r="AF38" s="315">
        <v>0</v>
      </c>
      <c r="AG38" s="312">
        <v>3</v>
      </c>
      <c r="AH38" s="317">
        <v>3</v>
      </c>
      <c r="AI38" s="311">
        <v>0</v>
      </c>
      <c r="AJ38" s="315">
        <v>0</v>
      </c>
      <c r="AK38" s="312">
        <v>0</v>
      </c>
      <c r="AL38" s="314">
        <v>0</v>
      </c>
      <c r="AM38" s="315">
        <v>0</v>
      </c>
      <c r="AN38" s="315">
        <v>0</v>
      </c>
      <c r="AO38" s="315">
        <v>0</v>
      </c>
      <c r="AP38" s="315">
        <v>0</v>
      </c>
      <c r="AQ38" s="315">
        <v>0</v>
      </c>
      <c r="AR38" s="312">
        <v>0</v>
      </c>
      <c r="AS38" s="317">
        <v>0</v>
      </c>
      <c r="AT38" s="311">
        <v>0</v>
      </c>
      <c r="AU38" s="315">
        <v>0</v>
      </c>
      <c r="AV38" s="312">
        <v>0</v>
      </c>
      <c r="AW38" s="314">
        <v>0</v>
      </c>
      <c r="AX38" s="315">
        <v>0</v>
      </c>
      <c r="AY38" s="315">
        <v>0</v>
      </c>
      <c r="AZ38" s="315">
        <v>0</v>
      </c>
      <c r="BA38" s="315">
        <v>0</v>
      </c>
      <c r="BB38" s="315">
        <v>0</v>
      </c>
      <c r="BC38" s="312">
        <v>0</v>
      </c>
      <c r="BD38" s="317">
        <v>0</v>
      </c>
      <c r="BE38" s="311">
        <v>0</v>
      </c>
      <c r="BF38" s="315">
        <v>0</v>
      </c>
      <c r="BG38" s="312">
        <v>0</v>
      </c>
      <c r="BH38" s="314">
        <v>0</v>
      </c>
      <c r="BI38" s="315">
        <v>0</v>
      </c>
      <c r="BJ38" s="315">
        <v>0</v>
      </c>
      <c r="BK38" s="315">
        <v>1</v>
      </c>
      <c r="BL38" s="315">
        <v>1</v>
      </c>
      <c r="BM38" s="315">
        <v>0</v>
      </c>
      <c r="BN38" s="316">
        <v>2</v>
      </c>
      <c r="BO38" s="317">
        <v>2</v>
      </c>
      <c r="BP38" s="311">
        <v>0</v>
      </c>
      <c r="BQ38" s="315">
        <v>0</v>
      </c>
      <c r="BR38" s="312">
        <v>0</v>
      </c>
      <c r="BS38" s="314">
        <v>0</v>
      </c>
      <c r="BT38" s="315">
        <v>0</v>
      </c>
      <c r="BU38" s="315">
        <v>0</v>
      </c>
      <c r="BV38" s="315">
        <v>0</v>
      </c>
      <c r="BW38" s="315">
        <v>0</v>
      </c>
      <c r="BX38" s="315">
        <v>0</v>
      </c>
      <c r="BY38" s="312">
        <v>0</v>
      </c>
      <c r="BZ38" s="317">
        <v>0</v>
      </c>
      <c r="CA38" s="311">
        <v>0</v>
      </c>
      <c r="CB38" s="315">
        <v>0</v>
      </c>
      <c r="CC38" s="312">
        <v>0</v>
      </c>
      <c r="CD38" s="314">
        <v>0</v>
      </c>
      <c r="CE38" s="315">
        <v>0</v>
      </c>
      <c r="CF38" s="315">
        <v>0</v>
      </c>
      <c r="CG38" s="315">
        <v>0</v>
      </c>
      <c r="CH38" s="315">
        <v>0</v>
      </c>
      <c r="CI38" s="315">
        <v>0</v>
      </c>
      <c r="CJ38" s="312">
        <v>0</v>
      </c>
      <c r="CK38" s="317">
        <v>0</v>
      </c>
      <c r="CL38" s="311">
        <v>0</v>
      </c>
      <c r="CM38" s="315">
        <v>0</v>
      </c>
      <c r="CN38" s="312">
        <v>0</v>
      </c>
      <c r="CO38" s="314">
        <v>0</v>
      </c>
      <c r="CP38" s="315">
        <v>0</v>
      </c>
      <c r="CQ38" s="315">
        <v>0</v>
      </c>
      <c r="CR38" s="315">
        <v>0</v>
      </c>
      <c r="CS38" s="315">
        <v>0</v>
      </c>
      <c r="CT38" s="315">
        <v>0</v>
      </c>
      <c r="CU38" s="312">
        <v>0</v>
      </c>
      <c r="CV38" s="317">
        <v>0</v>
      </c>
    </row>
    <row r="39" spans="1:100" ht="21" customHeight="1" thickBot="1" x14ac:dyDescent="0.25">
      <c r="A39" s="297" t="s">
        <v>37</v>
      </c>
      <c r="B39" s="318">
        <v>0</v>
      </c>
      <c r="C39" s="319">
        <v>0</v>
      </c>
      <c r="D39" s="320">
        <v>0</v>
      </c>
      <c r="E39" s="321">
        <v>0</v>
      </c>
      <c r="F39" s="322">
        <v>0</v>
      </c>
      <c r="G39" s="322">
        <v>0</v>
      </c>
      <c r="H39" s="322">
        <v>0</v>
      </c>
      <c r="I39" s="322">
        <v>0</v>
      </c>
      <c r="J39" s="322">
        <v>0</v>
      </c>
      <c r="K39" s="323">
        <v>0</v>
      </c>
      <c r="L39" s="324">
        <v>0</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0</v>
      </c>
      <c r="AC39" s="322">
        <v>0</v>
      </c>
      <c r="AD39" s="322">
        <v>0</v>
      </c>
      <c r="AE39" s="322">
        <v>0</v>
      </c>
      <c r="AF39" s="322">
        <v>1</v>
      </c>
      <c r="AG39" s="319">
        <v>1</v>
      </c>
      <c r="AH39" s="324">
        <v>1</v>
      </c>
      <c r="AI39" s="318">
        <v>0</v>
      </c>
      <c r="AJ39" s="322">
        <v>0</v>
      </c>
      <c r="AK39" s="319">
        <v>0</v>
      </c>
      <c r="AL39" s="321">
        <v>0</v>
      </c>
      <c r="AM39" s="322">
        <v>0</v>
      </c>
      <c r="AN39" s="322">
        <v>0</v>
      </c>
      <c r="AO39" s="322">
        <v>0</v>
      </c>
      <c r="AP39" s="322">
        <v>0</v>
      </c>
      <c r="AQ39" s="322">
        <v>0</v>
      </c>
      <c r="AR39" s="319">
        <v>0</v>
      </c>
      <c r="AS39" s="324">
        <v>0</v>
      </c>
      <c r="AT39" s="318">
        <v>0</v>
      </c>
      <c r="AU39" s="322">
        <v>0</v>
      </c>
      <c r="AV39" s="319">
        <v>0</v>
      </c>
      <c r="AW39" s="321">
        <v>0</v>
      </c>
      <c r="AX39" s="322">
        <v>0</v>
      </c>
      <c r="AY39" s="322">
        <v>0</v>
      </c>
      <c r="AZ39" s="322">
        <v>0</v>
      </c>
      <c r="BA39" s="322">
        <v>0</v>
      </c>
      <c r="BB39" s="322">
        <v>0</v>
      </c>
      <c r="BC39" s="319">
        <v>0</v>
      </c>
      <c r="BD39" s="324">
        <v>0</v>
      </c>
      <c r="BE39" s="318">
        <v>0</v>
      </c>
      <c r="BF39" s="322">
        <v>0</v>
      </c>
      <c r="BG39" s="319">
        <v>0</v>
      </c>
      <c r="BH39" s="321">
        <v>0</v>
      </c>
      <c r="BI39" s="322">
        <v>0</v>
      </c>
      <c r="BJ39" s="322">
        <v>0</v>
      </c>
      <c r="BK39" s="322">
        <v>0</v>
      </c>
      <c r="BL39" s="322">
        <v>0</v>
      </c>
      <c r="BM39" s="322">
        <v>0</v>
      </c>
      <c r="BN39" s="323">
        <v>0</v>
      </c>
      <c r="BO39" s="324">
        <v>0</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0</v>
      </c>
      <c r="CT39" s="322">
        <v>0</v>
      </c>
      <c r="CU39" s="319">
        <v>0</v>
      </c>
      <c r="CV39" s="324">
        <v>0</v>
      </c>
    </row>
  </sheetData>
  <mergeCells count="39">
    <mergeCell ref="CV4:CV5"/>
    <mergeCell ref="CA3:CK3"/>
    <mergeCell ref="CL3:CV3"/>
    <mergeCell ref="H1:I1"/>
    <mergeCell ref="K1:L1"/>
    <mergeCell ref="BD4:BD5"/>
    <mergeCell ref="BE3:BO3"/>
    <mergeCell ref="BO4:BO5"/>
    <mergeCell ref="BP3:BZ3"/>
    <mergeCell ref="AI4:AK4"/>
    <mergeCell ref="AI3:AS3"/>
    <mergeCell ref="AT3:BD3"/>
    <mergeCell ref="CO4:CU4"/>
    <mergeCell ref="AL4:AR4"/>
    <mergeCell ref="AS4:AS5"/>
    <mergeCell ref="AT4:AV4"/>
    <mergeCell ref="A3:A5"/>
    <mergeCell ref="B3:L3"/>
    <mergeCell ref="M3:W3"/>
    <mergeCell ref="X3:AH3"/>
    <mergeCell ref="B4:D4"/>
    <mergeCell ref="E4:K4"/>
    <mergeCell ref="L4:L5"/>
    <mergeCell ref="M4:O4"/>
    <mergeCell ref="P4:V4"/>
    <mergeCell ref="W4:W5"/>
    <mergeCell ref="X4:Z4"/>
    <mergeCell ref="AA4:AG4"/>
    <mergeCell ref="AH4:AH5"/>
    <mergeCell ref="CL4:CN4"/>
    <mergeCell ref="AW4:BC4"/>
    <mergeCell ref="BE4:BG4"/>
    <mergeCell ref="BH4:BN4"/>
    <mergeCell ref="BZ4:BZ5"/>
    <mergeCell ref="CK4:CK5"/>
    <mergeCell ref="BP4:BR4"/>
    <mergeCell ref="BS4:BY4"/>
    <mergeCell ref="CA4:CC4"/>
    <mergeCell ref="CD4:CJ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3" max="1048575" man="1"/>
    <brk id="45" max="1048575" man="1"/>
    <brk id="67"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 style="290" customWidth="1"/>
    <col min="5" max="5" width="7.77734375" style="290" customWidth="1"/>
    <col min="6" max="6" width="10.77734375" style="290" customWidth="1"/>
    <col min="7" max="15" width="9" style="290"/>
    <col min="16" max="16" width="8" style="290" customWidth="1"/>
    <col min="17" max="16384" width="9" style="290"/>
  </cols>
  <sheetData>
    <row r="1" spans="1:23" ht="21" customHeight="1" x14ac:dyDescent="0.2">
      <c r="A1" s="325" t="s">
        <v>125</v>
      </c>
      <c r="G1" s="522">
        <f>第１表!F2</f>
        <v>4</v>
      </c>
      <c r="H1" s="522"/>
      <c r="I1" s="282">
        <f>第１表!G2</f>
        <v>3</v>
      </c>
      <c r="J1" s="523">
        <f>IF(I1&lt;3,I1+12-2,I1-2)</f>
        <v>1</v>
      </c>
      <c r="K1" s="523"/>
    </row>
    <row r="2" spans="1:23" ht="18.75" customHeight="1" thickBot="1" x14ac:dyDescent="0.25">
      <c r="A2" s="325" t="s">
        <v>133</v>
      </c>
    </row>
    <row r="3" spans="1:23" ht="21.75" customHeight="1" x14ac:dyDescent="0.2">
      <c r="A3" s="526"/>
      <c r="B3" s="527" t="s">
        <v>143</v>
      </c>
      <c r="C3" s="527"/>
      <c r="D3" s="527"/>
      <c r="E3" s="527"/>
      <c r="F3" s="527"/>
      <c r="G3" s="527"/>
      <c r="H3" s="527"/>
      <c r="I3" s="527"/>
      <c r="J3" s="527"/>
      <c r="K3" s="527"/>
      <c r="L3" s="559"/>
      <c r="M3" s="527" t="s">
        <v>113</v>
      </c>
      <c r="N3" s="527"/>
      <c r="O3" s="527"/>
      <c r="P3" s="527"/>
      <c r="Q3" s="527"/>
      <c r="R3" s="527"/>
      <c r="S3" s="527"/>
      <c r="T3" s="527"/>
      <c r="U3" s="527"/>
      <c r="V3" s="527"/>
      <c r="W3" s="559"/>
    </row>
    <row r="4" spans="1:23" ht="20.25" customHeight="1" x14ac:dyDescent="0.2">
      <c r="A4" s="565"/>
      <c r="B4" s="560" t="s">
        <v>61</v>
      </c>
      <c r="C4" s="560"/>
      <c r="D4" s="561"/>
      <c r="E4" s="562" t="s">
        <v>62</v>
      </c>
      <c r="F4" s="560"/>
      <c r="G4" s="560"/>
      <c r="H4" s="560"/>
      <c r="I4" s="560"/>
      <c r="J4" s="560"/>
      <c r="K4" s="563"/>
      <c r="L4" s="564" t="s">
        <v>52</v>
      </c>
      <c r="M4" s="560" t="s">
        <v>61</v>
      </c>
      <c r="N4" s="560"/>
      <c r="O4" s="561"/>
      <c r="P4" s="562" t="s">
        <v>62</v>
      </c>
      <c r="Q4" s="560"/>
      <c r="R4" s="560"/>
      <c r="S4" s="560"/>
      <c r="T4" s="560"/>
      <c r="U4" s="560"/>
      <c r="V4" s="563"/>
      <c r="W4" s="564" t="s">
        <v>52</v>
      </c>
    </row>
    <row r="5" spans="1:23" ht="28.5" customHeight="1" thickBot="1" x14ac:dyDescent="0.25">
      <c r="A5" s="566"/>
      <c r="B5" s="294" t="s">
        <v>43</v>
      </c>
      <c r="C5" s="294" t="s">
        <v>44</v>
      </c>
      <c r="D5" s="300" t="s">
        <v>45</v>
      </c>
      <c r="E5" s="302" t="s">
        <v>83</v>
      </c>
      <c r="F5" s="294" t="s">
        <v>47</v>
      </c>
      <c r="G5" s="294" t="s">
        <v>48</v>
      </c>
      <c r="H5" s="294" t="s">
        <v>49</v>
      </c>
      <c r="I5" s="294" t="s">
        <v>50</v>
      </c>
      <c r="J5" s="294" t="s">
        <v>51</v>
      </c>
      <c r="K5" s="300" t="s">
        <v>45</v>
      </c>
      <c r="L5" s="525"/>
      <c r="M5" s="294" t="s">
        <v>43</v>
      </c>
      <c r="N5" s="294" t="s">
        <v>44</v>
      </c>
      <c r="O5" s="300" t="s">
        <v>45</v>
      </c>
      <c r="P5" s="302" t="s">
        <v>83</v>
      </c>
      <c r="Q5" s="294" t="s">
        <v>47</v>
      </c>
      <c r="R5" s="294" t="s">
        <v>48</v>
      </c>
      <c r="S5" s="294" t="s">
        <v>49</v>
      </c>
      <c r="T5" s="294" t="s">
        <v>50</v>
      </c>
      <c r="U5" s="294" t="s">
        <v>51</v>
      </c>
      <c r="V5" s="300" t="s">
        <v>45</v>
      </c>
      <c r="W5" s="525"/>
    </row>
    <row r="6" spans="1:23" ht="21" customHeight="1" x14ac:dyDescent="0.2">
      <c r="A6" s="293" t="s">
        <v>4</v>
      </c>
      <c r="B6" s="308">
        <v>0</v>
      </c>
      <c r="C6" s="308">
        <v>0</v>
      </c>
      <c r="D6" s="305">
        <v>0</v>
      </c>
      <c r="E6" s="307">
        <v>0</v>
      </c>
      <c r="F6" s="308">
        <v>92292</v>
      </c>
      <c r="G6" s="308">
        <v>90771</v>
      </c>
      <c r="H6" s="308">
        <v>54954</v>
      </c>
      <c r="I6" s="308">
        <v>29605</v>
      </c>
      <c r="J6" s="308">
        <v>13829</v>
      </c>
      <c r="K6" s="305">
        <v>281451</v>
      </c>
      <c r="L6" s="310">
        <v>281451</v>
      </c>
      <c r="M6" s="308">
        <v>21</v>
      </c>
      <c r="N6" s="308">
        <v>47</v>
      </c>
      <c r="O6" s="305">
        <v>68</v>
      </c>
      <c r="P6" s="307">
        <v>0</v>
      </c>
      <c r="Q6" s="308">
        <v>6377</v>
      </c>
      <c r="R6" s="308">
        <v>8422</v>
      </c>
      <c r="S6" s="308">
        <v>10858</v>
      </c>
      <c r="T6" s="308">
        <v>5616</v>
      </c>
      <c r="U6" s="308">
        <v>4861</v>
      </c>
      <c r="V6" s="305">
        <v>36134</v>
      </c>
      <c r="W6" s="310">
        <v>36202</v>
      </c>
    </row>
    <row r="7" spans="1:23" ht="21" customHeight="1" x14ac:dyDescent="0.2">
      <c r="A7" s="291" t="s">
        <v>5</v>
      </c>
      <c r="B7" s="315">
        <v>0</v>
      </c>
      <c r="C7" s="315">
        <v>0</v>
      </c>
      <c r="D7" s="312">
        <v>0</v>
      </c>
      <c r="E7" s="314">
        <v>0</v>
      </c>
      <c r="F7" s="315">
        <v>30232</v>
      </c>
      <c r="G7" s="315">
        <v>40959</v>
      </c>
      <c r="H7" s="315">
        <v>24642</v>
      </c>
      <c r="I7" s="315">
        <v>13745</v>
      </c>
      <c r="J7" s="315">
        <v>6230</v>
      </c>
      <c r="K7" s="312">
        <v>115808</v>
      </c>
      <c r="L7" s="317">
        <v>115808</v>
      </c>
      <c r="M7" s="315">
        <v>8</v>
      </c>
      <c r="N7" s="315">
        <v>17</v>
      </c>
      <c r="O7" s="312">
        <v>25</v>
      </c>
      <c r="P7" s="314">
        <v>0</v>
      </c>
      <c r="Q7" s="315">
        <v>3033</v>
      </c>
      <c r="R7" s="315">
        <v>4393</v>
      </c>
      <c r="S7" s="315">
        <v>5806</v>
      </c>
      <c r="T7" s="315">
        <v>3091</v>
      </c>
      <c r="U7" s="315">
        <v>3006</v>
      </c>
      <c r="V7" s="312">
        <v>19329</v>
      </c>
      <c r="W7" s="317">
        <v>19354</v>
      </c>
    </row>
    <row r="8" spans="1:23" ht="21" customHeight="1" x14ac:dyDescent="0.2">
      <c r="A8" s="291" t="s">
        <v>6</v>
      </c>
      <c r="B8" s="315">
        <v>0</v>
      </c>
      <c r="C8" s="315">
        <v>0</v>
      </c>
      <c r="D8" s="312">
        <v>0</v>
      </c>
      <c r="E8" s="314">
        <v>0</v>
      </c>
      <c r="F8" s="315">
        <v>13583</v>
      </c>
      <c r="G8" s="315">
        <v>10098</v>
      </c>
      <c r="H8" s="315">
        <v>6317</v>
      </c>
      <c r="I8" s="315">
        <v>3663</v>
      </c>
      <c r="J8" s="315">
        <v>1958</v>
      </c>
      <c r="K8" s="312">
        <v>35619</v>
      </c>
      <c r="L8" s="317">
        <v>35619</v>
      </c>
      <c r="M8" s="315">
        <v>6</v>
      </c>
      <c r="N8" s="315">
        <v>3</v>
      </c>
      <c r="O8" s="312">
        <v>9</v>
      </c>
      <c r="P8" s="314">
        <v>0</v>
      </c>
      <c r="Q8" s="315">
        <v>1484</v>
      </c>
      <c r="R8" s="315">
        <v>1609</v>
      </c>
      <c r="S8" s="315">
        <v>2319</v>
      </c>
      <c r="T8" s="315">
        <v>1374</v>
      </c>
      <c r="U8" s="315">
        <v>961</v>
      </c>
      <c r="V8" s="312">
        <v>7747</v>
      </c>
      <c r="W8" s="317">
        <v>7756</v>
      </c>
    </row>
    <row r="9" spans="1:23" ht="21" customHeight="1" x14ac:dyDescent="0.2">
      <c r="A9" s="291" t="s">
        <v>14</v>
      </c>
      <c r="B9" s="315">
        <v>0</v>
      </c>
      <c r="C9" s="315">
        <v>0</v>
      </c>
      <c r="D9" s="312">
        <v>0</v>
      </c>
      <c r="E9" s="314">
        <v>0</v>
      </c>
      <c r="F9" s="315">
        <v>7777</v>
      </c>
      <c r="G9" s="315">
        <v>8101</v>
      </c>
      <c r="H9" s="315">
        <v>5394</v>
      </c>
      <c r="I9" s="315">
        <v>2509</v>
      </c>
      <c r="J9" s="315">
        <v>1094</v>
      </c>
      <c r="K9" s="312">
        <v>24875</v>
      </c>
      <c r="L9" s="317">
        <v>24875</v>
      </c>
      <c r="M9" s="315">
        <v>0</v>
      </c>
      <c r="N9" s="315">
        <v>0</v>
      </c>
      <c r="O9" s="312">
        <v>0</v>
      </c>
      <c r="P9" s="314">
        <v>0</v>
      </c>
      <c r="Q9" s="315">
        <v>117</v>
      </c>
      <c r="R9" s="315">
        <v>186</v>
      </c>
      <c r="S9" s="315">
        <v>352</v>
      </c>
      <c r="T9" s="315">
        <v>165</v>
      </c>
      <c r="U9" s="315">
        <v>273</v>
      </c>
      <c r="V9" s="312">
        <v>1093</v>
      </c>
      <c r="W9" s="317">
        <v>1093</v>
      </c>
    </row>
    <row r="10" spans="1:23" ht="21" customHeight="1" x14ac:dyDescent="0.2">
      <c r="A10" s="291" t="s">
        <v>7</v>
      </c>
      <c r="B10" s="315">
        <v>0</v>
      </c>
      <c r="C10" s="315">
        <v>0</v>
      </c>
      <c r="D10" s="312">
        <v>0</v>
      </c>
      <c r="E10" s="314">
        <v>0</v>
      </c>
      <c r="F10" s="315">
        <v>6950</v>
      </c>
      <c r="G10" s="315">
        <v>4581</v>
      </c>
      <c r="H10" s="315">
        <v>2716</v>
      </c>
      <c r="I10" s="315">
        <v>1077</v>
      </c>
      <c r="J10" s="315">
        <v>439</v>
      </c>
      <c r="K10" s="312">
        <v>15763</v>
      </c>
      <c r="L10" s="317">
        <v>15763</v>
      </c>
      <c r="M10" s="315">
        <v>0</v>
      </c>
      <c r="N10" s="315">
        <v>0</v>
      </c>
      <c r="O10" s="312">
        <v>0</v>
      </c>
      <c r="P10" s="314">
        <v>0</v>
      </c>
      <c r="Q10" s="315">
        <v>658</v>
      </c>
      <c r="R10" s="315">
        <v>698</v>
      </c>
      <c r="S10" s="315">
        <v>957</v>
      </c>
      <c r="T10" s="315">
        <v>319</v>
      </c>
      <c r="U10" s="315">
        <v>135</v>
      </c>
      <c r="V10" s="312">
        <v>2767</v>
      </c>
      <c r="W10" s="317">
        <v>2767</v>
      </c>
    </row>
    <row r="11" spans="1:23" ht="21" customHeight="1" x14ac:dyDescent="0.2">
      <c r="A11" s="291" t="s">
        <v>8</v>
      </c>
      <c r="B11" s="315">
        <v>0</v>
      </c>
      <c r="C11" s="315">
        <v>0</v>
      </c>
      <c r="D11" s="312">
        <v>0</v>
      </c>
      <c r="E11" s="314">
        <v>0</v>
      </c>
      <c r="F11" s="315">
        <v>4335</v>
      </c>
      <c r="G11" s="315">
        <v>4171</v>
      </c>
      <c r="H11" s="315">
        <v>2465</v>
      </c>
      <c r="I11" s="315">
        <v>1117</v>
      </c>
      <c r="J11" s="315">
        <v>500</v>
      </c>
      <c r="K11" s="312">
        <v>12588</v>
      </c>
      <c r="L11" s="317">
        <v>12588</v>
      </c>
      <c r="M11" s="315">
        <v>0</v>
      </c>
      <c r="N11" s="315">
        <v>0</v>
      </c>
      <c r="O11" s="312">
        <v>0</v>
      </c>
      <c r="P11" s="314">
        <v>0</v>
      </c>
      <c r="Q11" s="315">
        <v>63</v>
      </c>
      <c r="R11" s="315">
        <v>145</v>
      </c>
      <c r="S11" s="315">
        <v>112</v>
      </c>
      <c r="T11" s="315">
        <v>42</v>
      </c>
      <c r="U11" s="315">
        <v>55</v>
      </c>
      <c r="V11" s="312">
        <v>417</v>
      </c>
      <c r="W11" s="317">
        <v>417</v>
      </c>
    </row>
    <row r="12" spans="1:23" ht="21" customHeight="1" x14ac:dyDescent="0.2">
      <c r="A12" s="291" t="s">
        <v>9</v>
      </c>
      <c r="B12" s="315">
        <v>0</v>
      </c>
      <c r="C12" s="315">
        <v>0</v>
      </c>
      <c r="D12" s="312">
        <v>0</v>
      </c>
      <c r="E12" s="314">
        <v>0</v>
      </c>
      <c r="F12" s="315">
        <v>2633</v>
      </c>
      <c r="G12" s="315">
        <v>2140</v>
      </c>
      <c r="H12" s="315">
        <v>1499</v>
      </c>
      <c r="I12" s="315">
        <v>862</v>
      </c>
      <c r="J12" s="315">
        <v>223</v>
      </c>
      <c r="K12" s="312">
        <v>7357</v>
      </c>
      <c r="L12" s="317">
        <v>7357</v>
      </c>
      <c r="M12" s="315">
        <v>0</v>
      </c>
      <c r="N12" s="315">
        <v>0</v>
      </c>
      <c r="O12" s="312">
        <v>0</v>
      </c>
      <c r="P12" s="314">
        <v>0</v>
      </c>
      <c r="Q12" s="315">
        <v>47</v>
      </c>
      <c r="R12" s="315">
        <v>61</v>
      </c>
      <c r="S12" s="315">
        <v>54</v>
      </c>
      <c r="T12" s="315">
        <v>43</v>
      </c>
      <c r="U12" s="315">
        <v>40</v>
      </c>
      <c r="V12" s="312">
        <v>245</v>
      </c>
      <c r="W12" s="317">
        <v>245</v>
      </c>
    </row>
    <row r="13" spans="1:23" ht="21" customHeight="1" x14ac:dyDescent="0.2">
      <c r="A13" s="291" t="s">
        <v>10</v>
      </c>
      <c r="B13" s="315">
        <v>0</v>
      </c>
      <c r="C13" s="315">
        <v>0</v>
      </c>
      <c r="D13" s="312">
        <v>0</v>
      </c>
      <c r="E13" s="314">
        <v>0</v>
      </c>
      <c r="F13" s="315">
        <v>3909</v>
      </c>
      <c r="G13" s="315">
        <v>1959</v>
      </c>
      <c r="H13" s="315">
        <v>1132</v>
      </c>
      <c r="I13" s="315">
        <v>519</v>
      </c>
      <c r="J13" s="315">
        <v>279</v>
      </c>
      <c r="K13" s="312">
        <v>7798</v>
      </c>
      <c r="L13" s="317">
        <v>7798</v>
      </c>
      <c r="M13" s="315">
        <v>0</v>
      </c>
      <c r="N13" s="315">
        <v>4</v>
      </c>
      <c r="O13" s="312">
        <v>4</v>
      </c>
      <c r="P13" s="314">
        <v>0</v>
      </c>
      <c r="Q13" s="315">
        <v>116</v>
      </c>
      <c r="R13" s="315">
        <v>162</v>
      </c>
      <c r="S13" s="315">
        <v>146</v>
      </c>
      <c r="T13" s="315">
        <v>88</v>
      </c>
      <c r="U13" s="315">
        <v>63</v>
      </c>
      <c r="V13" s="312">
        <v>575</v>
      </c>
      <c r="W13" s="317">
        <v>579</v>
      </c>
    </row>
    <row r="14" spans="1:23" ht="21" customHeight="1" x14ac:dyDescent="0.2">
      <c r="A14" s="291" t="s">
        <v>11</v>
      </c>
      <c r="B14" s="315">
        <v>0</v>
      </c>
      <c r="C14" s="315">
        <v>0</v>
      </c>
      <c r="D14" s="312">
        <v>0</v>
      </c>
      <c r="E14" s="314">
        <v>0</v>
      </c>
      <c r="F14" s="315">
        <v>4288</v>
      </c>
      <c r="G14" s="315">
        <v>2422</v>
      </c>
      <c r="H14" s="315">
        <v>1637</v>
      </c>
      <c r="I14" s="315">
        <v>870</v>
      </c>
      <c r="J14" s="315">
        <v>319</v>
      </c>
      <c r="K14" s="312">
        <v>9536</v>
      </c>
      <c r="L14" s="317">
        <v>9536</v>
      </c>
      <c r="M14" s="315">
        <v>0</v>
      </c>
      <c r="N14" s="315">
        <v>16</v>
      </c>
      <c r="O14" s="312">
        <v>16</v>
      </c>
      <c r="P14" s="314">
        <v>0</v>
      </c>
      <c r="Q14" s="315">
        <v>146</v>
      </c>
      <c r="R14" s="315">
        <v>99</v>
      </c>
      <c r="S14" s="315">
        <v>61</v>
      </c>
      <c r="T14" s="315">
        <v>9</v>
      </c>
      <c r="U14" s="315">
        <v>10</v>
      </c>
      <c r="V14" s="312">
        <v>325</v>
      </c>
      <c r="W14" s="317">
        <v>341</v>
      </c>
    </row>
    <row r="15" spans="1:23" ht="21" customHeight="1" x14ac:dyDescent="0.2">
      <c r="A15" s="291" t="s">
        <v>12</v>
      </c>
      <c r="B15" s="315">
        <v>0</v>
      </c>
      <c r="C15" s="315">
        <v>0</v>
      </c>
      <c r="D15" s="312">
        <v>0</v>
      </c>
      <c r="E15" s="314">
        <v>0</v>
      </c>
      <c r="F15" s="315">
        <v>3102</v>
      </c>
      <c r="G15" s="315">
        <v>1918</v>
      </c>
      <c r="H15" s="315">
        <v>1169</v>
      </c>
      <c r="I15" s="315">
        <v>418</v>
      </c>
      <c r="J15" s="315">
        <v>349</v>
      </c>
      <c r="K15" s="312">
        <v>6956</v>
      </c>
      <c r="L15" s="317">
        <v>6956</v>
      </c>
      <c r="M15" s="315">
        <v>0</v>
      </c>
      <c r="N15" s="315">
        <v>0</v>
      </c>
      <c r="O15" s="312">
        <v>0</v>
      </c>
      <c r="P15" s="314">
        <v>0</v>
      </c>
      <c r="Q15" s="315">
        <v>26</v>
      </c>
      <c r="R15" s="315">
        <v>43</v>
      </c>
      <c r="S15" s="315">
        <v>0</v>
      </c>
      <c r="T15" s="315">
        <v>0</v>
      </c>
      <c r="U15" s="315">
        <v>0</v>
      </c>
      <c r="V15" s="312">
        <v>69</v>
      </c>
      <c r="W15" s="317">
        <v>69</v>
      </c>
    </row>
    <row r="16" spans="1:23" ht="21" customHeight="1" x14ac:dyDescent="0.2">
      <c r="A16" s="291" t="s">
        <v>13</v>
      </c>
      <c r="B16" s="315">
        <v>0</v>
      </c>
      <c r="C16" s="315">
        <v>0</v>
      </c>
      <c r="D16" s="312">
        <v>0</v>
      </c>
      <c r="E16" s="314">
        <v>0</v>
      </c>
      <c r="F16" s="315">
        <v>843</v>
      </c>
      <c r="G16" s="315">
        <v>850</v>
      </c>
      <c r="H16" s="315">
        <v>470</v>
      </c>
      <c r="I16" s="315">
        <v>257</v>
      </c>
      <c r="J16" s="315">
        <v>119</v>
      </c>
      <c r="K16" s="312">
        <v>2539</v>
      </c>
      <c r="L16" s="317">
        <v>2539</v>
      </c>
      <c r="M16" s="315">
        <v>0</v>
      </c>
      <c r="N16" s="315">
        <v>0</v>
      </c>
      <c r="O16" s="312">
        <v>0</v>
      </c>
      <c r="P16" s="314">
        <v>0</v>
      </c>
      <c r="Q16" s="315">
        <v>15</v>
      </c>
      <c r="R16" s="315">
        <v>32</v>
      </c>
      <c r="S16" s="315">
        <v>86</v>
      </c>
      <c r="T16" s="315">
        <v>37</v>
      </c>
      <c r="U16" s="315">
        <v>-60</v>
      </c>
      <c r="V16" s="312">
        <v>110</v>
      </c>
      <c r="W16" s="317">
        <v>110</v>
      </c>
    </row>
    <row r="17" spans="1:23" ht="21" customHeight="1" x14ac:dyDescent="0.2">
      <c r="A17" s="291" t="s">
        <v>15</v>
      </c>
      <c r="B17" s="315">
        <v>0</v>
      </c>
      <c r="C17" s="315">
        <v>0</v>
      </c>
      <c r="D17" s="312">
        <v>0</v>
      </c>
      <c r="E17" s="314">
        <v>0</v>
      </c>
      <c r="F17" s="315">
        <v>925</v>
      </c>
      <c r="G17" s="315">
        <v>1293</v>
      </c>
      <c r="H17" s="315">
        <v>576</v>
      </c>
      <c r="I17" s="315">
        <v>377</v>
      </c>
      <c r="J17" s="315">
        <v>60</v>
      </c>
      <c r="K17" s="312">
        <v>3231</v>
      </c>
      <c r="L17" s="317">
        <v>3231</v>
      </c>
      <c r="M17" s="315">
        <v>0</v>
      </c>
      <c r="N17" s="315">
        <v>0</v>
      </c>
      <c r="O17" s="312">
        <v>0</v>
      </c>
      <c r="P17" s="314">
        <v>0</v>
      </c>
      <c r="Q17" s="315">
        <v>32</v>
      </c>
      <c r="R17" s="315">
        <v>57</v>
      </c>
      <c r="S17" s="315">
        <v>64</v>
      </c>
      <c r="T17" s="315">
        <v>40</v>
      </c>
      <c r="U17" s="315">
        <v>9</v>
      </c>
      <c r="V17" s="312">
        <v>202</v>
      </c>
      <c r="W17" s="317">
        <v>202</v>
      </c>
    </row>
    <row r="18" spans="1:23" ht="21" customHeight="1" x14ac:dyDescent="0.2">
      <c r="A18" s="291" t="s">
        <v>16</v>
      </c>
      <c r="B18" s="315">
        <v>0</v>
      </c>
      <c r="C18" s="315">
        <v>0</v>
      </c>
      <c r="D18" s="312">
        <v>0</v>
      </c>
      <c r="E18" s="314">
        <v>0</v>
      </c>
      <c r="F18" s="315">
        <v>1176</v>
      </c>
      <c r="G18" s="315">
        <v>1386</v>
      </c>
      <c r="H18" s="315">
        <v>923</v>
      </c>
      <c r="I18" s="315">
        <v>475</v>
      </c>
      <c r="J18" s="315">
        <v>236</v>
      </c>
      <c r="K18" s="312">
        <v>4196</v>
      </c>
      <c r="L18" s="317">
        <v>4196</v>
      </c>
      <c r="M18" s="315">
        <v>0</v>
      </c>
      <c r="N18" s="315">
        <v>0</v>
      </c>
      <c r="O18" s="312">
        <v>0</v>
      </c>
      <c r="P18" s="314">
        <v>0</v>
      </c>
      <c r="Q18" s="315">
        <v>52</v>
      </c>
      <c r="R18" s="315">
        <v>123</v>
      </c>
      <c r="S18" s="315">
        <v>76</v>
      </c>
      <c r="T18" s="315">
        <v>46</v>
      </c>
      <c r="U18" s="315">
        <v>45</v>
      </c>
      <c r="V18" s="312">
        <v>342</v>
      </c>
      <c r="W18" s="317">
        <v>342</v>
      </c>
    </row>
    <row r="19" spans="1:23" ht="21" customHeight="1" x14ac:dyDescent="0.2">
      <c r="A19" s="291" t="s">
        <v>17</v>
      </c>
      <c r="B19" s="315">
        <v>0</v>
      </c>
      <c r="C19" s="315">
        <v>0</v>
      </c>
      <c r="D19" s="312">
        <v>0</v>
      </c>
      <c r="E19" s="314">
        <v>0</v>
      </c>
      <c r="F19" s="315">
        <v>1965</v>
      </c>
      <c r="G19" s="315">
        <v>2323</v>
      </c>
      <c r="H19" s="315">
        <v>1418</v>
      </c>
      <c r="I19" s="315">
        <v>1171</v>
      </c>
      <c r="J19" s="315">
        <v>824</v>
      </c>
      <c r="K19" s="312">
        <v>7701</v>
      </c>
      <c r="L19" s="317">
        <v>7701</v>
      </c>
      <c r="M19" s="315">
        <v>0</v>
      </c>
      <c r="N19" s="315">
        <v>7</v>
      </c>
      <c r="O19" s="312">
        <v>7</v>
      </c>
      <c r="P19" s="314">
        <v>0</v>
      </c>
      <c r="Q19" s="315">
        <v>185</v>
      </c>
      <c r="R19" s="315">
        <v>229</v>
      </c>
      <c r="S19" s="315">
        <v>182</v>
      </c>
      <c r="T19" s="315">
        <v>128</v>
      </c>
      <c r="U19" s="315">
        <v>50</v>
      </c>
      <c r="V19" s="312">
        <v>774</v>
      </c>
      <c r="W19" s="317">
        <v>781</v>
      </c>
    </row>
    <row r="20" spans="1:23" ht="21" customHeight="1" x14ac:dyDescent="0.2">
      <c r="A20" s="291" t="s">
        <v>18</v>
      </c>
      <c r="B20" s="315">
        <v>0</v>
      </c>
      <c r="C20" s="315">
        <v>0</v>
      </c>
      <c r="D20" s="312">
        <v>0</v>
      </c>
      <c r="E20" s="314">
        <v>0</v>
      </c>
      <c r="F20" s="315">
        <v>2147</v>
      </c>
      <c r="G20" s="315">
        <v>1804</v>
      </c>
      <c r="H20" s="315">
        <v>940</v>
      </c>
      <c r="I20" s="315">
        <v>357</v>
      </c>
      <c r="J20" s="315">
        <v>136</v>
      </c>
      <c r="K20" s="312">
        <v>5384</v>
      </c>
      <c r="L20" s="317">
        <v>5384</v>
      </c>
      <c r="M20" s="315">
        <v>0</v>
      </c>
      <c r="N20" s="315">
        <v>0</v>
      </c>
      <c r="O20" s="312">
        <v>0</v>
      </c>
      <c r="P20" s="314">
        <v>0</v>
      </c>
      <c r="Q20" s="315">
        <v>58</v>
      </c>
      <c r="R20" s="315">
        <v>71</v>
      </c>
      <c r="S20" s="315">
        <v>120</v>
      </c>
      <c r="T20" s="315">
        <v>104</v>
      </c>
      <c r="U20" s="315">
        <v>120</v>
      </c>
      <c r="V20" s="312">
        <v>473</v>
      </c>
      <c r="W20" s="317">
        <v>473</v>
      </c>
    </row>
    <row r="21" spans="1:23" ht="21" customHeight="1" x14ac:dyDescent="0.2">
      <c r="A21" s="291" t="s">
        <v>19</v>
      </c>
      <c r="B21" s="315">
        <v>0</v>
      </c>
      <c r="C21" s="315">
        <v>0</v>
      </c>
      <c r="D21" s="312">
        <v>0</v>
      </c>
      <c r="E21" s="314">
        <v>0</v>
      </c>
      <c r="F21" s="315">
        <v>940</v>
      </c>
      <c r="G21" s="315">
        <v>894</v>
      </c>
      <c r="H21" s="315">
        <v>478</v>
      </c>
      <c r="I21" s="315">
        <v>212</v>
      </c>
      <c r="J21" s="315">
        <v>109</v>
      </c>
      <c r="K21" s="312">
        <v>2633</v>
      </c>
      <c r="L21" s="317">
        <v>2633</v>
      </c>
      <c r="M21" s="315">
        <v>0</v>
      </c>
      <c r="N21" s="315">
        <v>0</v>
      </c>
      <c r="O21" s="312">
        <v>0</v>
      </c>
      <c r="P21" s="314">
        <v>0</v>
      </c>
      <c r="Q21" s="315">
        <v>91</v>
      </c>
      <c r="R21" s="315">
        <v>218</v>
      </c>
      <c r="S21" s="315">
        <v>161</v>
      </c>
      <c r="T21" s="315">
        <v>15</v>
      </c>
      <c r="U21" s="315">
        <v>39</v>
      </c>
      <c r="V21" s="312">
        <v>524</v>
      </c>
      <c r="W21" s="317">
        <v>524</v>
      </c>
    </row>
    <row r="22" spans="1:23" ht="21" customHeight="1" x14ac:dyDescent="0.2">
      <c r="A22" s="291" t="s">
        <v>20</v>
      </c>
      <c r="B22" s="315">
        <v>0</v>
      </c>
      <c r="C22" s="315">
        <v>0</v>
      </c>
      <c r="D22" s="312">
        <v>0</v>
      </c>
      <c r="E22" s="314">
        <v>0</v>
      </c>
      <c r="F22" s="315">
        <v>1281</v>
      </c>
      <c r="G22" s="315">
        <v>619</v>
      </c>
      <c r="H22" s="315">
        <v>423</v>
      </c>
      <c r="I22" s="315">
        <v>324</v>
      </c>
      <c r="J22" s="315">
        <v>63</v>
      </c>
      <c r="K22" s="312">
        <v>2710</v>
      </c>
      <c r="L22" s="317">
        <v>2710</v>
      </c>
      <c r="M22" s="315">
        <v>0</v>
      </c>
      <c r="N22" s="315">
        <v>0</v>
      </c>
      <c r="O22" s="312">
        <v>0</v>
      </c>
      <c r="P22" s="314">
        <v>0</v>
      </c>
      <c r="Q22" s="315">
        <v>0</v>
      </c>
      <c r="R22" s="315">
        <v>39</v>
      </c>
      <c r="S22" s="315">
        <v>42</v>
      </c>
      <c r="T22" s="315">
        <v>22</v>
      </c>
      <c r="U22" s="315">
        <v>13</v>
      </c>
      <c r="V22" s="312">
        <v>116</v>
      </c>
      <c r="W22" s="317">
        <v>116</v>
      </c>
    </row>
    <row r="23" spans="1:23" ht="21" customHeight="1" x14ac:dyDescent="0.2">
      <c r="A23" s="291" t="s">
        <v>21</v>
      </c>
      <c r="B23" s="315">
        <v>0</v>
      </c>
      <c r="C23" s="315">
        <v>0</v>
      </c>
      <c r="D23" s="312">
        <v>0</v>
      </c>
      <c r="E23" s="314">
        <v>0</v>
      </c>
      <c r="F23" s="315">
        <v>1205</v>
      </c>
      <c r="G23" s="315">
        <v>1498</v>
      </c>
      <c r="H23" s="315">
        <v>722</v>
      </c>
      <c r="I23" s="315">
        <v>294</v>
      </c>
      <c r="J23" s="315">
        <v>186</v>
      </c>
      <c r="K23" s="312">
        <v>3905</v>
      </c>
      <c r="L23" s="317">
        <v>3905</v>
      </c>
      <c r="M23" s="315">
        <v>0</v>
      </c>
      <c r="N23" s="315">
        <v>0</v>
      </c>
      <c r="O23" s="312">
        <v>0</v>
      </c>
      <c r="P23" s="314">
        <v>0</v>
      </c>
      <c r="Q23" s="315">
        <v>0</v>
      </c>
      <c r="R23" s="315">
        <v>0</v>
      </c>
      <c r="S23" s="315">
        <v>0</v>
      </c>
      <c r="T23" s="315">
        <v>0</v>
      </c>
      <c r="U23" s="315">
        <v>0</v>
      </c>
      <c r="V23" s="312">
        <v>0</v>
      </c>
      <c r="W23" s="317">
        <v>0</v>
      </c>
    </row>
    <row r="24" spans="1:23" ht="21" customHeight="1" x14ac:dyDescent="0.2">
      <c r="A24" s="291" t="s">
        <v>22</v>
      </c>
      <c r="B24" s="315">
        <v>0</v>
      </c>
      <c r="C24" s="315">
        <v>0</v>
      </c>
      <c r="D24" s="312">
        <v>0</v>
      </c>
      <c r="E24" s="314">
        <v>0</v>
      </c>
      <c r="F24" s="315">
        <v>939</v>
      </c>
      <c r="G24" s="315">
        <v>754</v>
      </c>
      <c r="H24" s="315">
        <v>353</v>
      </c>
      <c r="I24" s="315">
        <v>235</v>
      </c>
      <c r="J24" s="315">
        <v>92</v>
      </c>
      <c r="K24" s="312">
        <v>2373</v>
      </c>
      <c r="L24" s="317">
        <v>2373</v>
      </c>
      <c r="M24" s="315">
        <v>0</v>
      </c>
      <c r="N24" s="315">
        <v>0</v>
      </c>
      <c r="O24" s="312">
        <v>0</v>
      </c>
      <c r="P24" s="314">
        <v>0</v>
      </c>
      <c r="Q24" s="315">
        <v>65</v>
      </c>
      <c r="R24" s="315">
        <v>77</v>
      </c>
      <c r="S24" s="315">
        <v>38</v>
      </c>
      <c r="T24" s="315">
        <v>21</v>
      </c>
      <c r="U24" s="315">
        <v>26</v>
      </c>
      <c r="V24" s="312">
        <v>227</v>
      </c>
      <c r="W24" s="317">
        <v>227</v>
      </c>
    </row>
    <row r="25" spans="1:23" ht="21" customHeight="1" x14ac:dyDescent="0.2">
      <c r="A25" s="291" t="s">
        <v>23</v>
      </c>
      <c r="B25" s="315">
        <v>0</v>
      </c>
      <c r="C25" s="315">
        <v>0</v>
      </c>
      <c r="D25" s="312">
        <v>0</v>
      </c>
      <c r="E25" s="314">
        <v>0</v>
      </c>
      <c r="F25" s="315">
        <v>403</v>
      </c>
      <c r="G25" s="315">
        <v>336</v>
      </c>
      <c r="H25" s="315">
        <v>160</v>
      </c>
      <c r="I25" s="315">
        <v>167</v>
      </c>
      <c r="J25" s="315">
        <v>80</v>
      </c>
      <c r="K25" s="312">
        <v>1146</v>
      </c>
      <c r="L25" s="317">
        <v>1146</v>
      </c>
      <c r="M25" s="315">
        <v>0</v>
      </c>
      <c r="N25" s="315">
        <v>0</v>
      </c>
      <c r="O25" s="312">
        <v>0</v>
      </c>
      <c r="P25" s="314">
        <v>0</v>
      </c>
      <c r="Q25" s="315">
        <v>0</v>
      </c>
      <c r="R25" s="315">
        <v>0</v>
      </c>
      <c r="S25" s="315">
        <v>12</v>
      </c>
      <c r="T25" s="315">
        <v>20</v>
      </c>
      <c r="U25" s="315">
        <v>0</v>
      </c>
      <c r="V25" s="312">
        <v>32</v>
      </c>
      <c r="W25" s="317">
        <v>32</v>
      </c>
    </row>
    <row r="26" spans="1:23" ht="21" customHeight="1" x14ac:dyDescent="0.2">
      <c r="A26" s="291" t="s">
        <v>24</v>
      </c>
      <c r="B26" s="315">
        <v>0</v>
      </c>
      <c r="C26" s="315">
        <v>0</v>
      </c>
      <c r="D26" s="312">
        <v>0</v>
      </c>
      <c r="E26" s="314">
        <v>0</v>
      </c>
      <c r="F26" s="315">
        <v>423</v>
      </c>
      <c r="G26" s="315">
        <v>153</v>
      </c>
      <c r="H26" s="315">
        <v>155</v>
      </c>
      <c r="I26" s="315">
        <v>81</v>
      </c>
      <c r="J26" s="315">
        <v>46</v>
      </c>
      <c r="K26" s="312">
        <v>858</v>
      </c>
      <c r="L26" s="317">
        <v>858</v>
      </c>
      <c r="M26" s="315">
        <v>0</v>
      </c>
      <c r="N26" s="315">
        <v>0</v>
      </c>
      <c r="O26" s="312">
        <v>0</v>
      </c>
      <c r="P26" s="314">
        <v>0</v>
      </c>
      <c r="Q26" s="315">
        <v>67</v>
      </c>
      <c r="R26" s="315">
        <v>65</v>
      </c>
      <c r="S26" s="315">
        <v>30</v>
      </c>
      <c r="T26" s="315">
        <v>16</v>
      </c>
      <c r="U26" s="315">
        <v>21</v>
      </c>
      <c r="V26" s="312">
        <v>199</v>
      </c>
      <c r="W26" s="317">
        <v>199</v>
      </c>
    </row>
    <row r="27" spans="1:23" ht="21" customHeight="1" x14ac:dyDescent="0.2">
      <c r="A27" s="291" t="s">
        <v>25</v>
      </c>
      <c r="B27" s="315">
        <v>0</v>
      </c>
      <c r="C27" s="315">
        <v>0</v>
      </c>
      <c r="D27" s="312">
        <v>0</v>
      </c>
      <c r="E27" s="314">
        <v>0</v>
      </c>
      <c r="F27" s="315">
        <v>574</v>
      </c>
      <c r="G27" s="315">
        <v>243</v>
      </c>
      <c r="H27" s="315">
        <v>122</v>
      </c>
      <c r="I27" s="315">
        <v>99</v>
      </c>
      <c r="J27" s="315">
        <v>17</v>
      </c>
      <c r="K27" s="312">
        <v>1055</v>
      </c>
      <c r="L27" s="317">
        <v>1055</v>
      </c>
      <c r="M27" s="315">
        <v>0</v>
      </c>
      <c r="N27" s="315">
        <v>0</v>
      </c>
      <c r="O27" s="312">
        <v>0</v>
      </c>
      <c r="P27" s="314">
        <v>0</v>
      </c>
      <c r="Q27" s="315">
        <v>50</v>
      </c>
      <c r="R27" s="315">
        <v>42</v>
      </c>
      <c r="S27" s="315">
        <v>0</v>
      </c>
      <c r="T27" s="315">
        <v>0</v>
      </c>
      <c r="U27" s="315">
        <v>12</v>
      </c>
      <c r="V27" s="312">
        <v>104</v>
      </c>
      <c r="W27" s="317">
        <v>104</v>
      </c>
    </row>
    <row r="28" spans="1:23" ht="21" customHeight="1" x14ac:dyDescent="0.2">
      <c r="A28" s="291" t="s">
        <v>26</v>
      </c>
      <c r="B28" s="315">
        <v>0</v>
      </c>
      <c r="C28" s="315">
        <v>0</v>
      </c>
      <c r="D28" s="312">
        <v>0</v>
      </c>
      <c r="E28" s="314">
        <v>0</v>
      </c>
      <c r="F28" s="315">
        <v>453</v>
      </c>
      <c r="G28" s="315">
        <v>464</v>
      </c>
      <c r="H28" s="315">
        <v>185</v>
      </c>
      <c r="I28" s="315">
        <v>110</v>
      </c>
      <c r="J28" s="315">
        <v>114</v>
      </c>
      <c r="K28" s="312">
        <v>1326</v>
      </c>
      <c r="L28" s="317">
        <v>1326</v>
      </c>
      <c r="M28" s="315">
        <v>0</v>
      </c>
      <c r="N28" s="315">
        <v>0</v>
      </c>
      <c r="O28" s="312">
        <v>0</v>
      </c>
      <c r="P28" s="314">
        <v>0</v>
      </c>
      <c r="Q28" s="315">
        <v>8</v>
      </c>
      <c r="R28" s="315">
        <v>24</v>
      </c>
      <c r="S28" s="315">
        <v>101</v>
      </c>
      <c r="T28" s="315">
        <v>6</v>
      </c>
      <c r="U28" s="315">
        <v>17</v>
      </c>
      <c r="V28" s="312">
        <v>156</v>
      </c>
      <c r="W28" s="317">
        <v>156</v>
      </c>
    </row>
    <row r="29" spans="1:23" ht="21" customHeight="1" x14ac:dyDescent="0.2">
      <c r="A29" s="291" t="s">
        <v>27</v>
      </c>
      <c r="B29" s="315">
        <v>0</v>
      </c>
      <c r="C29" s="315">
        <v>0</v>
      </c>
      <c r="D29" s="312">
        <v>0</v>
      </c>
      <c r="E29" s="314">
        <v>0</v>
      </c>
      <c r="F29" s="315">
        <v>187</v>
      </c>
      <c r="G29" s="315">
        <v>135</v>
      </c>
      <c r="H29" s="315">
        <v>98</v>
      </c>
      <c r="I29" s="315">
        <v>4</v>
      </c>
      <c r="J29" s="315">
        <v>1</v>
      </c>
      <c r="K29" s="312">
        <v>425</v>
      </c>
      <c r="L29" s="317">
        <v>425</v>
      </c>
      <c r="M29" s="315">
        <v>0</v>
      </c>
      <c r="N29" s="315">
        <v>0</v>
      </c>
      <c r="O29" s="312">
        <v>0</v>
      </c>
      <c r="P29" s="314">
        <v>0</v>
      </c>
      <c r="Q29" s="315">
        <v>31</v>
      </c>
      <c r="R29" s="315">
        <v>14</v>
      </c>
      <c r="S29" s="315">
        <v>7</v>
      </c>
      <c r="T29" s="315">
        <v>19</v>
      </c>
      <c r="U29" s="315">
        <v>5</v>
      </c>
      <c r="V29" s="312">
        <v>76</v>
      </c>
      <c r="W29" s="317">
        <v>76</v>
      </c>
    </row>
    <row r="30" spans="1:23" ht="21" customHeight="1" x14ac:dyDescent="0.2">
      <c r="A30" s="291" t="s">
        <v>28</v>
      </c>
      <c r="B30" s="315">
        <v>0</v>
      </c>
      <c r="C30" s="315">
        <v>0</v>
      </c>
      <c r="D30" s="312">
        <v>0</v>
      </c>
      <c r="E30" s="314">
        <v>0</v>
      </c>
      <c r="F30" s="315">
        <v>135</v>
      </c>
      <c r="G30" s="315">
        <v>117</v>
      </c>
      <c r="H30" s="315">
        <v>12</v>
      </c>
      <c r="I30" s="315">
        <v>22</v>
      </c>
      <c r="J30" s="315">
        <v>1</v>
      </c>
      <c r="K30" s="312">
        <v>287</v>
      </c>
      <c r="L30" s="317">
        <v>287</v>
      </c>
      <c r="M30" s="315">
        <v>0</v>
      </c>
      <c r="N30" s="315">
        <v>0</v>
      </c>
      <c r="O30" s="312">
        <v>0</v>
      </c>
      <c r="P30" s="314">
        <v>0</v>
      </c>
      <c r="Q30" s="315">
        <v>8</v>
      </c>
      <c r="R30" s="315">
        <v>4</v>
      </c>
      <c r="S30" s="315">
        <v>26</v>
      </c>
      <c r="T30" s="315">
        <v>0</v>
      </c>
      <c r="U30" s="315">
        <v>1</v>
      </c>
      <c r="V30" s="312">
        <v>39</v>
      </c>
      <c r="W30" s="317">
        <v>39</v>
      </c>
    </row>
    <row r="31" spans="1:23" ht="21" customHeight="1" x14ac:dyDescent="0.2">
      <c r="A31" s="291" t="s">
        <v>29</v>
      </c>
      <c r="B31" s="315">
        <v>0</v>
      </c>
      <c r="C31" s="315">
        <v>0</v>
      </c>
      <c r="D31" s="312">
        <v>0</v>
      </c>
      <c r="E31" s="314">
        <v>0</v>
      </c>
      <c r="F31" s="315">
        <v>124</v>
      </c>
      <c r="G31" s="315">
        <v>102</v>
      </c>
      <c r="H31" s="315">
        <v>32</v>
      </c>
      <c r="I31" s="315">
        <v>8</v>
      </c>
      <c r="J31" s="315">
        <v>0</v>
      </c>
      <c r="K31" s="312">
        <v>266</v>
      </c>
      <c r="L31" s="317">
        <v>266</v>
      </c>
      <c r="M31" s="315">
        <v>0</v>
      </c>
      <c r="N31" s="315">
        <v>0</v>
      </c>
      <c r="O31" s="312">
        <v>0</v>
      </c>
      <c r="P31" s="314">
        <v>0</v>
      </c>
      <c r="Q31" s="315">
        <v>0</v>
      </c>
      <c r="R31" s="315">
        <v>14</v>
      </c>
      <c r="S31" s="315">
        <v>31</v>
      </c>
      <c r="T31" s="315">
        <v>4</v>
      </c>
      <c r="U31" s="315">
        <v>0</v>
      </c>
      <c r="V31" s="312">
        <v>49</v>
      </c>
      <c r="W31" s="317">
        <v>49</v>
      </c>
    </row>
    <row r="32" spans="1:23" ht="21" customHeight="1" x14ac:dyDescent="0.2">
      <c r="A32" s="291" t="s">
        <v>30</v>
      </c>
      <c r="B32" s="315">
        <v>0</v>
      </c>
      <c r="C32" s="315">
        <v>0</v>
      </c>
      <c r="D32" s="312">
        <v>0</v>
      </c>
      <c r="E32" s="314">
        <v>0</v>
      </c>
      <c r="F32" s="315">
        <v>176</v>
      </c>
      <c r="G32" s="315">
        <v>138</v>
      </c>
      <c r="H32" s="315">
        <v>76</v>
      </c>
      <c r="I32" s="315">
        <v>42</v>
      </c>
      <c r="J32" s="315">
        <v>14</v>
      </c>
      <c r="K32" s="312">
        <v>446</v>
      </c>
      <c r="L32" s="317">
        <v>446</v>
      </c>
      <c r="M32" s="315">
        <v>7</v>
      </c>
      <c r="N32" s="315">
        <v>0</v>
      </c>
      <c r="O32" s="312">
        <v>7</v>
      </c>
      <c r="P32" s="314">
        <v>0</v>
      </c>
      <c r="Q32" s="315">
        <v>0</v>
      </c>
      <c r="R32" s="315">
        <v>5</v>
      </c>
      <c r="S32" s="315">
        <v>14</v>
      </c>
      <c r="T32" s="315">
        <v>0</v>
      </c>
      <c r="U32" s="315">
        <v>0</v>
      </c>
      <c r="V32" s="312">
        <v>19</v>
      </c>
      <c r="W32" s="317">
        <v>26</v>
      </c>
    </row>
    <row r="33" spans="1:23" ht="21" customHeight="1" x14ac:dyDescent="0.2">
      <c r="A33" s="291" t="s">
        <v>31</v>
      </c>
      <c r="B33" s="315">
        <v>0</v>
      </c>
      <c r="C33" s="315">
        <v>0</v>
      </c>
      <c r="D33" s="312">
        <v>0</v>
      </c>
      <c r="E33" s="314">
        <v>0</v>
      </c>
      <c r="F33" s="315">
        <v>169</v>
      </c>
      <c r="G33" s="315">
        <v>105</v>
      </c>
      <c r="H33" s="315">
        <v>110</v>
      </c>
      <c r="I33" s="315">
        <v>3</v>
      </c>
      <c r="J33" s="315">
        <v>24</v>
      </c>
      <c r="K33" s="312">
        <v>411</v>
      </c>
      <c r="L33" s="317">
        <v>411</v>
      </c>
      <c r="M33" s="315">
        <v>0</v>
      </c>
      <c r="N33" s="315">
        <v>0</v>
      </c>
      <c r="O33" s="312">
        <v>0</v>
      </c>
      <c r="P33" s="314">
        <v>0</v>
      </c>
      <c r="Q33" s="315">
        <v>0</v>
      </c>
      <c r="R33" s="315">
        <v>12</v>
      </c>
      <c r="S33" s="315">
        <v>11</v>
      </c>
      <c r="T33" s="315">
        <v>0</v>
      </c>
      <c r="U33" s="315">
        <v>0</v>
      </c>
      <c r="V33" s="312">
        <v>23</v>
      </c>
      <c r="W33" s="317">
        <v>23</v>
      </c>
    </row>
    <row r="34" spans="1:23" ht="21" customHeight="1" x14ac:dyDescent="0.2">
      <c r="A34" s="291" t="s">
        <v>32</v>
      </c>
      <c r="B34" s="315">
        <v>0</v>
      </c>
      <c r="C34" s="315">
        <v>0</v>
      </c>
      <c r="D34" s="312">
        <v>0</v>
      </c>
      <c r="E34" s="314">
        <v>0</v>
      </c>
      <c r="F34" s="315">
        <v>344</v>
      </c>
      <c r="G34" s="315">
        <v>210</v>
      </c>
      <c r="H34" s="315">
        <v>71</v>
      </c>
      <c r="I34" s="315">
        <v>37</v>
      </c>
      <c r="J34" s="315">
        <v>4</v>
      </c>
      <c r="K34" s="312">
        <v>666</v>
      </c>
      <c r="L34" s="317">
        <v>666</v>
      </c>
      <c r="M34" s="315">
        <v>0</v>
      </c>
      <c r="N34" s="315">
        <v>0</v>
      </c>
      <c r="O34" s="312">
        <v>0</v>
      </c>
      <c r="P34" s="314">
        <v>0</v>
      </c>
      <c r="Q34" s="315">
        <v>14</v>
      </c>
      <c r="R34" s="315">
        <v>0</v>
      </c>
      <c r="S34" s="315">
        <v>29</v>
      </c>
      <c r="T34" s="315">
        <v>0</v>
      </c>
      <c r="U34" s="315">
        <v>20</v>
      </c>
      <c r="V34" s="312">
        <v>63</v>
      </c>
      <c r="W34" s="317">
        <v>63</v>
      </c>
    </row>
    <row r="35" spans="1:23" ht="21" customHeight="1" x14ac:dyDescent="0.2">
      <c r="A35" s="291" t="s">
        <v>33</v>
      </c>
      <c r="B35" s="315">
        <v>0</v>
      </c>
      <c r="C35" s="315">
        <v>0</v>
      </c>
      <c r="D35" s="312">
        <v>0</v>
      </c>
      <c r="E35" s="314">
        <v>0</v>
      </c>
      <c r="F35" s="315">
        <v>212</v>
      </c>
      <c r="G35" s="315">
        <v>98</v>
      </c>
      <c r="H35" s="315">
        <v>42</v>
      </c>
      <c r="I35" s="315">
        <v>39</v>
      </c>
      <c r="J35" s="315">
        <v>10</v>
      </c>
      <c r="K35" s="312">
        <v>401</v>
      </c>
      <c r="L35" s="317">
        <v>401</v>
      </c>
      <c r="M35" s="315">
        <v>0</v>
      </c>
      <c r="N35" s="315">
        <v>0</v>
      </c>
      <c r="O35" s="312">
        <v>0</v>
      </c>
      <c r="P35" s="314">
        <v>0</v>
      </c>
      <c r="Q35" s="315">
        <v>8</v>
      </c>
      <c r="R35" s="315">
        <v>0</v>
      </c>
      <c r="S35" s="315">
        <v>0</v>
      </c>
      <c r="T35" s="315">
        <v>0</v>
      </c>
      <c r="U35" s="315">
        <v>0</v>
      </c>
      <c r="V35" s="312">
        <v>8</v>
      </c>
      <c r="W35" s="317">
        <v>8</v>
      </c>
    </row>
    <row r="36" spans="1:23" ht="21" customHeight="1" x14ac:dyDescent="0.2">
      <c r="A36" s="291" t="s">
        <v>34</v>
      </c>
      <c r="B36" s="315">
        <v>0</v>
      </c>
      <c r="C36" s="315">
        <v>0</v>
      </c>
      <c r="D36" s="312">
        <v>0</v>
      </c>
      <c r="E36" s="314">
        <v>0</v>
      </c>
      <c r="F36" s="315">
        <v>160</v>
      </c>
      <c r="G36" s="315">
        <v>30</v>
      </c>
      <c r="H36" s="315">
        <v>0</v>
      </c>
      <c r="I36" s="315">
        <v>6</v>
      </c>
      <c r="J36" s="315">
        <v>26</v>
      </c>
      <c r="K36" s="312">
        <v>222</v>
      </c>
      <c r="L36" s="317">
        <v>222</v>
      </c>
      <c r="M36" s="315">
        <v>0</v>
      </c>
      <c r="N36" s="315">
        <v>0</v>
      </c>
      <c r="O36" s="312">
        <v>0</v>
      </c>
      <c r="P36" s="314">
        <v>0</v>
      </c>
      <c r="Q36" s="315">
        <v>0</v>
      </c>
      <c r="R36" s="315">
        <v>0</v>
      </c>
      <c r="S36" s="315">
        <v>0</v>
      </c>
      <c r="T36" s="315">
        <v>7</v>
      </c>
      <c r="U36" s="315">
        <v>0</v>
      </c>
      <c r="V36" s="312">
        <v>7</v>
      </c>
      <c r="W36" s="317">
        <v>7</v>
      </c>
    </row>
    <row r="37" spans="1:23" ht="21" customHeight="1" x14ac:dyDescent="0.2">
      <c r="A37" s="291" t="s">
        <v>35</v>
      </c>
      <c r="B37" s="315">
        <v>0</v>
      </c>
      <c r="C37" s="315">
        <v>0</v>
      </c>
      <c r="D37" s="312">
        <v>0</v>
      </c>
      <c r="E37" s="314">
        <v>0</v>
      </c>
      <c r="F37" s="315">
        <v>216</v>
      </c>
      <c r="G37" s="315">
        <v>217</v>
      </c>
      <c r="H37" s="315">
        <v>160</v>
      </c>
      <c r="I37" s="315">
        <v>248</v>
      </c>
      <c r="J37" s="315">
        <v>20</v>
      </c>
      <c r="K37" s="312">
        <v>861</v>
      </c>
      <c r="L37" s="317">
        <v>861</v>
      </c>
      <c r="M37" s="315">
        <v>0</v>
      </c>
      <c r="N37" s="315">
        <v>0</v>
      </c>
      <c r="O37" s="312">
        <v>0</v>
      </c>
      <c r="P37" s="314">
        <v>0</v>
      </c>
      <c r="Q37" s="315">
        <v>0</v>
      </c>
      <c r="R37" s="315">
        <v>0</v>
      </c>
      <c r="S37" s="315">
        <v>0</v>
      </c>
      <c r="T37" s="315">
        <v>0</v>
      </c>
      <c r="U37" s="315">
        <v>0</v>
      </c>
      <c r="V37" s="312">
        <v>0</v>
      </c>
      <c r="W37" s="317">
        <v>0</v>
      </c>
    </row>
    <row r="38" spans="1:23" ht="21" customHeight="1" x14ac:dyDescent="0.2">
      <c r="A38" s="291" t="s">
        <v>36</v>
      </c>
      <c r="B38" s="315">
        <v>0</v>
      </c>
      <c r="C38" s="315">
        <v>0</v>
      </c>
      <c r="D38" s="312">
        <v>0</v>
      </c>
      <c r="E38" s="314">
        <v>0</v>
      </c>
      <c r="F38" s="315">
        <v>372</v>
      </c>
      <c r="G38" s="315">
        <v>550</v>
      </c>
      <c r="H38" s="315">
        <v>418</v>
      </c>
      <c r="I38" s="315">
        <v>257</v>
      </c>
      <c r="J38" s="315">
        <v>243</v>
      </c>
      <c r="K38" s="312">
        <v>1840</v>
      </c>
      <c r="L38" s="317">
        <v>1840</v>
      </c>
      <c r="M38" s="315">
        <v>0</v>
      </c>
      <c r="N38" s="315">
        <v>0</v>
      </c>
      <c r="O38" s="312">
        <v>0</v>
      </c>
      <c r="P38" s="314">
        <v>0</v>
      </c>
      <c r="Q38" s="315">
        <v>0</v>
      </c>
      <c r="R38" s="315">
        <v>0</v>
      </c>
      <c r="S38" s="315">
        <v>0</v>
      </c>
      <c r="T38" s="315">
        <v>0</v>
      </c>
      <c r="U38" s="315">
        <v>0</v>
      </c>
      <c r="V38" s="312">
        <v>0</v>
      </c>
      <c r="W38" s="317">
        <v>0</v>
      </c>
    </row>
    <row r="39" spans="1:23" ht="21" customHeight="1" thickBot="1" x14ac:dyDescent="0.25">
      <c r="A39" s="292" t="s">
        <v>37</v>
      </c>
      <c r="B39" s="322">
        <v>0</v>
      </c>
      <c r="C39" s="322">
        <v>0</v>
      </c>
      <c r="D39" s="319">
        <v>0</v>
      </c>
      <c r="E39" s="321">
        <v>0</v>
      </c>
      <c r="F39" s="322">
        <v>114</v>
      </c>
      <c r="G39" s="322">
        <v>103</v>
      </c>
      <c r="H39" s="322">
        <v>39</v>
      </c>
      <c r="I39" s="322">
        <v>0</v>
      </c>
      <c r="J39" s="322">
        <v>13</v>
      </c>
      <c r="K39" s="319">
        <v>269</v>
      </c>
      <c r="L39" s="324">
        <v>269</v>
      </c>
      <c r="M39" s="322">
        <v>0</v>
      </c>
      <c r="N39" s="322">
        <v>0</v>
      </c>
      <c r="O39" s="319">
        <v>0</v>
      </c>
      <c r="P39" s="321">
        <v>0</v>
      </c>
      <c r="Q39" s="322">
        <v>3</v>
      </c>
      <c r="R39" s="322">
        <v>0</v>
      </c>
      <c r="S39" s="322">
        <v>21</v>
      </c>
      <c r="T39" s="322">
        <v>0</v>
      </c>
      <c r="U39" s="322">
        <v>0</v>
      </c>
      <c r="V39" s="319">
        <v>24</v>
      </c>
      <c r="W39" s="324">
        <v>24</v>
      </c>
    </row>
  </sheetData>
  <mergeCells count="11">
    <mergeCell ref="A3:A5"/>
    <mergeCell ref="B3:L3"/>
    <mergeCell ref="B4:D4"/>
    <mergeCell ref="E4:K4"/>
    <mergeCell ref="L4:L5"/>
    <mergeCell ref="M3:W3"/>
    <mergeCell ref="M4:O4"/>
    <mergeCell ref="P4:V4"/>
    <mergeCell ref="W4:W5"/>
    <mergeCell ref="G1:H1"/>
    <mergeCell ref="J1:K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 style="290" customWidth="1"/>
    <col min="5" max="5" width="7.77734375" style="290" customWidth="1"/>
    <col min="6" max="6" width="10.77734375" style="290" customWidth="1"/>
    <col min="7" max="15" width="9" style="290"/>
    <col min="16" max="16" width="7.6640625" style="290" customWidth="1"/>
    <col min="17" max="16384" width="9" style="290"/>
  </cols>
  <sheetData>
    <row r="1" spans="1:23" ht="17.25" customHeight="1" x14ac:dyDescent="0.2">
      <c r="A1" s="325" t="s">
        <v>125</v>
      </c>
      <c r="G1" s="522">
        <f>第１表!F2</f>
        <v>4</v>
      </c>
      <c r="H1" s="522"/>
      <c r="I1" s="282">
        <f>第１表!G2</f>
        <v>3</v>
      </c>
      <c r="J1" s="523">
        <f>IF(I1&lt;3,I1+12-2,I1-2)</f>
        <v>1</v>
      </c>
      <c r="K1" s="523"/>
    </row>
    <row r="2" spans="1:23" ht="21" customHeight="1" thickBot="1" x14ac:dyDescent="0.25">
      <c r="A2" s="325" t="s">
        <v>135</v>
      </c>
    </row>
    <row r="3" spans="1:23" ht="18.75" customHeight="1" x14ac:dyDescent="0.2">
      <c r="A3" s="526"/>
      <c r="B3" s="527" t="s">
        <v>143</v>
      </c>
      <c r="C3" s="527"/>
      <c r="D3" s="527"/>
      <c r="E3" s="527"/>
      <c r="F3" s="527"/>
      <c r="G3" s="527"/>
      <c r="H3" s="527"/>
      <c r="I3" s="527"/>
      <c r="J3" s="527"/>
      <c r="K3" s="527"/>
      <c r="L3" s="559"/>
      <c r="M3" s="527" t="s">
        <v>113</v>
      </c>
      <c r="N3" s="527"/>
      <c r="O3" s="527"/>
      <c r="P3" s="527"/>
      <c r="Q3" s="527"/>
      <c r="R3" s="527"/>
      <c r="S3" s="527"/>
      <c r="T3" s="527"/>
      <c r="U3" s="527"/>
      <c r="V3" s="527"/>
      <c r="W3" s="559"/>
    </row>
    <row r="4" spans="1:23" ht="18.75" customHeight="1" x14ac:dyDescent="0.2">
      <c r="A4" s="565"/>
      <c r="B4" s="560" t="s">
        <v>61</v>
      </c>
      <c r="C4" s="560"/>
      <c r="D4" s="561"/>
      <c r="E4" s="562" t="s">
        <v>62</v>
      </c>
      <c r="F4" s="560"/>
      <c r="G4" s="560"/>
      <c r="H4" s="560"/>
      <c r="I4" s="560"/>
      <c r="J4" s="560"/>
      <c r="K4" s="563"/>
      <c r="L4" s="564" t="s">
        <v>52</v>
      </c>
      <c r="M4" s="560" t="s">
        <v>61</v>
      </c>
      <c r="N4" s="560"/>
      <c r="O4" s="561"/>
      <c r="P4" s="562" t="s">
        <v>62</v>
      </c>
      <c r="Q4" s="560"/>
      <c r="R4" s="560"/>
      <c r="S4" s="560"/>
      <c r="T4" s="560"/>
      <c r="U4" s="560"/>
      <c r="V4" s="563"/>
      <c r="W4" s="564" t="s">
        <v>52</v>
      </c>
    </row>
    <row r="5" spans="1:23" ht="27" thickBot="1" x14ac:dyDescent="0.25">
      <c r="A5" s="566"/>
      <c r="B5" s="294" t="s">
        <v>43</v>
      </c>
      <c r="C5" s="294" t="s">
        <v>44</v>
      </c>
      <c r="D5" s="300" t="s">
        <v>45</v>
      </c>
      <c r="E5" s="302" t="s">
        <v>83</v>
      </c>
      <c r="F5" s="294" t="s">
        <v>47</v>
      </c>
      <c r="G5" s="294" t="s">
        <v>48</v>
      </c>
      <c r="H5" s="294" t="s">
        <v>49</v>
      </c>
      <c r="I5" s="294" t="s">
        <v>50</v>
      </c>
      <c r="J5" s="294" t="s">
        <v>51</v>
      </c>
      <c r="K5" s="300" t="s">
        <v>45</v>
      </c>
      <c r="L5" s="525"/>
      <c r="M5" s="294" t="s">
        <v>43</v>
      </c>
      <c r="N5" s="294" t="s">
        <v>44</v>
      </c>
      <c r="O5" s="300" t="s">
        <v>45</v>
      </c>
      <c r="P5" s="302" t="s">
        <v>83</v>
      </c>
      <c r="Q5" s="294" t="s">
        <v>47</v>
      </c>
      <c r="R5" s="294" t="s">
        <v>48</v>
      </c>
      <c r="S5" s="294" t="s">
        <v>49</v>
      </c>
      <c r="T5" s="294" t="s">
        <v>50</v>
      </c>
      <c r="U5" s="294" t="s">
        <v>51</v>
      </c>
      <c r="V5" s="300" t="s">
        <v>45</v>
      </c>
      <c r="W5" s="525"/>
    </row>
    <row r="6" spans="1:23" ht="21" customHeight="1" x14ac:dyDescent="0.2">
      <c r="A6" s="293" t="s">
        <v>4</v>
      </c>
      <c r="B6" s="308">
        <v>0</v>
      </c>
      <c r="C6" s="308">
        <v>0</v>
      </c>
      <c r="D6" s="305">
        <v>0</v>
      </c>
      <c r="E6" s="307">
        <v>0</v>
      </c>
      <c r="F6" s="308">
        <v>6514</v>
      </c>
      <c r="G6" s="308">
        <v>5279</v>
      </c>
      <c r="H6" s="308">
        <v>3201</v>
      </c>
      <c r="I6" s="308">
        <v>1601</v>
      </c>
      <c r="J6" s="308">
        <v>572</v>
      </c>
      <c r="K6" s="305">
        <v>17167</v>
      </c>
      <c r="L6" s="310">
        <v>17167</v>
      </c>
      <c r="M6" s="308">
        <v>11</v>
      </c>
      <c r="N6" s="308">
        <v>11</v>
      </c>
      <c r="O6" s="305">
        <v>22</v>
      </c>
      <c r="P6" s="307">
        <v>0</v>
      </c>
      <c r="Q6" s="308">
        <v>559</v>
      </c>
      <c r="R6" s="308">
        <v>661</v>
      </c>
      <c r="S6" s="308">
        <v>674</v>
      </c>
      <c r="T6" s="308">
        <v>307</v>
      </c>
      <c r="U6" s="308">
        <v>172</v>
      </c>
      <c r="V6" s="305">
        <v>2373</v>
      </c>
      <c r="W6" s="310">
        <v>2395</v>
      </c>
    </row>
    <row r="7" spans="1:23" ht="21" customHeight="1" x14ac:dyDescent="0.2">
      <c r="A7" s="291" t="s">
        <v>5</v>
      </c>
      <c r="B7" s="315">
        <v>0</v>
      </c>
      <c r="C7" s="315">
        <v>0</v>
      </c>
      <c r="D7" s="312">
        <v>0</v>
      </c>
      <c r="E7" s="314">
        <v>0</v>
      </c>
      <c r="F7" s="315">
        <v>2290</v>
      </c>
      <c r="G7" s="315">
        <v>2380</v>
      </c>
      <c r="H7" s="315">
        <v>1602</v>
      </c>
      <c r="I7" s="315">
        <v>796</v>
      </c>
      <c r="J7" s="315">
        <v>342</v>
      </c>
      <c r="K7" s="312">
        <v>7410</v>
      </c>
      <c r="L7" s="317">
        <v>7410</v>
      </c>
      <c r="M7" s="315">
        <v>4</v>
      </c>
      <c r="N7" s="315">
        <v>11</v>
      </c>
      <c r="O7" s="312">
        <v>15</v>
      </c>
      <c r="P7" s="314">
        <v>0</v>
      </c>
      <c r="Q7" s="315">
        <v>220</v>
      </c>
      <c r="R7" s="315">
        <v>351</v>
      </c>
      <c r="S7" s="315">
        <v>321</v>
      </c>
      <c r="T7" s="315">
        <v>209</v>
      </c>
      <c r="U7" s="315">
        <v>110</v>
      </c>
      <c r="V7" s="312">
        <v>1211</v>
      </c>
      <c r="W7" s="317">
        <v>1226</v>
      </c>
    </row>
    <row r="8" spans="1:23" ht="21" customHeight="1" x14ac:dyDescent="0.2">
      <c r="A8" s="291" t="s">
        <v>6</v>
      </c>
      <c r="B8" s="315">
        <v>0</v>
      </c>
      <c r="C8" s="315">
        <v>0</v>
      </c>
      <c r="D8" s="312">
        <v>0</v>
      </c>
      <c r="E8" s="314">
        <v>0</v>
      </c>
      <c r="F8" s="315">
        <v>851</v>
      </c>
      <c r="G8" s="315">
        <v>567</v>
      </c>
      <c r="H8" s="315">
        <v>310</v>
      </c>
      <c r="I8" s="315">
        <v>254</v>
      </c>
      <c r="J8" s="315">
        <v>44</v>
      </c>
      <c r="K8" s="312">
        <v>2026</v>
      </c>
      <c r="L8" s="317">
        <v>2026</v>
      </c>
      <c r="M8" s="315">
        <v>0</v>
      </c>
      <c r="N8" s="315">
        <v>0</v>
      </c>
      <c r="O8" s="312">
        <v>0</v>
      </c>
      <c r="P8" s="314">
        <v>0</v>
      </c>
      <c r="Q8" s="315">
        <v>126</v>
      </c>
      <c r="R8" s="315">
        <v>115</v>
      </c>
      <c r="S8" s="315">
        <v>161</v>
      </c>
      <c r="T8" s="315">
        <v>48</v>
      </c>
      <c r="U8" s="315">
        <v>35</v>
      </c>
      <c r="V8" s="312">
        <v>485</v>
      </c>
      <c r="W8" s="317">
        <v>485</v>
      </c>
    </row>
    <row r="9" spans="1:23" ht="21" customHeight="1" x14ac:dyDescent="0.2">
      <c r="A9" s="291" t="s">
        <v>14</v>
      </c>
      <c r="B9" s="315">
        <v>0</v>
      </c>
      <c r="C9" s="315">
        <v>0</v>
      </c>
      <c r="D9" s="312">
        <v>0</v>
      </c>
      <c r="E9" s="314">
        <v>0</v>
      </c>
      <c r="F9" s="315">
        <v>559</v>
      </c>
      <c r="G9" s="315">
        <v>430</v>
      </c>
      <c r="H9" s="315">
        <v>328</v>
      </c>
      <c r="I9" s="315">
        <v>88</v>
      </c>
      <c r="J9" s="315">
        <v>21</v>
      </c>
      <c r="K9" s="312">
        <v>1426</v>
      </c>
      <c r="L9" s="317">
        <v>1426</v>
      </c>
      <c r="M9" s="315">
        <v>0</v>
      </c>
      <c r="N9" s="315">
        <v>0</v>
      </c>
      <c r="O9" s="312">
        <v>0</v>
      </c>
      <c r="P9" s="314">
        <v>0</v>
      </c>
      <c r="Q9" s="315">
        <v>7</v>
      </c>
      <c r="R9" s="315">
        <v>8</v>
      </c>
      <c r="S9" s="315">
        <v>6</v>
      </c>
      <c r="T9" s="315">
        <v>15</v>
      </c>
      <c r="U9" s="315">
        <v>21</v>
      </c>
      <c r="V9" s="312">
        <v>57</v>
      </c>
      <c r="W9" s="317">
        <v>57</v>
      </c>
    </row>
    <row r="10" spans="1:23" ht="21" customHeight="1" x14ac:dyDescent="0.2">
      <c r="A10" s="291" t="s">
        <v>7</v>
      </c>
      <c r="B10" s="315">
        <v>0</v>
      </c>
      <c r="C10" s="315">
        <v>0</v>
      </c>
      <c r="D10" s="312">
        <v>0</v>
      </c>
      <c r="E10" s="314">
        <v>0</v>
      </c>
      <c r="F10" s="315">
        <v>582</v>
      </c>
      <c r="G10" s="315">
        <v>301</v>
      </c>
      <c r="H10" s="315">
        <v>111</v>
      </c>
      <c r="I10" s="315">
        <v>50</v>
      </c>
      <c r="J10" s="315">
        <v>7</v>
      </c>
      <c r="K10" s="312">
        <v>1051</v>
      </c>
      <c r="L10" s="317">
        <v>1051</v>
      </c>
      <c r="M10" s="315">
        <v>0</v>
      </c>
      <c r="N10" s="315">
        <v>0</v>
      </c>
      <c r="O10" s="312">
        <v>0</v>
      </c>
      <c r="P10" s="314">
        <v>0</v>
      </c>
      <c r="Q10" s="315">
        <v>71</v>
      </c>
      <c r="R10" s="315">
        <v>72</v>
      </c>
      <c r="S10" s="315">
        <v>52</v>
      </c>
      <c r="T10" s="315">
        <v>8</v>
      </c>
      <c r="U10" s="315">
        <v>0</v>
      </c>
      <c r="V10" s="312">
        <v>203</v>
      </c>
      <c r="W10" s="317">
        <v>203</v>
      </c>
    </row>
    <row r="11" spans="1:23" ht="21" customHeight="1" x14ac:dyDescent="0.2">
      <c r="A11" s="291" t="s">
        <v>8</v>
      </c>
      <c r="B11" s="315">
        <v>0</v>
      </c>
      <c r="C11" s="315">
        <v>0</v>
      </c>
      <c r="D11" s="312">
        <v>0</v>
      </c>
      <c r="E11" s="314">
        <v>0</v>
      </c>
      <c r="F11" s="315">
        <v>264</v>
      </c>
      <c r="G11" s="315">
        <v>226</v>
      </c>
      <c r="H11" s="315">
        <v>76</v>
      </c>
      <c r="I11" s="315">
        <v>40</v>
      </c>
      <c r="J11" s="315">
        <v>6</v>
      </c>
      <c r="K11" s="312">
        <v>612</v>
      </c>
      <c r="L11" s="317">
        <v>612</v>
      </c>
      <c r="M11" s="315">
        <v>0</v>
      </c>
      <c r="N11" s="315">
        <v>0</v>
      </c>
      <c r="O11" s="312">
        <v>0</v>
      </c>
      <c r="P11" s="314">
        <v>0</v>
      </c>
      <c r="Q11" s="315">
        <v>4</v>
      </c>
      <c r="R11" s="315">
        <v>0</v>
      </c>
      <c r="S11" s="315">
        <v>0</v>
      </c>
      <c r="T11" s="315">
        <v>0</v>
      </c>
      <c r="U11" s="315">
        <v>0</v>
      </c>
      <c r="V11" s="312">
        <v>4</v>
      </c>
      <c r="W11" s="317">
        <v>4</v>
      </c>
    </row>
    <row r="12" spans="1:23" ht="21" customHeight="1" x14ac:dyDescent="0.2">
      <c r="A12" s="291" t="s">
        <v>9</v>
      </c>
      <c r="B12" s="315">
        <v>0</v>
      </c>
      <c r="C12" s="315">
        <v>0</v>
      </c>
      <c r="D12" s="312">
        <v>0</v>
      </c>
      <c r="E12" s="314">
        <v>0</v>
      </c>
      <c r="F12" s="315">
        <v>266</v>
      </c>
      <c r="G12" s="315">
        <v>183</v>
      </c>
      <c r="H12" s="315">
        <v>134</v>
      </c>
      <c r="I12" s="315">
        <v>96</v>
      </c>
      <c r="J12" s="315">
        <v>0</v>
      </c>
      <c r="K12" s="312">
        <v>679</v>
      </c>
      <c r="L12" s="317">
        <v>679</v>
      </c>
      <c r="M12" s="315">
        <v>0</v>
      </c>
      <c r="N12" s="315">
        <v>0</v>
      </c>
      <c r="O12" s="312">
        <v>0</v>
      </c>
      <c r="P12" s="314">
        <v>0</v>
      </c>
      <c r="Q12" s="315">
        <v>5</v>
      </c>
      <c r="R12" s="315">
        <v>4</v>
      </c>
      <c r="S12" s="315">
        <v>15</v>
      </c>
      <c r="T12" s="315">
        <v>0</v>
      </c>
      <c r="U12" s="315">
        <v>0</v>
      </c>
      <c r="V12" s="312">
        <v>24</v>
      </c>
      <c r="W12" s="317">
        <v>24</v>
      </c>
    </row>
    <row r="13" spans="1:23" ht="21" customHeight="1" x14ac:dyDescent="0.2">
      <c r="A13" s="291" t="s">
        <v>10</v>
      </c>
      <c r="B13" s="315">
        <v>0</v>
      </c>
      <c r="C13" s="315">
        <v>0</v>
      </c>
      <c r="D13" s="312">
        <v>0</v>
      </c>
      <c r="E13" s="314">
        <v>0</v>
      </c>
      <c r="F13" s="315">
        <v>329</v>
      </c>
      <c r="G13" s="315">
        <v>172</v>
      </c>
      <c r="H13" s="315">
        <v>86</v>
      </c>
      <c r="I13" s="315">
        <v>13</v>
      </c>
      <c r="J13" s="315">
        <v>15</v>
      </c>
      <c r="K13" s="312">
        <v>615</v>
      </c>
      <c r="L13" s="317">
        <v>615</v>
      </c>
      <c r="M13" s="315">
        <v>0</v>
      </c>
      <c r="N13" s="315">
        <v>0</v>
      </c>
      <c r="O13" s="312">
        <v>0</v>
      </c>
      <c r="P13" s="314">
        <v>0</v>
      </c>
      <c r="Q13" s="315">
        <v>15</v>
      </c>
      <c r="R13" s="315">
        <v>21</v>
      </c>
      <c r="S13" s="315">
        <v>5</v>
      </c>
      <c r="T13" s="315">
        <v>5</v>
      </c>
      <c r="U13" s="315">
        <v>0</v>
      </c>
      <c r="V13" s="312">
        <v>46</v>
      </c>
      <c r="W13" s="317">
        <v>46</v>
      </c>
    </row>
    <row r="14" spans="1:23" ht="21" customHeight="1" x14ac:dyDescent="0.2">
      <c r="A14" s="291" t="s">
        <v>11</v>
      </c>
      <c r="B14" s="315">
        <v>0</v>
      </c>
      <c r="C14" s="315">
        <v>0</v>
      </c>
      <c r="D14" s="312">
        <v>0</v>
      </c>
      <c r="E14" s="314">
        <v>0</v>
      </c>
      <c r="F14" s="315">
        <v>244</v>
      </c>
      <c r="G14" s="315">
        <v>47</v>
      </c>
      <c r="H14" s="315">
        <v>151</v>
      </c>
      <c r="I14" s="315">
        <v>25</v>
      </c>
      <c r="J14" s="315">
        <v>25</v>
      </c>
      <c r="K14" s="312">
        <v>492</v>
      </c>
      <c r="L14" s="317">
        <v>492</v>
      </c>
      <c r="M14" s="315">
        <v>0</v>
      </c>
      <c r="N14" s="315">
        <v>0</v>
      </c>
      <c r="O14" s="312">
        <v>0</v>
      </c>
      <c r="P14" s="314">
        <v>0</v>
      </c>
      <c r="Q14" s="315">
        <v>35</v>
      </c>
      <c r="R14" s="315">
        <v>22</v>
      </c>
      <c r="S14" s="315">
        <v>0</v>
      </c>
      <c r="T14" s="315">
        <v>0</v>
      </c>
      <c r="U14" s="315">
        <v>0</v>
      </c>
      <c r="V14" s="312">
        <v>57</v>
      </c>
      <c r="W14" s="317">
        <v>57</v>
      </c>
    </row>
    <row r="15" spans="1:23" ht="21" customHeight="1" x14ac:dyDescent="0.2">
      <c r="A15" s="291" t="s">
        <v>12</v>
      </c>
      <c r="B15" s="315">
        <v>0</v>
      </c>
      <c r="C15" s="315">
        <v>0</v>
      </c>
      <c r="D15" s="312">
        <v>0</v>
      </c>
      <c r="E15" s="314">
        <v>0</v>
      </c>
      <c r="F15" s="315">
        <v>188</v>
      </c>
      <c r="G15" s="315">
        <v>117</v>
      </c>
      <c r="H15" s="315">
        <v>73</v>
      </c>
      <c r="I15" s="315">
        <v>15</v>
      </c>
      <c r="J15" s="315">
        <v>30</v>
      </c>
      <c r="K15" s="312">
        <v>423</v>
      </c>
      <c r="L15" s="317">
        <v>423</v>
      </c>
      <c r="M15" s="315">
        <v>0</v>
      </c>
      <c r="N15" s="315">
        <v>0</v>
      </c>
      <c r="O15" s="312">
        <v>0</v>
      </c>
      <c r="P15" s="314">
        <v>0</v>
      </c>
      <c r="Q15" s="315">
        <v>0</v>
      </c>
      <c r="R15" s="315">
        <v>0</v>
      </c>
      <c r="S15" s="315">
        <v>0</v>
      </c>
      <c r="T15" s="315">
        <v>0</v>
      </c>
      <c r="U15" s="315">
        <v>0</v>
      </c>
      <c r="V15" s="312">
        <v>0</v>
      </c>
      <c r="W15" s="317">
        <v>0</v>
      </c>
    </row>
    <row r="16" spans="1:23" ht="21" customHeight="1" x14ac:dyDescent="0.2">
      <c r="A16" s="291" t="s">
        <v>13</v>
      </c>
      <c r="B16" s="315">
        <v>0</v>
      </c>
      <c r="C16" s="315">
        <v>0</v>
      </c>
      <c r="D16" s="312">
        <v>0</v>
      </c>
      <c r="E16" s="314">
        <v>0</v>
      </c>
      <c r="F16" s="315">
        <v>71</v>
      </c>
      <c r="G16" s="315">
        <v>46</v>
      </c>
      <c r="H16" s="315">
        <v>20</v>
      </c>
      <c r="I16" s="315">
        <v>11</v>
      </c>
      <c r="J16" s="315">
        <v>8</v>
      </c>
      <c r="K16" s="312">
        <v>156</v>
      </c>
      <c r="L16" s="317">
        <v>156</v>
      </c>
      <c r="M16" s="315">
        <v>0</v>
      </c>
      <c r="N16" s="315">
        <v>0</v>
      </c>
      <c r="O16" s="312">
        <v>0</v>
      </c>
      <c r="P16" s="314">
        <v>0</v>
      </c>
      <c r="Q16" s="315">
        <v>0</v>
      </c>
      <c r="R16" s="315">
        <v>11</v>
      </c>
      <c r="S16" s="315">
        <v>32</v>
      </c>
      <c r="T16" s="315">
        <v>3</v>
      </c>
      <c r="U16" s="315">
        <v>0</v>
      </c>
      <c r="V16" s="312">
        <v>46</v>
      </c>
      <c r="W16" s="317">
        <v>46</v>
      </c>
    </row>
    <row r="17" spans="1:23" ht="21" customHeight="1" x14ac:dyDescent="0.2">
      <c r="A17" s="291" t="s">
        <v>15</v>
      </c>
      <c r="B17" s="315">
        <v>0</v>
      </c>
      <c r="C17" s="315">
        <v>0</v>
      </c>
      <c r="D17" s="312">
        <v>0</v>
      </c>
      <c r="E17" s="314">
        <v>0</v>
      </c>
      <c r="F17" s="315">
        <v>33</v>
      </c>
      <c r="G17" s="315">
        <v>56</v>
      </c>
      <c r="H17" s="315">
        <v>9</v>
      </c>
      <c r="I17" s="315">
        <v>7</v>
      </c>
      <c r="J17" s="315">
        <v>0</v>
      </c>
      <c r="K17" s="312">
        <v>105</v>
      </c>
      <c r="L17" s="317">
        <v>105</v>
      </c>
      <c r="M17" s="315">
        <v>0</v>
      </c>
      <c r="N17" s="315">
        <v>0</v>
      </c>
      <c r="O17" s="312">
        <v>0</v>
      </c>
      <c r="P17" s="314">
        <v>0</v>
      </c>
      <c r="Q17" s="315">
        <v>0</v>
      </c>
      <c r="R17" s="315">
        <v>12</v>
      </c>
      <c r="S17" s="315">
        <v>0</v>
      </c>
      <c r="T17" s="315">
        <v>0</v>
      </c>
      <c r="U17" s="315">
        <v>0</v>
      </c>
      <c r="V17" s="312">
        <v>12</v>
      </c>
      <c r="W17" s="317">
        <v>12</v>
      </c>
    </row>
    <row r="18" spans="1:23" ht="21" customHeight="1" x14ac:dyDescent="0.2">
      <c r="A18" s="291" t="s">
        <v>16</v>
      </c>
      <c r="B18" s="315">
        <v>0</v>
      </c>
      <c r="C18" s="315">
        <v>0</v>
      </c>
      <c r="D18" s="312">
        <v>0</v>
      </c>
      <c r="E18" s="314">
        <v>0</v>
      </c>
      <c r="F18" s="315">
        <v>59</v>
      </c>
      <c r="G18" s="315">
        <v>104</v>
      </c>
      <c r="H18" s="315">
        <v>33</v>
      </c>
      <c r="I18" s="315">
        <v>27</v>
      </c>
      <c r="J18" s="315">
        <v>12</v>
      </c>
      <c r="K18" s="312">
        <v>235</v>
      </c>
      <c r="L18" s="317">
        <v>235</v>
      </c>
      <c r="M18" s="315">
        <v>0</v>
      </c>
      <c r="N18" s="315">
        <v>0</v>
      </c>
      <c r="O18" s="312">
        <v>0</v>
      </c>
      <c r="P18" s="314">
        <v>0</v>
      </c>
      <c r="Q18" s="315">
        <v>24</v>
      </c>
      <c r="R18" s="315">
        <v>0</v>
      </c>
      <c r="S18" s="315">
        <v>12</v>
      </c>
      <c r="T18" s="315">
        <v>0</v>
      </c>
      <c r="U18" s="315">
        <v>0</v>
      </c>
      <c r="V18" s="312">
        <v>36</v>
      </c>
      <c r="W18" s="317">
        <v>36</v>
      </c>
    </row>
    <row r="19" spans="1:23" ht="21" customHeight="1" x14ac:dyDescent="0.2">
      <c r="A19" s="291" t="s">
        <v>17</v>
      </c>
      <c r="B19" s="315">
        <v>0</v>
      </c>
      <c r="C19" s="315">
        <v>0</v>
      </c>
      <c r="D19" s="312">
        <v>0</v>
      </c>
      <c r="E19" s="314">
        <v>0</v>
      </c>
      <c r="F19" s="315">
        <v>138</v>
      </c>
      <c r="G19" s="315">
        <v>68</v>
      </c>
      <c r="H19" s="315">
        <v>98</v>
      </c>
      <c r="I19" s="315">
        <v>28</v>
      </c>
      <c r="J19" s="315">
        <v>2</v>
      </c>
      <c r="K19" s="312">
        <v>334</v>
      </c>
      <c r="L19" s="317">
        <v>334</v>
      </c>
      <c r="M19" s="315">
        <v>0</v>
      </c>
      <c r="N19" s="315">
        <v>0</v>
      </c>
      <c r="O19" s="312">
        <v>0</v>
      </c>
      <c r="P19" s="314">
        <v>0</v>
      </c>
      <c r="Q19" s="315">
        <v>6</v>
      </c>
      <c r="R19" s="315">
        <v>0</v>
      </c>
      <c r="S19" s="315">
        <v>15</v>
      </c>
      <c r="T19" s="315">
        <v>0</v>
      </c>
      <c r="U19" s="315">
        <v>0</v>
      </c>
      <c r="V19" s="312">
        <v>21</v>
      </c>
      <c r="W19" s="317">
        <v>21</v>
      </c>
    </row>
    <row r="20" spans="1:23" ht="21" customHeight="1" x14ac:dyDescent="0.2">
      <c r="A20" s="291" t="s">
        <v>18</v>
      </c>
      <c r="B20" s="315">
        <v>0</v>
      </c>
      <c r="C20" s="315">
        <v>0</v>
      </c>
      <c r="D20" s="312">
        <v>0</v>
      </c>
      <c r="E20" s="314">
        <v>0</v>
      </c>
      <c r="F20" s="315">
        <v>155</v>
      </c>
      <c r="G20" s="315">
        <v>181</v>
      </c>
      <c r="H20" s="315">
        <v>23</v>
      </c>
      <c r="I20" s="315">
        <v>4</v>
      </c>
      <c r="J20" s="315">
        <v>0</v>
      </c>
      <c r="K20" s="312">
        <v>363</v>
      </c>
      <c r="L20" s="317">
        <v>363</v>
      </c>
      <c r="M20" s="315">
        <v>0</v>
      </c>
      <c r="N20" s="315">
        <v>0</v>
      </c>
      <c r="O20" s="312">
        <v>0</v>
      </c>
      <c r="P20" s="314">
        <v>0</v>
      </c>
      <c r="Q20" s="315">
        <v>14</v>
      </c>
      <c r="R20" s="315">
        <v>0</v>
      </c>
      <c r="S20" s="315">
        <v>14</v>
      </c>
      <c r="T20" s="315">
        <v>7</v>
      </c>
      <c r="U20" s="315">
        <v>5</v>
      </c>
      <c r="V20" s="312">
        <v>40</v>
      </c>
      <c r="W20" s="317">
        <v>40</v>
      </c>
    </row>
    <row r="21" spans="1:23" ht="21" customHeight="1" x14ac:dyDescent="0.2">
      <c r="A21" s="291" t="s">
        <v>19</v>
      </c>
      <c r="B21" s="315">
        <v>0</v>
      </c>
      <c r="C21" s="315">
        <v>0</v>
      </c>
      <c r="D21" s="312">
        <v>0</v>
      </c>
      <c r="E21" s="314">
        <v>0</v>
      </c>
      <c r="F21" s="315">
        <v>33</v>
      </c>
      <c r="G21" s="315">
        <v>25</v>
      </c>
      <c r="H21" s="315">
        <v>0</v>
      </c>
      <c r="I21" s="315">
        <v>7</v>
      </c>
      <c r="J21" s="315">
        <v>0</v>
      </c>
      <c r="K21" s="312">
        <v>65</v>
      </c>
      <c r="L21" s="317">
        <v>65</v>
      </c>
      <c r="M21" s="315">
        <v>0</v>
      </c>
      <c r="N21" s="315">
        <v>0</v>
      </c>
      <c r="O21" s="312">
        <v>0</v>
      </c>
      <c r="P21" s="314">
        <v>0</v>
      </c>
      <c r="Q21" s="315">
        <v>0</v>
      </c>
      <c r="R21" s="315">
        <v>35</v>
      </c>
      <c r="S21" s="315">
        <v>0</v>
      </c>
      <c r="T21" s="315">
        <v>0</v>
      </c>
      <c r="U21" s="315">
        <v>0</v>
      </c>
      <c r="V21" s="312">
        <v>35</v>
      </c>
      <c r="W21" s="317">
        <v>35</v>
      </c>
    </row>
    <row r="22" spans="1:23" ht="21" customHeight="1" x14ac:dyDescent="0.2">
      <c r="A22" s="291" t="s">
        <v>20</v>
      </c>
      <c r="B22" s="315">
        <v>0</v>
      </c>
      <c r="C22" s="315">
        <v>0</v>
      </c>
      <c r="D22" s="312">
        <v>0</v>
      </c>
      <c r="E22" s="314">
        <v>0</v>
      </c>
      <c r="F22" s="315">
        <v>117</v>
      </c>
      <c r="G22" s="315">
        <v>77</v>
      </c>
      <c r="H22" s="315">
        <v>24</v>
      </c>
      <c r="I22" s="315">
        <v>0</v>
      </c>
      <c r="J22" s="315">
        <v>0</v>
      </c>
      <c r="K22" s="312">
        <v>218</v>
      </c>
      <c r="L22" s="317">
        <v>218</v>
      </c>
      <c r="M22" s="315">
        <v>0</v>
      </c>
      <c r="N22" s="315">
        <v>0</v>
      </c>
      <c r="O22" s="312">
        <v>0</v>
      </c>
      <c r="P22" s="314">
        <v>0</v>
      </c>
      <c r="Q22" s="315">
        <v>0</v>
      </c>
      <c r="R22" s="315">
        <v>0</v>
      </c>
      <c r="S22" s="315">
        <v>12</v>
      </c>
      <c r="T22" s="315">
        <v>0</v>
      </c>
      <c r="U22" s="315">
        <v>0</v>
      </c>
      <c r="V22" s="312">
        <v>12</v>
      </c>
      <c r="W22" s="317">
        <v>12</v>
      </c>
    </row>
    <row r="23" spans="1:23" ht="21" customHeight="1" x14ac:dyDescent="0.2">
      <c r="A23" s="291" t="s">
        <v>21</v>
      </c>
      <c r="B23" s="315">
        <v>0</v>
      </c>
      <c r="C23" s="315">
        <v>0</v>
      </c>
      <c r="D23" s="312">
        <v>0</v>
      </c>
      <c r="E23" s="314">
        <v>0</v>
      </c>
      <c r="F23" s="315">
        <v>53</v>
      </c>
      <c r="G23" s="315">
        <v>103</v>
      </c>
      <c r="H23" s="315">
        <v>52</v>
      </c>
      <c r="I23" s="315">
        <v>40</v>
      </c>
      <c r="J23" s="315">
        <v>21</v>
      </c>
      <c r="K23" s="312">
        <v>269</v>
      </c>
      <c r="L23" s="317">
        <v>269</v>
      </c>
      <c r="M23" s="315">
        <v>0</v>
      </c>
      <c r="N23" s="315">
        <v>0</v>
      </c>
      <c r="O23" s="312">
        <v>0</v>
      </c>
      <c r="P23" s="314">
        <v>0</v>
      </c>
      <c r="Q23" s="315">
        <v>0</v>
      </c>
      <c r="R23" s="315">
        <v>0</v>
      </c>
      <c r="S23" s="315">
        <v>0</v>
      </c>
      <c r="T23" s="315">
        <v>0</v>
      </c>
      <c r="U23" s="315">
        <v>0</v>
      </c>
      <c r="V23" s="312">
        <v>0</v>
      </c>
      <c r="W23" s="317">
        <v>0</v>
      </c>
    </row>
    <row r="24" spans="1:23" ht="21" customHeight="1" x14ac:dyDescent="0.2">
      <c r="A24" s="291" t="s">
        <v>22</v>
      </c>
      <c r="B24" s="315">
        <v>0</v>
      </c>
      <c r="C24" s="315">
        <v>0</v>
      </c>
      <c r="D24" s="312">
        <v>0</v>
      </c>
      <c r="E24" s="314">
        <v>0</v>
      </c>
      <c r="F24" s="315">
        <v>26</v>
      </c>
      <c r="G24" s="315">
        <v>22</v>
      </c>
      <c r="H24" s="315">
        <v>10</v>
      </c>
      <c r="I24" s="315">
        <v>13</v>
      </c>
      <c r="J24" s="315">
        <v>0</v>
      </c>
      <c r="K24" s="312">
        <v>71</v>
      </c>
      <c r="L24" s="317">
        <v>71</v>
      </c>
      <c r="M24" s="315">
        <v>0</v>
      </c>
      <c r="N24" s="315">
        <v>0</v>
      </c>
      <c r="O24" s="312">
        <v>0</v>
      </c>
      <c r="P24" s="314">
        <v>0</v>
      </c>
      <c r="Q24" s="315">
        <v>12</v>
      </c>
      <c r="R24" s="315">
        <v>0</v>
      </c>
      <c r="S24" s="315">
        <v>6</v>
      </c>
      <c r="T24" s="315">
        <v>12</v>
      </c>
      <c r="U24" s="315">
        <v>0</v>
      </c>
      <c r="V24" s="312">
        <v>30</v>
      </c>
      <c r="W24" s="317">
        <v>30</v>
      </c>
    </row>
    <row r="25" spans="1:23" ht="21" customHeight="1" x14ac:dyDescent="0.2">
      <c r="A25" s="291" t="s">
        <v>23</v>
      </c>
      <c r="B25" s="315">
        <v>0</v>
      </c>
      <c r="C25" s="315">
        <v>0</v>
      </c>
      <c r="D25" s="312">
        <v>0</v>
      </c>
      <c r="E25" s="314">
        <v>0</v>
      </c>
      <c r="F25" s="315">
        <v>36</v>
      </c>
      <c r="G25" s="315">
        <v>15</v>
      </c>
      <c r="H25" s="315">
        <v>0</v>
      </c>
      <c r="I25" s="315">
        <v>37</v>
      </c>
      <c r="J25" s="315">
        <v>0</v>
      </c>
      <c r="K25" s="312">
        <v>88</v>
      </c>
      <c r="L25" s="317">
        <v>88</v>
      </c>
      <c r="M25" s="315">
        <v>0</v>
      </c>
      <c r="N25" s="315">
        <v>0</v>
      </c>
      <c r="O25" s="312">
        <v>0</v>
      </c>
      <c r="P25" s="314">
        <v>0</v>
      </c>
      <c r="Q25" s="315">
        <v>0</v>
      </c>
      <c r="R25" s="315">
        <v>0</v>
      </c>
      <c r="S25" s="315">
        <v>0</v>
      </c>
      <c r="T25" s="315">
        <v>0</v>
      </c>
      <c r="U25" s="315">
        <v>0</v>
      </c>
      <c r="V25" s="312">
        <v>0</v>
      </c>
      <c r="W25" s="317">
        <v>0</v>
      </c>
    </row>
    <row r="26" spans="1:23" ht="21" customHeight="1" x14ac:dyDescent="0.2">
      <c r="A26" s="291" t="s">
        <v>24</v>
      </c>
      <c r="B26" s="315">
        <v>0</v>
      </c>
      <c r="C26" s="315">
        <v>0</v>
      </c>
      <c r="D26" s="312">
        <v>0</v>
      </c>
      <c r="E26" s="314">
        <v>0</v>
      </c>
      <c r="F26" s="315">
        <v>33</v>
      </c>
      <c r="G26" s="315">
        <v>1</v>
      </c>
      <c r="H26" s="315">
        <v>31</v>
      </c>
      <c r="I26" s="315">
        <v>34</v>
      </c>
      <c r="J26" s="315">
        <v>0</v>
      </c>
      <c r="K26" s="312">
        <v>99</v>
      </c>
      <c r="L26" s="317">
        <v>99</v>
      </c>
      <c r="M26" s="315">
        <v>0</v>
      </c>
      <c r="N26" s="315">
        <v>0</v>
      </c>
      <c r="O26" s="312">
        <v>0</v>
      </c>
      <c r="P26" s="314">
        <v>0</v>
      </c>
      <c r="Q26" s="315">
        <v>0</v>
      </c>
      <c r="R26" s="315">
        <v>0</v>
      </c>
      <c r="S26" s="315">
        <v>12</v>
      </c>
      <c r="T26" s="315">
        <v>0</v>
      </c>
      <c r="U26" s="315">
        <v>0</v>
      </c>
      <c r="V26" s="312">
        <v>12</v>
      </c>
      <c r="W26" s="317">
        <v>12</v>
      </c>
    </row>
    <row r="27" spans="1:23" ht="21" customHeight="1" x14ac:dyDescent="0.2">
      <c r="A27" s="291" t="s">
        <v>25</v>
      </c>
      <c r="B27" s="315">
        <v>0</v>
      </c>
      <c r="C27" s="315">
        <v>0</v>
      </c>
      <c r="D27" s="312">
        <v>0</v>
      </c>
      <c r="E27" s="314">
        <v>0</v>
      </c>
      <c r="F27" s="315">
        <v>48</v>
      </c>
      <c r="G27" s="315">
        <v>8</v>
      </c>
      <c r="H27" s="315">
        <v>0</v>
      </c>
      <c r="I27" s="315">
        <v>8</v>
      </c>
      <c r="J27" s="315">
        <v>0</v>
      </c>
      <c r="K27" s="312">
        <v>64</v>
      </c>
      <c r="L27" s="317">
        <v>64</v>
      </c>
      <c r="M27" s="315">
        <v>0</v>
      </c>
      <c r="N27" s="315">
        <v>0</v>
      </c>
      <c r="O27" s="312">
        <v>0</v>
      </c>
      <c r="P27" s="314">
        <v>0</v>
      </c>
      <c r="Q27" s="315">
        <v>0</v>
      </c>
      <c r="R27" s="315">
        <v>0</v>
      </c>
      <c r="S27" s="315">
        <v>0</v>
      </c>
      <c r="T27" s="315">
        <v>0</v>
      </c>
      <c r="U27" s="315">
        <v>0</v>
      </c>
      <c r="V27" s="312">
        <v>0</v>
      </c>
      <c r="W27" s="317">
        <v>0</v>
      </c>
    </row>
    <row r="28" spans="1:23" ht="21" customHeight="1" x14ac:dyDescent="0.2">
      <c r="A28" s="291" t="s">
        <v>26</v>
      </c>
      <c r="B28" s="315">
        <v>0</v>
      </c>
      <c r="C28" s="315">
        <v>0</v>
      </c>
      <c r="D28" s="312">
        <v>0</v>
      </c>
      <c r="E28" s="314">
        <v>0</v>
      </c>
      <c r="F28" s="315">
        <v>33</v>
      </c>
      <c r="G28" s="315">
        <v>66</v>
      </c>
      <c r="H28" s="315">
        <v>18</v>
      </c>
      <c r="I28" s="315">
        <v>0</v>
      </c>
      <c r="J28" s="315">
        <v>16</v>
      </c>
      <c r="K28" s="312">
        <v>133</v>
      </c>
      <c r="L28" s="317">
        <v>133</v>
      </c>
      <c r="M28" s="315">
        <v>0</v>
      </c>
      <c r="N28" s="315">
        <v>0</v>
      </c>
      <c r="O28" s="312">
        <v>0</v>
      </c>
      <c r="P28" s="314">
        <v>0</v>
      </c>
      <c r="Q28" s="315">
        <v>0</v>
      </c>
      <c r="R28" s="315">
        <v>0</v>
      </c>
      <c r="S28" s="315">
        <v>0</v>
      </c>
      <c r="T28" s="315">
        <v>0</v>
      </c>
      <c r="U28" s="315">
        <v>0</v>
      </c>
      <c r="V28" s="312">
        <v>0</v>
      </c>
      <c r="W28" s="317">
        <v>0</v>
      </c>
    </row>
    <row r="29" spans="1:23" ht="21" customHeight="1" x14ac:dyDescent="0.2">
      <c r="A29" s="291" t="s">
        <v>27</v>
      </c>
      <c r="B29" s="315">
        <v>0</v>
      </c>
      <c r="C29" s="315">
        <v>0</v>
      </c>
      <c r="D29" s="312">
        <v>0</v>
      </c>
      <c r="E29" s="314">
        <v>0</v>
      </c>
      <c r="F29" s="315">
        <v>6</v>
      </c>
      <c r="G29" s="315">
        <v>8</v>
      </c>
      <c r="H29" s="315">
        <v>0</v>
      </c>
      <c r="I29" s="315">
        <v>0</v>
      </c>
      <c r="J29" s="315">
        <v>0</v>
      </c>
      <c r="K29" s="312">
        <v>14</v>
      </c>
      <c r="L29" s="317">
        <v>14</v>
      </c>
      <c r="M29" s="315">
        <v>0</v>
      </c>
      <c r="N29" s="315">
        <v>0</v>
      </c>
      <c r="O29" s="312">
        <v>0</v>
      </c>
      <c r="P29" s="314">
        <v>0</v>
      </c>
      <c r="Q29" s="315">
        <v>12</v>
      </c>
      <c r="R29" s="315">
        <v>10</v>
      </c>
      <c r="S29" s="315">
        <v>0</v>
      </c>
      <c r="T29" s="315">
        <v>0</v>
      </c>
      <c r="U29" s="315">
        <v>0</v>
      </c>
      <c r="V29" s="312">
        <v>22</v>
      </c>
      <c r="W29" s="317">
        <v>22</v>
      </c>
    </row>
    <row r="30" spans="1:23" ht="21" customHeight="1" x14ac:dyDescent="0.2">
      <c r="A30" s="291" t="s">
        <v>28</v>
      </c>
      <c r="B30" s="315">
        <v>0</v>
      </c>
      <c r="C30" s="315">
        <v>0</v>
      </c>
      <c r="D30" s="312">
        <v>0</v>
      </c>
      <c r="E30" s="314">
        <v>0</v>
      </c>
      <c r="F30" s="315">
        <v>13</v>
      </c>
      <c r="G30" s="315">
        <v>23</v>
      </c>
      <c r="H30" s="315">
        <v>0</v>
      </c>
      <c r="I30" s="315">
        <v>0</v>
      </c>
      <c r="J30" s="315">
        <v>1</v>
      </c>
      <c r="K30" s="312">
        <v>37</v>
      </c>
      <c r="L30" s="317">
        <v>37</v>
      </c>
      <c r="M30" s="315">
        <v>0</v>
      </c>
      <c r="N30" s="315">
        <v>0</v>
      </c>
      <c r="O30" s="312">
        <v>0</v>
      </c>
      <c r="P30" s="314">
        <v>0</v>
      </c>
      <c r="Q30" s="315">
        <v>0</v>
      </c>
      <c r="R30" s="315">
        <v>0</v>
      </c>
      <c r="S30" s="315">
        <v>0</v>
      </c>
      <c r="T30" s="315">
        <v>0</v>
      </c>
      <c r="U30" s="315">
        <v>1</v>
      </c>
      <c r="V30" s="312">
        <v>1</v>
      </c>
      <c r="W30" s="317">
        <v>1</v>
      </c>
    </row>
    <row r="31" spans="1:23" ht="21" customHeight="1" x14ac:dyDescent="0.2">
      <c r="A31" s="291" t="s">
        <v>29</v>
      </c>
      <c r="B31" s="315">
        <v>0</v>
      </c>
      <c r="C31" s="315">
        <v>0</v>
      </c>
      <c r="D31" s="312">
        <v>0</v>
      </c>
      <c r="E31" s="314">
        <v>0</v>
      </c>
      <c r="F31" s="315">
        <v>9</v>
      </c>
      <c r="G31" s="315">
        <v>0</v>
      </c>
      <c r="H31" s="315">
        <v>0</v>
      </c>
      <c r="I31" s="315">
        <v>0</v>
      </c>
      <c r="J31" s="315">
        <v>0</v>
      </c>
      <c r="K31" s="312">
        <v>9</v>
      </c>
      <c r="L31" s="317">
        <v>9</v>
      </c>
      <c r="M31" s="315">
        <v>0</v>
      </c>
      <c r="N31" s="315">
        <v>0</v>
      </c>
      <c r="O31" s="312">
        <v>0</v>
      </c>
      <c r="P31" s="314">
        <v>0</v>
      </c>
      <c r="Q31" s="315">
        <v>0</v>
      </c>
      <c r="R31" s="315">
        <v>0</v>
      </c>
      <c r="S31" s="315">
        <v>0</v>
      </c>
      <c r="T31" s="315">
        <v>0</v>
      </c>
      <c r="U31" s="315">
        <v>0</v>
      </c>
      <c r="V31" s="312">
        <v>0</v>
      </c>
      <c r="W31" s="317">
        <v>0</v>
      </c>
    </row>
    <row r="32" spans="1:23" ht="21" customHeight="1" x14ac:dyDescent="0.2">
      <c r="A32" s="291" t="s">
        <v>30</v>
      </c>
      <c r="B32" s="315">
        <v>0</v>
      </c>
      <c r="C32" s="315">
        <v>0</v>
      </c>
      <c r="D32" s="312">
        <v>0</v>
      </c>
      <c r="E32" s="314">
        <v>0</v>
      </c>
      <c r="F32" s="315">
        <v>0</v>
      </c>
      <c r="G32" s="315">
        <v>15</v>
      </c>
      <c r="H32" s="315">
        <v>0</v>
      </c>
      <c r="I32" s="315">
        <v>0</v>
      </c>
      <c r="J32" s="315">
        <v>0</v>
      </c>
      <c r="K32" s="312">
        <v>15</v>
      </c>
      <c r="L32" s="317">
        <v>15</v>
      </c>
      <c r="M32" s="315">
        <v>7</v>
      </c>
      <c r="N32" s="315">
        <v>0</v>
      </c>
      <c r="O32" s="312">
        <v>7</v>
      </c>
      <c r="P32" s="314">
        <v>0</v>
      </c>
      <c r="Q32" s="315">
        <v>0</v>
      </c>
      <c r="R32" s="315">
        <v>0</v>
      </c>
      <c r="S32" s="315">
        <v>0</v>
      </c>
      <c r="T32" s="315">
        <v>0</v>
      </c>
      <c r="U32" s="315">
        <v>0</v>
      </c>
      <c r="V32" s="312">
        <v>0</v>
      </c>
      <c r="W32" s="317">
        <v>7</v>
      </c>
    </row>
    <row r="33" spans="1:23" ht="21" customHeight="1" x14ac:dyDescent="0.2">
      <c r="A33" s="291" t="s">
        <v>31</v>
      </c>
      <c r="B33" s="315">
        <v>0</v>
      </c>
      <c r="C33" s="315">
        <v>0</v>
      </c>
      <c r="D33" s="312">
        <v>0</v>
      </c>
      <c r="E33" s="314">
        <v>0</v>
      </c>
      <c r="F33" s="315">
        <v>8</v>
      </c>
      <c r="G33" s="315">
        <v>3</v>
      </c>
      <c r="H33" s="315">
        <v>0</v>
      </c>
      <c r="I33" s="315">
        <v>0</v>
      </c>
      <c r="J33" s="315">
        <v>0</v>
      </c>
      <c r="K33" s="312">
        <v>11</v>
      </c>
      <c r="L33" s="317">
        <v>11</v>
      </c>
      <c r="M33" s="315">
        <v>0</v>
      </c>
      <c r="N33" s="315">
        <v>0</v>
      </c>
      <c r="O33" s="312">
        <v>0</v>
      </c>
      <c r="P33" s="314">
        <v>0</v>
      </c>
      <c r="Q33" s="315">
        <v>0</v>
      </c>
      <c r="R33" s="315">
        <v>0</v>
      </c>
      <c r="S33" s="315">
        <v>11</v>
      </c>
      <c r="T33" s="315">
        <v>0</v>
      </c>
      <c r="U33" s="315">
        <v>0</v>
      </c>
      <c r="V33" s="312">
        <v>11</v>
      </c>
      <c r="W33" s="317">
        <v>11</v>
      </c>
    </row>
    <row r="34" spans="1:23" ht="21" customHeight="1" x14ac:dyDescent="0.2">
      <c r="A34" s="291" t="s">
        <v>32</v>
      </c>
      <c r="B34" s="315">
        <v>0</v>
      </c>
      <c r="C34" s="315">
        <v>0</v>
      </c>
      <c r="D34" s="312">
        <v>0</v>
      </c>
      <c r="E34" s="314">
        <v>0</v>
      </c>
      <c r="F34" s="315">
        <v>16</v>
      </c>
      <c r="G34" s="315">
        <v>7</v>
      </c>
      <c r="H34" s="315">
        <v>12</v>
      </c>
      <c r="I34" s="315">
        <v>8</v>
      </c>
      <c r="J34" s="315">
        <v>0</v>
      </c>
      <c r="K34" s="312">
        <v>43</v>
      </c>
      <c r="L34" s="317">
        <v>43</v>
      </c>
      <c r="M34" s="315">
        <v>0</v>
      </c>
      <c r="N34" s="315">
        <v>0</v>
      </c>
      <c r="O34" s="312">
        <v>0</v>
      </c>
      <c r="P34" s="314">
        <v>0</v>
      </c>
      <c r="Q34" s="315">
        <v>8</v>
      </c>
      <c r="R34" s="315">
        <v>0</v>
      </c>
      <c r="S34" s="315">
        <v>0</v>
      </c>
      <c r="T34" s="315">
        <v>0</v>
      </c>
      <c r="U34" s="315">
        <v>0</v>
      </c>
      <c r="V34" s="312">
        <v>8</v>
      </c>
      <c r="W34" s="317">
        <v>8</v>
      </c>
    </row>
    <row r="35" spans="1:23" ht="21" customHeight="1" x14ac:dyDescent="0.2">
      <c r="A35" s="291" t="s">
        <v>33</v>
      </c>
      <c r="B35" s="315">
        <v>0</v>
      </c>
      <c r="C35" s="315">
        <v>0</v>
      </c>
      <c r="D35" s="312">
        <v>0</v>
      </c>
      <c r="E35" s="314">
        <v>0</v>
      </c>
      <c r="F35" s="315">
        <v>7</v>
      </c>
      <c r="G35" s="315">
        <v>0</v>
      </c>
      <c r="H35" s="315">
        <v>0</v>
      </c>
      <c r="I35" s="315">
        <v>0</v>
      </c>
      <c r="J35" s="315">
        <v>0</v>
      </c>
      <c r="K35" s="312">
        <v>7</v>
      </c>
      <c r="L35" s="317">
        <v>7</v>
      </c>
      <c r="M35" s="315">
        <v>0</v>
      </c>
      <c r="N35" s="315">
        <v>0</v>
      </c>
      <c r="O35" s="312">
        <v>0</v>
      </c>
      <c r="P35" s="314">
        <v>0</v>
      </c>
      <c r="Q35" s="315">
        <v>0</v>
      </c>
      <c r="R35" s="315">
        <v>0</v>
      </c>
      <c r="S35" s="315">
        <v>0</v>
      </c>
      <c r="T35" s="315">
        <v>0</v>
      </c>
      <c r="U35" s="315">
        <v>0</v>
      </c>
      <c r="V35" s="312">
        <v>0</v>
      </c>
      <c r="W35" s="317">
        <v>0</v>
      </c>
    </row>
    <row r="36" spans="1:23" ht="21" customHeight="1" x14ac:dyDescent="0.2">
      <c r="A36" s="291" t="s">
        <v>34</v>
      </c>
      <c r="B36" s="315">
        <v>0</v>
      </c>
      <c r="C36" s="315">
        <v>0</v>
      </c>
      <c r="D36" s="312">
        <v>0</v>
      </c>
      <c r="E36" s="314">
        <v>0</v>
      </c>
      <c r="F36" s="315">
        <v>27</v>
      </c>
      <c r="G36" s="315">
        <v>0</v>
      </c>
      <c r="H36" s="315">
        <v>0</v>
      </c>
      <c r="I36" s="315">
        <v>0</v>
      </c>
      <c r="J36" s="315">
        <v>0</v>
      </c>
      <c r="K36" s="312">
        <v>27</v>
      </c>
      <c r="L36" s="317">
        <v>27</v>
      </c>
      <c r="M36" s="315">
        <v>0</v>
      </c>
      <c r="N36" s="315">
        <v>0</v>
      </c>
      <c r="O36" s="312">
        <v>0</v>
      </c>
      <c r="P36" s="314">
        <v>0</v>
      </c>
      <c r="Q36" s="315">
        <v>0</v>
      </c>
      <c r="R36" s="315">
        <v>0</v>
      </c>
      <c r="S36" s="315">
        <v>0</v>
      </c>
      <c r="T36" s="315">
        <v>0</v>
      </c>
      <c r="U36" s="315">
        <v>0</v>
      </c>
      <c r="V36" s="312">
        <v>0</v>
      </c>
      <c r="W36" s="317">
        <v>0</v>
      </c>
    </row>
    <row r="37" spans="1:23" ht="21" customHeight="1" x14ac:dyDescent="0.2">
      <c r="A37" s="291" t="s">
        <v>35</v>
      </c>
      <c r="B37" s="315">
        <v>0</v>
      </c>
      <c r="C37" s="315">
        <v>0</v>
      </c>
      <c r="D37" s="312">
        <v>0</v>
      </c>
      <c r="E37" s="314">
        <v>0</v>
      </c>
      <c r="F37" s="315">
        <v>0</v>
      </c>
      <c r="G37" s="315">
        <v>25</v>
      </c>
      <c r="H37" s="315">
        <v>0</v>
      </c>
      <c r="I37" s="315">
        <v>0</v>
      </c>
      <c r="J37" s="315">
        <v>0</v>
      </c>
      <c r="K37" s="312">
        <v>25</v>
      </c>
      <c r="L37" s="317">
        <v>25</v>
      </c>
      <c r="M37" s="315">
        <v>0</v>
      </c>
      <c r="N37" s="315">
        <v>0</v>
      </c>
      <c r="O37" s="312">
        <v>0</v>
      </c>
      <c r="P37" s="314">
        <v>0</v>
      </c>
      <c r="Q37" s="315">
        <v>0</v>
      </c>
      <c r="R37" s="315">
        <v>0</v>
      </c>
      <c r="S37" s="315">
        <v>0</v>
      </c>
      <c r="T37" s="315">
        <v>0</v>
      </c>
      <c r="U37" s="315">
        <v>0</v>
      </c>
      <c r="V37" s="312">
        <v>0</v>
      </c>
      <c r="W37" s="317">
        <v>0</v>
      </c>
    </row>
    <row r="38" spans="1:23" ht="21" customHeight="1" x14ac:dyDescent="0.2">
      <c r="A38" s="291" t="s">
        <v>36</v>
      </c>
      <c r="B38" s="315">
        <v>0</v>
      </c>
      <c r="C38" s="315">
        <v>0</v>
      </c>
      <c r="D38" s="312">
        <v>0</v>
      </c>
      <c r="E38" s="314">
        <v>0</v>
      </c>
      <c r="F38" s="315">
        <v>20</v>
      </c>
      <c r="G38" s="315">
        <v>3</v>
      </c>
      <c r="H38" s="315">
        <v>0</v>
      </c>
      <c r="I38" s="315">
        <v>0</v>
      </c>
      <c r="J38" s="315">
        <v>22</v>
      </c>
      <c r="K38" s="312">
        <v>45</v>
      </c>
      <c r="L38" s="317">
        <v>45</v>
      </c>
      <c r="M38" s="315">
        <v>0</v>
      </c>
      <c r="N38" s="315">
        <v>0</v>
      </c>
      <c r="O38" s="312">
        <v>0</v>
      </c>
      <c r="P38" s="314">
        <v>0</v>
      </c>
      <c r="Q38" s="315">
        <v>0</v>
      </c>
      <c r="R38" s="315">
        <v>0</v>
      </c>
      <c r="S38" s="315">
        <v>0</v>
      </c>
      <c r="T38" s="315">
        <v>0</v>
      </c>
      <c r="U38" s="315">
        <v>0</v>
      </c>
      <c r="V38" s="312">
        <v>0</v>
      </c>
      <c r="W38" s="317">
        <v>0</v>
      </c>
    </row>
    <row r="39" spans="1:23" ht="21" customHeight="1" thickBot="1" x14ac:dyDescent="0.25">
      <c r="A39" s="292" t="s">
        <v>37</v>
      </c>
      <c r="B39" s="322">
        <v>0</v>
      </c>
      <c r="C39" s="322">
        <v>0</v>
      </c>
      <c r="D39" s="319">
        <v>0</v>
      </c>
      <c r="E39" s="321">
        <v>0</v>
      </c>
      <c r="F39" s="322">
        <v>0</v>
      </c>
      <c r="G39" s="322">
        <v>0</v>
      </c>
      <c r="H39" s="322">
        <v>0</v>
      </c>
      <c r="I39" s="322">
        <v>0</v>
      </c>
      <c r="J39" s="322">
        <v>0</v>
      </c>
      <c r="K39" s="319">
        <v>0</v>
      </c>
      <c r="L39" s="324">
        <v>0</v>
      </c>
      <c r="M39" s="322">
        <v>0</v>
      </c>
      <c r="N39" s="322">
        <v>0</v>
      </c>
      <c r="O39" s="319">
        <v>0</v>
      </c>
      <c r="P39" s="321">
        <v>0</v>
      </c>
      <c r="Q39" s="322">
        <v>0</v>
      </c>
      <c r="R39" s="322">
        <v>0</v>
      </c>
      <c r="S39" s="322">
        <v>0</v>
      </c>
      <c r="T39" s="322">
        <v>0</v>
      </c>
      <c r="U39" s="322">
        <v>0</v>
      </c>
      <c r="V39" s="319">
        <v>0</v>
      </c>
      <c r="W39" s="324">
        <v>0</v>
      </c>
    </row>
  </sheetData>
  <mergeCells count="11">
    <mergeCell ref="A3:A5"/>
    <mergeCell ref="B3:L3"/>
    <mergeCell ref="B4:D4"/>
    <mergeCell ref="E4:K4"/>
    <mergeCell ref="L4:L5"/>
    <mergeCell ref="M3:W3"/>
    <mergeCell ref="M4:O4"/>
    <mergeCell ref="P4:V4"/>
    <mergeCell ref="W4:W5"/>
    <mergeCell ref="G1:H1"/>
    <mergeCell ref="J1:K1"/>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W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 style="290" customWidth="1"/>
    <col min="5" max="5" width="7.77734375" style="290" customWidth="1"/>
    <col min="6" max="6" width="10.77734375" style="290" customWidth="1"/>
    <col min="7" max="15" width="9" style="290"/>
    <col min="16" max="16" width="7.6640625" style="290" customWidth="1"/>
    <col min="17" max="16384" width="9" style="290"/>
  </cols>
  <sheetData>
    <row r="1" spans="1:23" ht="17.25" customHeight="1" x14ac:dyDescent="0.2">
      <c r="A1" s="325" t="s">
        <v>125</v>
      </c>
      <c r="G1" s="522">
        <f>第１表!F2</f>
        <v>4</v>
      </c>
      <c r="H1" s="522"/>
      <c r="I1" s="282">
        <f>第１表!G2</f>
        <v>3</v>
      </c>
      <c r="J1" s="523">
        <f>IF(I1&lt;3,I1+12-2,I1-2)</f>
        <v>1</v>
      </c>
      <c r="K1" s="523"/>
    </row>
    <row r="2" spans="1:23" ht="21" customHeight="1" thickBot="1" x14ac:dyDescent="0.25">
      <c r="A2" s="325" t="s">
        <v>155</v>
      </c>
    </row>
    <row r="3" spans="1:23" ht="18.75" customHeight="1" x14ac:dyDescent="0.2">
      <c r="A3" s="526"/>
      <c r="B3" s="527" t="s">
        <v>142</v>
      </c>
      <c r="C3" s="527"/>
      <c r="D3" s="527"/>
      <c r="E3" s="527"/>
      <c r="F3" s="527"/>
      <c r="G3" s="527"/>
      <c r="H3" s="527"/>
      <c r="I3" s="527"/>
      <c r="J3" s="527"/>
      <c r="K3" s="527"/>
      <c r="L3" s="559"/>
      <c r="M3" s="527" t="s">
        <v>113</v>
      </c>
      <c r="N3" s="527"/>
      <c r="O3" s="527"/>
      <c r="P3" s="527"/>
      <c r="Q3" s="527"/>
      <c r="R3" s="527"/>
      <c r="S3" s="527"/>
      <c r="T3" s="527"/>
      <c r="U3" s="527"/>
      <c r="V3" s="527"/>
      <c r="W3" s="559"/>
    </row>
    <row r="4" spans="1:23" ht="18.75" customHeight="1" x14ac:dyDescent="0.2">
      <c r="A4" s="565"/>
      <c r="B4" s="560" t="s">
        <v>61</v>
      </c>
      <c r="C4" s="560"/>
      <c r="D4" s="561"/>
      <c r="E4" s="562" t="s">
        <v>62</v>
      </c>
      <c r="F4" s="560"/>
      <c r="G4" s="560"/>
      <c r="H4" s="560"/>
      <c r="I4" s="560"/>
      <c r="J4" s="560"/>
      <c r="K4" s="563"/>
      <c r="L4" s="564" t="s">
        <v>52</v>
      </c>
      <c r="M4" s="560" t="s">
        <v>61</v>
      </c>
      <c r="N4" s="560"/>
      <c r="O4" s="561"/>
      <c r="P4" s="562" t="s">
        <v>62</v>
      </c>
      <c r="Q4" s="560"/>
      <c r="R4" s="560"/>
      <c r="S4" s="560"/>
      <c r="T4" s="560"/>
      <c r="U4" s="560"/>
      <c r="V4" s="563"/>
      <c r="W4" s="564" t="s">
        <v>52</v>
      </c>
    </row>
    <row r="5" spans="1:23" ht="27" thickBot="1" x14ac:dyDescent="0.25">
      <c r="A5" s="566"/>
      <c r="B5" s="294" t="s">
        <v>43</v>
      </c>
      <c r="C5" s="294" t="s">
        <v>44</v>
      </c>
      <c r="D5" s="300" t="s">
        <v>45</v>
      </c>
      <c r="E5" s="302" t="s">
        <v>83</v>
      </c>
      <c r="F5" s="294" t="s">
        <v>47</v>
      </c>
      <c r="G5" s="294" t="s">
        <v>48</v>
      </c>
      <c r="H5" s="294" t="s">
        <v>49</v>
      </c>
      <c r="I5" s="294" t="s">
        <v>50</v>
      </c>
      <c r="J5" s="294" t="s">
        <v>51</v>
      </c>
      <c r="K5" s="300" t="s">
        <v>45</v>
      </c>
      <c r="L5" s="525"/>
      <c r="M5" s="294" t="s">
        <v>43</v>
      </c>
      <c r="N5" s="294" t="s">
        <v>44</v>
      </c>
      <c r="O5" s="300" t="s">
        <v>45</v>
      </c>
      <c r="P5" s="302" t="s">
        <v>83</v>
      </c>
      <c r="Q5" s="294" t="s">
        <v>47</v>
      </c>
      <c r="R5" s="294" t="s">
        <v>48</v>
      </c>
      <c r="S5" s="294" t="s">
        <v>49</v>
      </c>
      <c r="T5" s="294" t="s">
        <v>50</v>
      </c>
      <c r="U5" s="294" t="s">
        <v>51</v>
      </c>
      <c r="V5" s="300" t="s">
        <v>45</v>
      </c>
      <c r="W5" s="525"/>
    </row>
    <row r="6" spans="1:23" ht="21" customHeight="1" x14ac:dyDescent="0.2">
      <c r="A6" s="293" t="s">
        <v>4</v>
      </c>
      <c r="B6" s="308">
        <v>0</v>
      </c>
      <c r="C6" s="308">
        <v>0</v>
      </c>
      <c r="D6" s="305">
        <v>0</v>
      </c>
      <c r="E6" s="307">
        <v>0</v>
      </c>
      <c r="F6" s="308">
        <v>5111</v>
      </c>
      <c r="G6" s="308">
        <v>4135</v>
      </c>
      <c r="H6" s="308">
        <v>2382</v>
      </c>
      <c r="I6" s="308">
        <v>1242</v>
      </c>
      <c r="J6" s="308">
        <v>412</v>
      </c>
      <c r="K6" s="305">
        <v>13282</v>
      </c>
      <c r="L6" s="310">
        <v>13282</v>
      </c>
      <c r="M6" s="308">
        <v>0</v>
      </c>
      <c r="N6" s="308">
        <v>0</v>
      </c>
      <c r="O6" s="305">
        <v>0</v>
      </c>
      <c r="P6" s="307">
        <v>0</v>
      </c>
      <c r="Q6" s="308">
        <v>353</v>
      </c>
      <c r="R6" s="308">
        <v>679</v>
      </c>
      <c r="S6" s="308">
        <v>543</v>
      </c>
      <c r="T6" s="308">
        <v>224</v>
      </c>
      <c r="U6" s="308">
        <v>302</v>
      </c>
      <c r="V6" s="305">
        <v>2101</v>
      </c>
      <c r="W6" s="310">
        <v>2101</v>
      </c>
    </row>
    <row r="7" spans="1:23" ht="21" customHeight="1" x14ac:dyDescent="0.2">
      <c r="A7" s="291" t="s">
        <v>5</v>
      </c>
      <c r="B7" s="315">
        <v>0</v>
      </c>
      <c r="C7" s="315">
        <v>0</v>
      </c>
      <c r="D7" s="312">
        <v>0</v>
      </c>
      <c r="E7" s="314">
        <v>0</v>
      </c>
      <c r="F7" s="315">
        <v>1950</v>
      </c>
      <c r="G7" s="315">
        <v>2057</v>
      </c>
      <c r="H7" s="315">
        <v>948</v>
      </c>
      <c r="I7" s="315">
        <v>687</v>
      </c>
      <c r="J7" s="315">
        <v>203</v>
      </c>
      <c r="K7" s="312">
        <v>5845</v>
      </c>
      <c r="L7" s="317">
        <v>5845</v>
      </c>
      <c r="M7" s="315">
        <v>0</v>
      </c>
      <c r="N7" s="315">
        <v>0</v>
      </c>
      <c r="O7" s="312">
        <v>0</v>
      </c>
      <c r="P7" s="314">
        <v>0</v>
      </c>
      <c r="Q7" s="315">
        <v>189</v>
      </c>
      <c r="R7" s="315">
        <v>456</v>
      </c>
      <c r="S7" s="315">
        <v>251</v>
      </c>
      <c r="T7" s="315">
        <v>149</v>
      </c>
      <c r="U7" s="315">
        <v>214</v>
      </c>
      <c r="V7" s="312">
        <v>1259</v>
      </c>
      <c r="W7" s="317">
        <v>1259</v>
      </c>
    </row>
    <row r="8" spans="1:23" ht="21" customHeight="1" x14ac:dyDescent="0.2">
      <c r="A8" s="291" t="s">
        <v>6</v>
      </c>
      <c r="B8" s="315">
        <v>0</v>
      </c>
      <c r="C8" s="315">
        <v>0</v>
      </c>
      <c r="D8" s="312">
        <v>0</v>
      </c>
      <c r="E8" s="314">
        <v>0</v>
      </c>
      <c r="F8" s="315">
        <v>927</v>
      </c>
      <c r="G8" s="315">
        <v>521</v>
      </c>
      <c r="H8" s="315">
        <v>342</v>
      </c>
      <c r="I8" s="315">
        <v>106</v>
      </c>
      <c r="J8" s="315">
        <v>100</v>
      </c>
      <c r="K8" s="312">
        <v>1996</v>
      </c>
      <c r="L8" s="317">
        <v>1996</v>
      </c>
      <c r="M8" s="315">
        <v>0</v>
      </c>
      <c r="N8" s="315">
        <v>0</v>
      </c>
      <c r="O8" s="312">
        <v>0</v>
      </c>
      <c r="P8" s="314">
        <v>0</v>
      </c>
      <c r="Q8" s="315">
        <v>70</v>
      </c>
      <c r="R8" s="315">
        <v>81</v>
      </c>
      <c r="S8" s="315">
        <v>153</v>
      </c>
      <c r="T8" s="315">
        <v>26</v>
      </c>
      <c r="U8" s="315">
        <v>34</v>
      </c>
      <c r="V8" s="312">
        <v>364</v>
      </c>
      <c r="W8" s="317">
        <v>364</v>
      </c>
    </row>
    <row r="9" spans="1:23" ht="21" customHeight="1" x14ac:dyDescent="0.2">
      <c r="A9" s="291" t="s">
        <v>14</v>
      </c>
      <c r="B9" s="315">
        <v>0</v>
      </c>
      <c r="C9" s="315">
        <v>0</v>
      </c>
      <c r="D9" s="312">
        <v>0</v>
      </c>
      <c r="E9" s="314">
        <v>0</v>
      </c>
      <c r="F9" s="315">
        <v>302</v>
      </c>
      <c r="G9" s="315">
        <v>330</v>
      </c>
      <c r="H9" s="315">
        <v>145</v>
      </c>
      <c r="I9" s="315">
        <v>61</v>
      </c>
      <c r="J9" s="315">
        <v>22</v>
      </c>
      <c r="K9" s="312">
        <v>860</v>
      </c>
      <c r="L9" s="317">
        <v>860</v>
      </c>
      <c r="M9" s="315">
        <v>0</v>
      </c>
      <c r="N9" s="315">
        <v>0</v>
      </c>
      <c r="O9" s="312">
        <v>0</v>
      </c>
      <c r="P9" s="314">
        <v>0</v>
      </c>
      <c r="Q9" s="315">
        <v>8</v>
      </c>
      <c r="R9" s="315">
        <v>4</v>
      </c>
      <c r="S9" s="315">
        <v>2</v>
      </c>
      <c r="T9" s="315">
        <v>0</v>
      </c>
      <c r="U9" s="315">
        <v>15</v>
      </c>
      <c r="V9" s="312">
        <v>29</v>
      </c>
      <c r="W9" s="317">
        <v>29</v>
      </c>
    </row>
    <row r="10" spans="1:23" ht="21" customHeight="1" x14ac:dyDescent="0.2">
      <c r="A10" s="291" t="s">
        <v>7</v>
      </c>
      <c r="B10" s="315">
        <v>0</v>
      </c>
      <c r="C10" s="315">
        <v>0</v>
      </c>
      <c r="D10" s="312">
        <v>0</v>
      </c>
      <c r="E10" s="314">
        <v>0</v>
      </c>
      <c r="F10" s="315">
        <v>127</v>
      </c>
      <c r="G10" s="315">
        <v>80</v>
      </c>
      <c r="H10" s="315">
        <v>117</v>
      </c>
      <c r="I10" s="315">
        <v>63</v>
      </c>
      <c r="J10" s="315">
        <v>12</v>
      </c>
      <c r="K10" s="312">
        <v>399</v>
      </c>
      <c r="L10" s="317">
        <v>399</v>
      </c>
      <c r="M10" s="315">
        <v>0</v>
      </c>
      <c r="N10" s="315">
        <v>0</v>
      </c>
      <c r="O10" s="312">
        <v>0</v>
      </c>
      <c r="P10" s="314">
        <v>0</v>
      </c>
      <c r="Q10" s="315">
        <v>39</v>
      </c>
      <c r="R10" s="315">
        <v>40</v>
      </c>
      <c r="S10" s="315">
        <v>26</v>
      </c>
      <c r="T10" s="315">
        <v>34</v>
      </c>
      <c r="U10" s="315">
        <v>0</v>
      </c>
      <c r="V10" s="312">
        <v>139</v>
      </c>
      <c r="W10" s="317">
        <v>139</v>
      </c>
    </row>
    <row r="11" spans="1:23" ht="21" customHeight="1" x14ac:dyDescent="0.2">
      <c r="A11" s="291" t="s">
        <v>8</v>
      </c>
      <c r="B11" s="315">
        <v>0</v>
      </c>
      <c r="C11" s="315">
        <v>0</v>
      </c>
      <c r="D11" s="312">
        <v>0</v>
      </c>
      <c r="E11" s="314">
        <v>0</v>
      </c>
      <c r="F11" s="315">
        <v>187</v>
      </c>
      <c r="G11" s="315">
        <v>173</v>
      </c>
      <c r="H11" s="315">
        <v>99</v>
      </c>
      <c r="I11" s="315">
        <v>17</v>
      </c>
      <c r="J11" s="315">
        <v>4</v>
      </c>
      <c r="K11" s="312">
        <v>480</v>
      </c>
      <c r="L11" s="317">
        <v>480</v>
      </c>
      <c r="M11" s="315">
        <v>0</v>
      </c>
      <c r="N11" s="315">
        <v>0</v>
      </c>
      <c r="O11" s="312">
        <v>0</v>
      </c>
      <c r="P11" s="314">
        <v>0</v>
      </c>
      <c r="Q11" s="315">
        <v>0</v>
      </c>
      <c r="R11" s="315">
        <v>22</v>
      </c>
      <c r="S11" s="315">
        <v>0</v>
      </c>
      <c r="T11" s="315">
        <v>0</v>
      </c>
      <c r="U11" s="315">
        <v>0</v>
      </c>
      <c r="V11" s="312">
        <v>22</v>
      </c>
      <c r="W11" s="317">
        <v>22</v>
      </c>
    </row>
    <row r="12" spans="1:23" ht="21" customHeight="1" x14ac:dyDescent="0.2">
      <c r="A12" s="291" t="s">
        <v>9</v>
      </c>
      <c r="B12" s="315">
        <v>0</v>
      </c>
      <c r="C12" s="315">
        <v>0</v>
      </c>
      <c r="D12" s="312">
        <v>0</v>
      </c>
      <c r="E12" s="314">
        <v>0</v>
      </c>
      <c r="F12" s="315">
        <v>225</v>
      </c>
      <c r="G12" s="315">
        <v>242</v>
      </c>
      <c r="H12" s="315">
        <v>151</v>
      </c>
      <c r="I12" s="315">
        <v>76</v>
      </c>
      <c r="J12" s="315">
        <v>4</v>
      </c>
      <c r="K12" s="312">
        <v>698</v>
      </c>
      <c r="L12" s="317">
        <v>698</v>
      </c>
      <c r="M12" s="315">
        <v>0</v>
      </c>
      <c r="N12" s="315">
        <v>0</v>
      </c>
      <c r="O12" s="312">
        <v>0</v>
      </c>
      <c r="P12" s="314">
        <v>0</v>
      </c>
      <c r="Q12" s="315">
        <v>14</v>
      </c>
      <c r="R12" s="315">
        <v>0</v>
      </c>
      <c r="S12" s="315">
        <v>19</v>
      </c>
      <c r="T12" s="315">
        <v>0</v>
      </c>
      <c r="U12" s="315">
        <v>8</v>
      </c>
      <c r="V12" s="312">
        <v>41</v>
      </c>
      <c r="W12" s="317">
        <v>41</v>
      </c>
    </row>
    <row r="13" spans="1:23" ht="21" customHeight="1" x14ac:dyDescent="0.2">
      <c r="A13" s="291" t="s">
        <v>10</v>
      </c>
      <c r="B13" s="315">
        <v>0</v>
      </c>
      <c r="C13" s="315">
        <v>0</v>
      </c>
      <c r="D13" s="312">
        <v>0</v>
      </c>
      <c r="E13" s="314">
        <v>0</v>
      </c>
      <c r="F13" s="315">
        <v>270</v>
      </c>
      <c r="G13" s="315">
        <v>79</v>
      </c>
      <c r="H13" s="315">
        <v>66</v>
      </c>
      <c r="I13" s="315">
        <v>21</v>
      </c>
      <c r="J13" s="315">
        <v>4</v>
      </c>
      <c r="K13" s="312">
        <v>440</v>
      </c>
      <c r="L13" s="317">
        <v>440</v>
      </c>
      <c r="M13" s="315">
        <v>0</v>
      </c>
      <c r="N13" s="315">
        <v>0</v>
      </c>
      <c r="O13" s="312">
        <v>0</v>
      </c>
      <c r="P13" s="314">
        <v>0</v>
      </c>
      <c r="Q13" s="315">
        <v>11</v>
      </c>
      <c r="R13" s="315">
        <v>22</v>
      </c>
      <c r="S13" s="315">
        <v>9</v>
      </c>
      <c r="T13" s="315">
        <v>8</v>
      </c>
      <c r="U13" s="315">
        <v>1</v>
      </c>
      <c r="V13" s="312">
        <v>51</v>
      </c>
      <c r="W13" s="317">
        <v>51</v>
      </c>
    </row>
    <row r="14" spans="1:23" ht="21" customHeight="1" x14ac:dyDescent="0.2">
      <c r="A14" s="291" t="s">
        <v>11</v>
      </c>
      <c r="B14" s="315">
        <v>0</v>
      </c>
      <c r="C14" s="315">
        <v>0</v>
      </c>
      <c r="D14" s="312">
        <v>0</v>
      </c>
      <c r="E14" s="314">
        <v>0</v>
      </c>
      <c r="F14" s="315">
        <v>120</v>
      </c>
      <c r="G14" s="315">
        <v>28</v>
      </c>
      <c r="H14" s="315">
        <v>81</v>
      </c>
      <c r="I14" s="315">
        <v>25</v>
      </c>
      <c r="J14" s="315">
        <v>0</v>
      </c>
      <c r="K14" s="312">
        <v>254</v>
      </c>
      <c r="L14" s="317">
        <v>254</v>
      </c>
      <c r="M14" s="315">
        <v>0</v>
      </c>
      <c r="N14" s="315">
        <v>0</v>
      </c>
      <c r="O14" s="312">
        <v>0</v>
      </c>
      <c r="P14" s="314">
        <v>0</v>
      </c>
      <c r="Q14" s="315">
        <v>0</v>
      </c>
      <c r="R14" s="315">
        <v>0</v>
      </c>
      <c r="S14" s="315">
        <v>0</v>
      </c>
      <c r="T14" s="315">
        <v>0</v>
      </c>
      <c r="U14" s="315">
        <v>10</v>
      </c>
      <c r="V14" s="312">
        <v>10</v>
      </c>
      <c r="W14" s="317">
        <v>10</v>
      </c>
    </row>
    <row r="15" spans="1:23" ht="21" customHeight="1" x14ac:dyDescent="0.2">
      <c r="A15" s="291" t="s">
        <v>12</v>
      </c>
      <c r="B15" s="315">
        <v>0</v>
      </c>
      <c r="C15" s="315">
        <v>0</v>
      </c>
      <c r="D15" s="312">
        <v>0</v>
      </c>
      <c r="E15" s="314">
        <v>0</v>
      </c>
      <c r="F15" s="315">
        <v>149</v>
      </c>
      <c r="G15" s="315">
        <v>88</v>
      </c>
      <c r="H15" s="315">
        <v>74</v>
      </c>
      <c r="I15" s="315">
        <v>26</v>
      </c>
      <c r="J15" s="315">
        <v>0</v>
      </c>
      <c r="K15" s="312">
        <v>337</v>
      </c>
      <c r="L15" s="317">
        <v>337</v>
      </c>
      <c r="M15" s="315">
        <v>0</v>
      </c>
      <c r="N15" s="315">
        <v>0</v>
      </c>
      <c r="O15" s="312">
        <v>0</v>
      </c>
      <c r="P15" s="314">
        <v>0</v>
      </c>
      <c r="Q15" s="315">
        <v>3</v>
      </c>
      <c r="R15" s="315">
        <v>0</v>
      </c>
      <c r="S15" s="315">
        <v>0</v>
      </c>
      <c r="T15" s="315">
        <v>0</v>
      </c>
      <c r="U15" s="315">
        <v>0</v>
      </c>
      <c r="V15" s="312">
        <v>3</v>
      </c>
      <c r="W15" s="317">
        <v>3</v>
      </c>
    </row>
    <row r="16" spans="1:23" ht="21" customHeight="1" x14ac:dyDescent="0.2">
      <c r="A16" s="291" t="s">
        <v>13</v>
      </c>
      <c r="B16" s="315">
        <v>0</v>
      </c>
      <c r="C16" s="315">
        <v>0</v>
      </c>
      <c r="D16" s="312">
        <v>0</v>
      </c>
      <c r="E16" s="314">
        <v>0</v>
      </c>
      <c r="F16" s="315">
        <v>44</v>
      </c>
      <c r="G16" s="315">
        <v>45</v>
      </c>
      <c r="H16" s="315">
        <v>66</v>
      </c>
      <c r="I16" s="315">
        <v>26</v>
      </c>
      <c r="J16" s="315">
        <v>0</v>
      </c>
      <c r="K16" s="312">
        <v>181</v>
      </c>
      <c r="L16" s="317">
        <v>181</v>
      </c>
      <c r="M16" s="315">
        <v>0</v>
      </c>
      <c r="N16" s="315">
        <v>0</v>
      </c>
      <c r="O16" s="312">
        <v>0</v>
      </c>
      <c r="P16" s="314">
        <v>0</v>
      </c>
      <c r="Q16" s="315">
        <v>0</v>
      </c>
      <c r="R16" s="315">
        <v>0</v>
      </c>
      <c r="S16" s="315">
        <v>0</v>
      </c>
      <c r="T16" s="315">
        <v>0</v>
      </c>
      <c r="U16" s="315">
        <v>0</v>
      </c>
      <c r="V16" s="312">
        <v>0</v>
      </c>
      <c r="W16" s="317">
        <v>0</v>
      </c>
    </row>
    <row r="17" spans="1:23" ht="21" customHeight="1" x14ac:dyDescent="0.2">
      <c r="A17" s="291" t="s">
        <v>15</v>
      </c>
      <c r="B17" s="315">
        <v>0</v>
      </c>
      <c r="C17" s="315">
        <v>0</v>
      </c>
      <c r="D17" s="312">
        <v>0</v>
      </c>
      <c r="E17" s="314">
        <v>0</v>
      </c>
      <c r="F17" s="315">
        <v>48</v>
      </c>
      <c r="G17" s="315">
        <v>40</v>
      </c>
      <c r="H17" s="315">
        <v>10</v>
      </c>
      <c r="I17" s="315">
        <v>27</v>
      </c>
      <c r="J17" s="315">
        <v>5</v>
      </c>
      <c r="K17" s="312">
        <v>130</v>
      </c>
      <c r="L17" s="317">
        <v>130</v>
      </c>
      <c r="M17" s="315">
        <v>0</v>
      </c>
      <c r="N17" s="315">
        <v>0</v>
      </c>
      <c r="O17" s="312">
        <v>0</v>
      </c>
      <c r="P17" s="314">
        <v>0</v>
      </c>
      <c r="Q17" s="315">
        <v>0</v>
      </c>
      <c r="R17" s="315">
        <v>0</v>
      </c>
      <c r="S17" s="315">
        <v>6</v>
      </c>
      <c r="T17" s="315">
        <v>0</v>
      </c>
      <c r="U17" s="315">
        <v>0</v>
      </c>
      <c r="V17" s="312">
        <v>6</v>
      </c>
      <c r="W17" s="317">
        <v>6</v>
      </c>
    </row>
    <row r="18" spans="1:23" ht="21" customHeight="1" x14ac:dyDescent="0.2">
      <c r="A18" s="291" t="s">
        <v>16</v>
      </c>
      <c r="B18" s="315">
        <v>0</v>
      </c>
      <c r="C18" s="315">
        <v>0</v>
      </c>
      <c r="D18" s="312">
        <v>0</v>
      </c>
      <c r="E18" s="314">
        <v>0</v>
      </c>
      <c r="F18" s="315">
        <v>53</v>
      </c>
      <c r="G18" s="315">
        <v>39</v>
      </c>
      <c r="H18" s="315">
        <v>65</v>
      </c>
      <c r="I18" s="315">
        <v>4</v>
      </c>
      <c r="J18" s="315">
        <v>12</v>
      </c>
      <c r="K18" s="312">
        <v>173</v>
      </c>
      <c r="L18" s="317">
        <v>173</v>
      </c>
      <c r="M18" s="315">
        <v>0</v>
      </c>
      <c r="N18" s="315">
        <v>0</v>
      </c>
      <c r="O18" s="312">
        <v>0</v>
      </c>
      <c r="P18" s="314">
        <v>0</v>
      </c>
      <c r="Q18" s="315">
        <v>0</v>
      </c>
      <c r="R18" s="315">
        <v>15</v>
      </c>
      <c r="S18" s="315">
        <v>16</v>
      </c>
      <c r="T18" s="315">
        <v>0</v>
      </c>
      <c r="U18" s="315">
        <v>0</v>
      </c>
      <c r="V18" s="312">
        <v>31</v>
      </c>
      <c r="W18" s="317">
        <v>31</v>
      </c>
    </row>
    <row r="19" spans="1:23" ht="21" customHeight="1" x14ac:dyDescent="0.2">
      <c r="A19" s="291" t="s">
        <v>17</v>
      </c>
      <c r="B19" s="315">
        <v>0</v>
      </c>
      <c r="C19" s="315">
        <v>0</v>
      </c>
      <c r="D19" s="312">
        <v>0</v>
      </c>
      <c r="E19" s="314">
        <v>0</v>
      </c>
      <c r="F19" s="315">
        <v>93</v>
      </c>
      <c r="G19" s="315">
        <v>122</v>
      </c>
      <c r="H19" s="315">
        <v>51</v>
      </c>
      <c r="I19" s="315">
        <v>36</v>
      </c>
      <c r="J19" s="315">
        <v>6</v>
      </c>
      <c r="K19" s="312">
        <v>308</v>
      </c>
      <c r="L19" s="317">
        <v>308</v>
      </c>
      <c r="M19" s="315">
        <v>0</v>
      </c>
      <c r="N19" s="315">
        <v>0</v>
      </c>
      <c r="O19" s="312">
        <v>0</v>
      </c>
      <c r="P19" s="314">
        <v>0</v>
      </c>
      <c r="Q19" s="315">
        <v>8</v>
      </c>
      <c r="R19" s="315">
        <v>0</v>
      </c>
      <c r="S19" s="315">
        <v>0</v>
      </c>
      <c r="T19" s="315">
        <v>0</v>
      </c>
      <c r="U19" s="315">
        <v>0</v>
      </c>
      <c r="V19" s="312">
        <v>8</v>
      </c>
      <c r="W19" s="317">
        <v>8</v>
      </c>
    </row>
    <row r="20" spans="1:23" ht="21" customHeight="1" x14ac:dyDescent="0.2">
      <c r="A20" s="291" t="s">
        <v>18</v>
      </c>
      <c r="B20" s="315">
        <v>0</v>
      </c>
      <c r="C20" s="315">
        <v>0</v>
      </c>
      <c r="D20" s="312">
        <v>0</v>
      </c>
      <c r="E20" s="314">
        <v>0</v>
      </c>
      <c r="F20" s="315">
        <v>178</v>
      </c>
      <c r="G20" s="315">
        <v>84</v>
      </c>
      <c r="H20" s="315">
        <v>52</v>
      </c>
      <c r="I20" s="315">
        <v>8</v>
      </c>
      <c r="J20" s="315">
        <v>0</v>
      </c>
      <c r="K20" s="312">
        <v>322</v>
      </c>
      <c r="L20" s="317">
        <v>322</v>
      </c>
      <c r="M20" s="315">
        <v>0</v>
      </c>
      <c r="N20" s="315">
        <v>0</v>
      </c>
      <c r="O20" s="312">
        <v>0</v>
      </c>
      <c r="P20" s="314">
        <v>0</v>
      </c>
      <c r="Q20" s="315">
        <v>0</v>
      </c>
      <c r="R20" s="315">
        <v>0</v>
      </c>
      <c r="S20" s="315">
        <v>25</v>
      </c>
      <c r="T20" s="315">
        <v>0</v>
      </c>
      <c r="U20" s="315">
        <v>0</v>
      </c>
      <c r="V20" s="312">
        <v>25</v>
      </c>
      <c r="W20" s="317">
        <v>25</v>
      </c>
    </row>
    <row r="21" spans="1:23" ht="21" customHeight="1" x14ac:dyDescent="0.2">
      <c r="A21" s="291" t="s">
        <v>19</v>
      </c>
      <c r="B21" s="315">
        <v>0</v>
      </c>
      <c r="C21" s="315">
        <v>0</v>
      </c>
      <c r="D21" s="312">
        <v>0</v>
      </c>
      <c r="E21" s="314">
        <v>0</v>
      </c>
      <c r="F21" s="315">
        <v>65</v>
      </c>
      <c r="G21" s="315">
        <v>26</v>
      </c>
      <c r="H21" s="315">
        <v>27</v>
      </c>
      <c r="I21" s="315">
        <v>20</v>
      </c>
      <c r="J21" s="315">
        <v>0</v>
      </c>
      <c r="K21" s="312">
        <v>138</v>
      </c>
      <c r="L21" s="317">
        <v>138</v>
      </c>
      <c r="M21" s="315">
        <v>0</v>
      </c>
      <c r="N21" s="315">
        <v>0</v>
      </c>
      <c r="O21" s="312">
        <v>0</v>
      </c>
      <c r="P21" s="314">
        <v>0</v>
      </c>
      <c r="Q21" s="315">
        <v>4</v>
      </c>
      <c r="R21" s="315">
        <v>27</v>
      </c>
      <c r="S21" s="315">
        <v>1</v>
      </c>
      <c r="T21" s="315">
        <v>0</v>
      </c>
      <c r="U21" s="315">
        <v>0</v>
      </c>
      <c r="V21" s="312">
        <v>32</v>
      </c>
      <c r="W21" s="317">
        <v>32</v>
      </c>
    </row>
    <row r="22" spans="1:23" ht="21" customHeight="1" x14ac:dyDescent="0.2">
      <c r="A22" s="291" t="s">
        <v>20</v>
      </c>
      <c r="B22" s="315">
        <v>0</v>
      </c>
      <c r="C22" s="315">
        <v>0</v>
      </c>
      <c r="D22" s="312">
        <v>0</v>
      </c>
      <c r="E22" s="314">
        <v>0</v>
      </c>
      <c r="F22" s="315">
        <v>62</v>
      </c>
      <c r="G22" s="315">
        <v>38</v>
      </c>
      <c r="H22" s="315">
        <v>0</v>
      </c>
      <c r="I22" s="315">
        <v>7</v>
      </c>
      <c r="J22" s="315">
        <v>0</v>
      </c>
      <c r="K22" s="312">
        <v>107</v>
      </c>
      <c r="L22" s="317">
        <v>107</v>
      </c>
      <c r="M22" s="315">
        <v>0</v>
      </c>
      <c r="N22" s="315">
        <v>0</v>
      </c>
      <c r="O22" s="312">
        <v>0</v>
      </c>
      <c r="P22" s="314">
        <v>0</v>
      </c>
      <c r="Q22" s="315">
        <v>0</v>
      </c>
      <c r="R22" s="315">
        <v>0</v>
      </c>
      <c r="S22" s="315">
        <v>0</v>
      </c>
      <c r="T22" s="315">
        <v>7</v>
      </c>
      <c r="U22" s="315">
        <v>0</v>
      </c>
      <c r="V22" s="312">
        <v>7</v>
      </c>
      <c r="W22" s="317">
        <v>7</v>
      </c>
    </row>
    <row r="23" spans="1:23" ht="21" customHeight="1" x14ac:dyDescent="0.2">
      <c r="A23" s="291" t="s">
        <v>21</v>
      </c>
      <c r="B23" s="315">
        <v>0</v>
      </c>
      <c r="C23" s="315">
        <v>0</v>
      </c>
      <c r="D23" s="312">
        <v>0</v>
      </c>
      <c r="E23" s="314">
        <v>0</v>
      </c>
      <c r="F23" s="315">
        <v>79</v>
      </c>
      <c r="G23" s="315">
        <v>17</v>
      </c>
      <c r="H23" s="315">
        <v>24</v>
      </c>
      <c r="I23" s="315">
        <v>1</v>
      </c>
      <c r="J23" s="315">
        <v>0</v>
      </c>
      <c r="K23" s="312">
        <v>121</v>
      </c>
      <c r="L23" s="317">
        <v>121</v>
      </c>
      <c r="M23" s="315">
        <v>0</v>
      </c>
      <c r="N23" s="315">
        <v>0</v>
      </c>
      <c r="O23" s="312">
        <v>0</v>
      </c>
      <c r="P23" s="314">
        <v>0</v>
      </c>
      <c r="Q23" s="315">
        <v>0</v>
      </c>
      <c r="R23" s="315">
        <v>0</v>
      </c>
      <c r="S23" s="315">
        <v>0</v>
      </c>
      <c r="T23" s="315">
        <v>0</v>
      </c>
      <c r="U23" s="315">
        <v>0</v>
      </c>
      <c r="V23" s="312">
        <v>0</v>
      </c>
      <c r="W23" s="317">
        <v>0</v>
      </c>
    </row>
    <row r="24" spans="1:23" ht="21" customHeight="1" x14ac:dyDescent="0.2">
      <c r="A24" s="291" t="s">
        <v>22</v>
      </c>
      <c r="B24" s="315">
        <v>0</v>
      </c>
      <c r="C24" s="315">
        <v>0</v>
      </c>
      <c r="D24" s="312">
        <v>0</v>
      </c>
      <c r="E24" s="314">
        <v>0</v>
      </c>
      <c r="F24" s="315">
        <v>57</v>
      </c>
      <c r="G24" s="315">
        <v>12</v>
      </c>
      <c r="H24" s="315">
        <v>0</v>
      </c>
      <c r="I24" s="315">
        <v>6</v>
      </c>
      <c r="J24" s="315">
        <v>0</v>
      </c>
      <c r="K24" s="312">
        <v>75</v>
      </c>
      <c r="L24" s="317">
        <v>75</v>
      </c>
      <c r="M24" s="315">
        <v>0</v>
      </c>
      <c r="N24" s="315">
        <v>0</v>
      </c>
      <c r="O24" s="312">
        <v>0</v>
      </c>
      <c r="P24" s="314">
        <v>0</v>
      </c>
      <c r="Q24" s="315">
        <v>0</v>
      </c>
      <c r="R24" s="315">
        <v>0</v>
      </c>
      <c r="S24" s="315">
        <v>4</v>
      </c>
      <c r="T24" s="315">
        <v>0</v>
      </c>
      <c r="U24" s="315">
        <v>0</v>
      </c>
      <c r="V24" s="312">
        <v>4</v>
      </c>
      <c r="W24" s="317">
        <v>4</v>
      </c>
    </row>
    <row r="25" spans="1:23" ht="21" customHeight="1" x14ac:dyDescent="0.2">
      <c r="A25" s="291" t="s">
        <v>23</v>
      </c>
      <c r="B25" s="315">
        <v>0</v>
      </c>
      <c r="C25" s="315">
        <v>0</v>
      </c>
      <c r="D25" s="312">
        <v>0</v>
      </c>
      <c r="E25" s="314">
        <v>0</v>
      </c>
      <c r="F25" s="315">
        <v>16</v>
      </c>
      <c r="G25" s="315">
        <v>12</v>
      </c>
      <c r="H25" s="315">
        <v>9</v>
      </c>
      <c r="I25" s="315">
        <v>0</v>
      </c>
      <c r="J25" s="315">
        <v>19</v>
      </c>
      <c r="K25" s="312">
        <v>56</v>
      </c>
      <c r="L25" s="317">
        <v>56</v>
      </c>
      <c r="M25" s="315">
        <v>0</v>
      </c>
      <c r="N25" s="315">
        <v>0</v>
      </c>
      <c r="O25" s="312">
        <v>0</v>
      </c>
      <c r="P25" s="314">
        <v>0</v>
      </c>
      <c r="Q25" s="315">
        <v>0</v>
      </c>
      <c r="R25" s="315">
        <v>0</v>
      </c>
      <c r="S25" s="315">
        <v>0</v>
      </c>
      <c r="T25" s="315">
        <v>0</v>
      </c>
      <c r="U25" s="315">
        <v>0</v>
      </c>
      <c r="V25" s="312">
        <v>0</v>
      </c>
      <c r="W25" s="317">
        <v>0</v>
      </c>
    </row>
    <row r="26" spans="1:23" ht="21" customHeight="1" x14ac:dyDescent="0.2">
      <c r="A26" s="291" t="s">
        <v>24</v>
      </c>
      <c r="B26" s="315">
        <v>0</v>
      </c>
      <c r="C26" s="315">
        <v>0</v>
      </c>
      <c r="D26" s="312">
        <v>0</v>
      </c>
      <c r="E26" s="314">
        <v>0</v>
      </c>
      <c r="F26" s="315">
        <v>11</v>
      </c>
      <c r="G26" s="315">
        <v>20</v>
      </c>
      <c r="H26" s="315">
        <v>7</v>
      </c>
      <c r="I26" s="315">
        <v>0</v>
      </c>
      <c r="J26" s="315">
        <v>0</v>
      </c>
      <c r="K26" s="312">
        <v>38</v>
      </c>
      <c r="L26" s="317">
        <v>38</v>
      </c>
      <c r="M26" s="315">
        <v>0</v>
      </c>
      <c r="N26" s="315">
        <v>0</v>
      </c>
      <c r="O26" s="312">
        <v>0</v>
      </c>
      <c r="P26" s="314">
        <v>0</v>
      </c>
      <c r="Q26" s="315">
        <v>0</v>
      </c>
      <c r="R26" s="315">
        <v>7</v>
      </c>
      <c r="S26" s="315">
        <v>0</v>
      </c>
      <c r="T26" s="315">
        <v>0</v>
      </c>
      <c r="U26" s="315">
        <v>20</v>
      </c>
      <c r="V26" s="312">
        <v>27</v>
      </c>
      <c r="W26" s="317">
        <v>27</v>
      </c>
    </row>
    <row r="27" spans="1:23" ht="21" customHeight="1" x14ac:dyDescent="0.2">
      <c r="A27" s="291" t="s">
        <v>25</v>
      </c>
      <c r="B27" s="315">
        <v>0</v>
      </c>
      <c r="C27" s="315">
        <v>0</v>
      </c>
      <c r="D27" s="312">
        <v>0</v>
      </c>
      <c r="E27" s="314">
        <v>0</v>
      </c>
      <c r="F27" s="315">
        <v>26</v>
      </c>
      <c r="G27" s="315">
        <v>0</v>
      </c>
      <c r="H27" s="315">
        <v>0</v>
      </c>
      <c r="I27" s="315">
        <v>0</v>
      </c>
      <c r="J27" s="315">
        <v>0</v>
      </c>
      <c r="K27" s="312">
        <v>26</v>
      </c>
      <c r="L27" s="317">
        <v>26</v>
      </c>
      <c r="M27" s="315">
        <v>0</v>
      </c>
      <c r="N27" s="315">
        <v>0</v>
      </c>
      <c r="O27" s="312">
        <v>0</v>
      </c>
      <c r="P27" s="314">
        <v>0</v>
      </c>
      <c r="Q27" s="315">
        <v>0</v>
      </c>
      <c r="R27" s="315">
        <v>0</v>
      </c>
      <c r="S27" s="315">
        <v>0</v>
      </c>
      <c r="T27" s="315">
        <v>0</v>
      </c>
      <c r="U27" s="315">
        <v>0</v>
      </c>
      <c r="V27" s="312">
        <v>0</v>
      </c>
      <c r="W27" s="317">
        <v>0</v>
      </c>
    </row>
    <row r="28" spans="1:23" ht="21" customHeight="1" x14ac:dyDescent="0.2">
      <c r="A28" s="291" t="s">
        <v>26</v>
      </c>
      <c r="B28" s="315">
        <v>0</v>
      </c>
      <c r="C28" s="315">
        <v>0</v>
      </c>
      <c r="D28" s="312">
        <v>0</v>
      </c>
      <c r="E28" s="314">
        <v>0</v>
      </c>
      <c r="F28" s="315">
        <v>29</v>
      </c>
      <c r="G28" s="315">
        <v>30</v>
      </c>
      <c r="H28" s="315">
        <v>24</v>
      </c>
      <c r="I28" s="315">
        <v>0</v>
      </c>
      <c r="J28" s="315">
        <v>16</v>
      </c>
      <c r="K28" s="312">
        <v>99</v>
      </c>
      <c r="L28" s="317">
        <v>99</v>
      </c>
      <c r="M28" s="315">
        <v>0</v>
      </c>
      <c r="N28" s="315">
        <v>0</v>
      </c>
      <c r="O28" s="312">
        <v>0</v>
      </c>
      <c r="P28" s="314">
        <v>0</v>
      </c>
      <c r="Q28" s="315">
        <v>0</v>
      </c>
      <c r="R28" s="315">
        <v>0</v>
      </c>
      <c r="S28" s="315">
        <v>22</v>
      </c>
      <c r="T28" s="315">
        <v>0</v>
      </c>
      <c r="U28" s="315">
        <v>0</v>
      </c>
      <c r="V28" s="312">
        <v>22</v>
      </c>
      <c r="W28" s="317">
        <v>22</v>
      </c>
    </row>
    <row r="29" spans="1:23" ht="21" customHeight="1" x14ac:dyDescent="0.2">
      <c r="A29" s="291" t="s">
        <v>27</v>
      </c>
      <c r="B29" s="315">
        <v>0</v>
      </c>
      <c r="C29" s="315">
        <v>0</v>
      </c>
      <c r="D29" s="312">
        <v>0</v>
      </c>
      <c r="E29" s="314">
        <v>0</v>
      </c>
      <c r="F29" s="315">
        <v>0</v>
      </c>
      <c r="G29" s="315">
        <v>0</v>
      </c>
      <c r="H29" s="315">
        <v>4</v>
      </c>
      <c r="I29" s="315">
        <v>0</v>
      </c>
      <c r="J29" s="315">
        <v>1</v>
      </c>
      <c r="K29" s="312">
        <v>5</v>
      </c>
      <c r="L29" s="317">
        <v>5</v>
      </c>
      <c r="M29" s="315">
        <v>0</v>
      </c>
      <c r="N29" s="315">
        <v>0</v>
      </c>
      <c r="O29" s="312">
        <v>0</v>
      </c>
      <c r="P29" s="314">
        <v>0</v>
      </c>
      <c r="Q29" s="315">
        <v>7</v>
      </c>
      <c r="R29" s="315">
        <v>0</v>
      </c>
      <c r="S29" s="315">
        <v>0</v>
      </c>
      <c r="T29" s="315">
        <v>0</v>
      </c>
      <c r="U29" s="315">
        <v>0</v>
      </c>
      <c r="V29" s="312">
        <v>7</v>
      </c>
      <c r="W29" s="317">
        <v>7</v>
      </c>
    </row>
    <row r="30" spans="1:23" ht="21" customHeight="1" x14ac:dyDescent="0.2">
      <c r="A30" s="291" t="s">
        <v>28</v>
      </c>
      <c r="B30" s="315">
        <v>0</v>
      </c>
      <c r="C30" s="315">
        <v>0</v>
      </c>
      <c r="D30" s="312">
        <v>0</v>
      </c>
      <c r="E30" s="314">
        <v>0</v>
      </c>
      <c r="F30" s="315">
        <v>19</v>
      </c>
      <c r="G30" s="315">
        <v>9</v>
      </c>
      <c r="H30" s="315">
        <v>0</v>
      </c>
      <c r="I30" s="315">
        <v>0</v>
      </c>
      <c r="J30" s="315">
        <v>0</v>
      </c>
      <c r="K30" s="312">
        <v>28</v>
      </c>
      <c r="L30" s="317">
        <v>28</v>
      </c>
      <c r="M30" s="315">
        <v>0</v>
      </c>
      <c r="N30" s="315">
        <v>0</v>
      </c>
      <c r="O30" s="312">
        <v>0</v>
      </c>
      <c r="P30" s="314">
        <v>0</v>
      </c>
      <c r="Q30" s="315">
        <v>0</v>
      </c>
      <c r="R30" s="315">
        <v>0</v>
      </c>
      <c r="S30" s="315">
        <v>1</v>
      </c>
      <c r="T30" s="315">
        <v>0</v>
      </c>
      <c r="U30" s="315">
        <v>0</v>
      </c>
      <c r="V30" s="312">
        <v>1</v>
      </c>
      <c r="W30" s="317">
        <v>1</v>
      </c>
    </row>
    <row r="31" spans="1:23" ht="21" customHeight="1" x14ac:dyDescent="0.2">
      <c r="A31" s="291" t="s">
        <v>29</v>
      </c>
      <c r="B31" s="315">
        <v>0</v>
      </c>
      <c r="C31" s="315">
        <v>0</v>
      </c>
      <c r="D31" s="312">
        <v>0</v>
      </c>
      <c r="E31" s="314">
        <v>0</v>
      </c>
      <c r="F31" s="315">
        <v>0</v>
      </c>
      <c r="G31" s="315">
        <v>3</v>
      </c>
      <c r="H31" s="315">
        <v>0</v>
      </c>
      <c r="I31" s="315">
        <v>0</v>
      </c>
      <c r="J31" s="315">
        <v>0</v>
      </c>
      <c r="K31" s="312">
        <v>3</v>
      </c>
      <c r="L31" s="317">
        <v>3</v>
      </c>
      <c r="M31" s="315">
        <v>0</v>
      </c>
      <c r="N31" s="315">
        <v>0</v>
      </c>
      <c r="O31" s="312">
        <v>0</v>
      </c>
      <c r="P31" s="314">
        <v>0</v>
      </c>
      <c r="Q31" s="315">
        <v>0</v>
      </c>
      <c r="R31" s="315">
        <v>0</v>
      </c>
      <c r="S31" s="315">
        <v>8</v>
      </c>
      <c r="T31" s="315">
        <v>0</v>
      </c>
      <c r="U31" s="315">
        <v>0</v>
      </c>
      <c r="V31" s="312">
        <v>8</v>
      </c>
      <c r="W31" s="317">
        <v>8</v>
      </c>
    </row>
    <row r="32" spans="1:23" ht="21" customHeight="1" x14ac:dyDescent="0.2">
      <c r="A32" s="291" t="s">
        <v>30</v>
      </c>
      <c r="B32" s="315">
        <v>0</v>
      </c>
      <c r="C32" s="315">
        <v>0</v>
      </c>
      <c r="D32" s="312">
        <v>0</v>
      </c>
      <c r="E32" s="314">
        <v>0</v>
      </c>
      <c r="F32" s="315">
        <v>22</v>
      </c>
      <c r="G32" s="315">
        <v>0</v>
      </c>
      <c r="H32" s="315">
        <v>0</v>
      </c>
      <c r="I32" s="315">
        <v>0</v>
      </c>
      <c r="J32" s="315">
        <v>0</v>
      </c>
      <c r="K32" s="312">
        <v>22</v>
      </c>
      <c r="L32" s="317">
        <v>22</v>
      </c>
      <c r="M32" s="315">
        <v>0</v>
      </c>
      <c r="N32" s="315">
        <v>0</v>
      </c>
      <c r="O32" s="312">
        <v>0</v>
      </c>
      <c r="P32" s="314">
        <v>0</v>
      </c>
      <c r="Q32" s="315">
        <v>0</v>
      </c>
      <c r="R32" s="315">
        <v>5</v>
      </c>
      <c r="S32" s="315">
        <v>0</v>
      </c>
      <c r="T32" s="315">
        <v>0</v>
      </c>
      <c r="U32" s="315">
        <v>0</v>
      </c>
      <c r="V32" s="312">
        <v>5</v>
      </c>
      <c r="W32" s="317">
        <v>5</v>
      </c>
    </row>
    <row r="33" spans="1:23" ht="21" customHeight="1" x14ac:dyDescent="0.2">
      <c r="A33" s="291" t="s">
        <v>31</v>
      </c>
      <c r="B33" s="315">
        <v>0</v>
      </c>
      <c r="C33" s="315">
        <v>0</v>
      </c>
      <c r="D33" s="312">
        <v>0</v>
      </c>
      <c r="E33" s="314">
        <v>0</v>
      </c>
      <c r="F33" s="315">
        <v>11</v>
      </c>
      <c r="G33" s="315">
        <v>7</v>
      </c>
      <c r="H33" s="315">
        <v>8</v>
      </c>
      <c r="I33" s="315">
        <v>0</v>
      </c>
      <c r="J33" s="315">
        <v>0</v>
      </c>
      <c r="K33" s="312">
        <v>26</v>
      </c>
      <c r="L33" s="317">
        <v>26</v>
      </c>
      <c r="M33" s="315">
        <v>0</v>
      </c>
      <c r="N33" s="315">
        <v>0</v>
      </c>
      <c r="O33" s="312">
        <v>0</v>
      </c>
      <c r="P33" s="314">
        <v>0</v>
      </c>
      <c r="Q33" s="315">
        <v>0</v>
      </c>
      <c r="R33" s="315">
        <v>0</v>
      </c>
      <c r="S33" s="315">
        <v>0</v>
      </c>
      <c r="T33" s="315">
        <v>0</v>
      </c>
      <c r="U33" s="315">
        <v>0</v>
      </c>
      <c r="V33" s="312">
        <v>0</v>
      </c>
      <c r="W33" s="317">
        <v>0</v>
      </c>
    </row>
    <row r="34" spans="1:23" ht="21" customHeight="1" x14ac:dyDescent="0.2">
      <c r="A34" s="291" t="s">
        <v>32</v>
      </c>
      <c r="B34" s="315">
        <v>0</v>
      </c>
      <c r="C34" s="315">
        <v>0</v>
      </c>
      <c r="D34" s="312">
        <v>0</v>
      </c>
      <c r="E34" s="314">
        <v>0</v>
      </c>
      <c r="F34" s="315">
        <v>14</v>
      </c>
      <c r="G34" s="315">
        <v>9</v>
      </c>
      <c r="H34" s="315">
        <v>4</v>
      </c>
      <c r="I34" s="315">
        <v>0</v>
      </c>
      <c r="J34" s="315">
        <v>0</v>
      </c>
      <c r="K34" s="312">
        <v>27</v>
      </c>
      <c r="L34" s="317">
        <v>27</v>
      </c>
      <c r="M34" s="315">
        <v>0</v>
      </c>
      <c r="N34" s="315">
        <v>0</v>
      </c>
      <c r="O34" s="312">
        <v>0</v>
      </c>
      <c r="P34" s="314">
        <v>0</v>
      </c>
      <c r="Q34" s="315">
        <v>0</v>
      </c>
      <c r="R34" s="315">
        <v>0</v>
      </c>
      <c r="S34" s="315">
        <v>0</v>
      </c>
      <c r="T34" s="315">
        <v>0</v>
      </c>
      <c r="U34" s="315">
        <v>0</v>
      </c>
      <c r="V34" s="312">
        <v>0</v>
      </c>
      <c r="W34" s="317">
        <v>0</v>
      </c>
    </row>
    <row r="35" spans="1:23" ht="21" customHeight="1" x14ac:dyDescent="0.2">
      <c r="A35" s="291" t="s">
        <v>33</v>
      </c>
      <c r="B35" s="315">
        <v>0</v>
      </c>
      <c r="C35" s="315">
        <v>0</v>
      </c>
      <c r="D35" s="312">
        <v>0</v>
      </c>
      <c r="E35" s="314">
        <v>0</v>
      </c>
      <c r="F35" s="315">
        <v>11</v>
      </c>
      <c r="G35" s="315">
        <v>0</v>
      </c>
      <c r="H35" s="315">
        <v>8</v>
      </c>
      <c r="I35" s="315">
        <v>0</v>
      </c>
      <c r="J35" s="315">
        <v>0</v>
      </c>
      <c r="K35" s="312">
        <v>19</v>
      </c>
      <c r="L35" s="317">
        <v>19</v>
      </c>
      <c r="M35" s="315">
        <v>0</v>
      </c>
      <c r="N35" s="315">
        <v>0</v>
      </c>
      <c r="O35" s="312">
        <v>0</v>
      </c>
      <c r="P35" s="314">
        <v>0</v>
      </c>
      <c r="Q35" s="315">
        <v>0</v>
      </c>
      <c r="R35" s="315">
        <v>0</v>
      </c>
      <c r="S35" s="315">
        <v>0</v>
      </c>
      <c r="T35" s="315">
        <v>0</v>
      </c>
      <c r="U35" s="315">
        <v>0</v>
      </c>
      <c r="V35" s="312">
        <v>0</v>
      </c>
      <c r="W35" s="317">
        <v>0</v>
      </c>
    </row>
    <row r="36" spans="1:23" ht="21" customHeight="1" x14ac:dyDescent="0.2">
      <c r="A36" s="291" t="s">
        <v>34</v>
      </c>
      <c r="B36" s="315">
        <v>0</v>
      </c>
      <c r="C36" s="315">
        <v>0</v>
      </c>
      <c r="D36" s="312">
        <v>0</v>
      </c>
      <c r="E36" s="314">
        <v>0</v>
      </c>
      <c r="F36" s="315">
        <v>0</v>
      </c>
      <c r="G36" s="315">
        <v>0</v>
      </c>
      <c r="H36" s="315">
        <v>0</v>
      </c>
      <c r="I36" s="315">
        <v>0</v>
      </c>
      <c r="J36" s="315">
        <v>0</v>
      </c>
      <c r="K36" s="312">
        <v>0</v>
      </c>
      <c r="L36" s="317">
        <v>0</v>
      </c>
      <c r="M36" s="315">
        <v>0</v>
      </c>
      <c r="N36" s="315">
        <v>0</v>
      </c>
      <c r="O36" s="312">
        <v>0</v>
      </c>
      <c r="P36" s="314">
        <v>0</v>
      </c>
      <c r="Q36" s="315">
        <v>0</v>
      </c>
      <c r="R36" s="315">
        <v>0</v>
      </c>
      <c r="S36" s="315">
        <v>0</v>
      </c>
      <c r="T36" s="315">
        <v>0</v>
      </c>
      <c r="U36" s="315">
        <v>0</v>
      </c>
      <c r="V36" s="312">
        <v>0</v>
      </c>
      <c r="W36" s="317">
        <v>0</v>
      </c>
    </row>
    <row r="37" spans="1:23" ht="21" customHeight="1" x14ac:dyDescent="0.2">
      <c r="A37" s="291" t="s">
        <v>35</v>
      </c>
      <c r="B37" s="315">
        <v>0</v>
      </c>
      <c r="C37" s="315">
        <v>0</v>
      </c>
      <c r="D37" s="312">
        <v>0</v>
      </c>
      <c r="E37" s="314">
        <v>0</v>
      </c>
      <c r="F37" s="315">
        <v>16</v>
      </c>
      <c r="G37" s="315">
        <v>0</v>
      </c>
      <c r="H37" s="315">
        <v>0</v>
      </c>
      <c r="I37" s="315">
        <v>0</v>
      </c>
      <c r="J37" s="315">
        <v>0</v>
      </c>
      <c r="K37" s="312">
        <v>16</v>
      </c>
      <c r="L37" s="317">
        <v>16</v>
      </c>
      <c r="M37" s="315">
        <v>0</v>
      </c>
      <c r="N37" s="315">
        <v>0</v>
      </c>
      <c r="O37" s="312">
        <v>0</v>
      </c>
      <c r="P37" s="314">
        <v>0</v>
      </c>
      <c r="Q37" s="315">
        <v>0</v>
      </c>
      <c r="R37" s="315">
        <v>0</v>
      </c>
      <c r="S37" s="315">
        <v>0</v>
      </c>
      <c r="T37" s="315">
        <v>0</v>
      </c>
      <c r="U37" s="315">
        <v>0</v>
      </c>
      <c r="V37" s="312">
        <v>0</v>
      </c>
      <c r="W37" s="317">
        <v>0</v>
      </c>
    </row>
    <row r="38" spans="1:23" ht="21" customHeight="1" x14ac:dyDescent="0.2">
      <c r="A38" s="291" t="s">
        <v>36</v>
      </c>
      <c r="B38" s="315">
        <v>0</v>
      </c>
      <c r="C38" s="315">
        <v>0</v>
      </c>
      <c r="D38" s="312">
        <v>0</v>
      </c>
      <c r="E38" s="314">
        <v>0</v>
      </c>
      <c r="F38" s="315">
        <v>0</v>
      </c>
      <c r="G38" s="315">
        <v>24</v>
      </c>
      <c r="H38" s="315">
        <v>0</v>
      </c>
      <c r="I38" s="315">
        <v>25</v>
      </c>
      <c r="J38" s="315">
        <v>0</v>
      </c>
      <c r="K38" s="312">
        <v>49</v>
      </c>
      <c r="L38" s="317">
        <v>49</v>
      </c>
      <c r="M38" s="315">
        <v>0</v>
      </c>
      <c r="N38" s="315">
        <v>0</v>
      </c>
      <c r="O38" s="312">
        <v>0</v>
      </c>
      <c r="P38" s="314">
        <v>0</v>
      </c>
      <c r="Q38" s="315">
        <v>0</v>
      </c>
      <c r="R38" s="315">
        <v>0</v>
      </c>
      <c r="S38" s="315">
        <v>0</v>
      </c>
      <c r="T38" s="315">
        <v>0</v>
      </c>
      <c r="U38" s="315">
        <v>0</v>
      </c>
      <c r="V38" s="312">
        <v>0</v>
      </c>
      <c r="W38" s="317">
        <v>0</v>
      </c>
    </row>
    <row r="39" spans="1:23" ht="21" customHeight="1" thickBot="1" x14ac:dyDescent="0.25">
      <c r="A39" s="292" t="s">
        <v>37</v>
      </c>
      <c r="B39" s="322">
        <v>0</v>
      </c>
      <c r="C39" s="322">
        <v>0</v>
      </c>
      <c r="D39" s="319">
        <v>0</v>
      </c>
      <c r="E39" s="321">
        <v>0</v>
      </c>
      <c r="F39" s="322">
        <v>0</v>
      </c>
      <c r="G39" s="322">
        <v>0</v>
      </c>
      <c r="H39" s="322">
        <v>0</v>
      </c>
      <c r="I39" s="322">
        <v>0</v>
      </c>
      <c r="J39" s="322">
        <v>4</v>
      </c>
      <c r="K39" s="319">
        <v>4</v>
      </c>
      <c r="L39" s="324">
        <v>4</v>
      </c>
      <c r="M39" s="322">
        <v>0</v>
      </c>
      <c r="N39" s="322">
        <v>0</v>
      </c>
      <c r="O39" s="319">
        <v>0</v>
      </c>
      <c r="P39" s="321">
        <v>0</v>
      </c>
      <c r="Q39" s="322">
        <v>0</v>
      </c>
      <c r="R39" s="322">
        <v>0</v>
      </c>
      <c r="S39" s="322">
        <v>0</v>
      </c>
      <c r="T39" s="322">
        <v>0</v>
      </c>
      <c r="U39" s="322">
        <v>0</v>
      </c>
      <c r="V39" s="319">
        <v>0</v>
      </c>
      <c r="W39" s="324">
        <v>0</v>
      </c>
    </row>
  </sheetData>
  <mergeCells count="11">
    <mergeCell ref="W4:W5"/>
    <mergeCell ref="G1:H1"/>
    <mergeCell ref="J1:K1"/>
    <mergeCell ref="A3:A5"/>
    <mergeCell ref="B3:L3"/>
    <mergeCell ref="M3:W3"/>
    <mergeCell ref="B4:D4"/>
    <mergeCell ref="E4:K4"/>
    <mergeCell ref="L4:L5"/>
    <mergeCell ref="M4:O4"/>
    <mergeCell ref="P4:V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B219"/>
  <sheetViews>
    <sheetView zoomScaleNormal="100" zoomScaleSheetLayoutView="55"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8.33203125" style="1" customWidth="1"/>
    <col min="3" max="3" width="8.109375" style="1" customWidth="1"/>
    <col min="4" max="4" width="10.109375" style="1" bestFit="1" customWidth="1"/>
    <col min="5" max="10" width="9" style="1"/>
    <col min="11" max="11" width="9.6640625" style="1" customWidth="1"/>
    <col min="12" max="14" width="8.109375" style="1" customWidth="1"/>
    <col min="15" max="20" width="9.21875" style="1" customWidth="1"/>
    <col min="21" max="21" width="7.77734375" style="1" customWidth="1"/>
    <col min="22" max="24" width="8.33203125" style="1" customWidth="1"/>
    <col min="25" max="29" width="8.44140625" style="1" customWidth="1"/>
    <col min="30" max="31" width="7.109375" style="1" customWidth="1"/>
    <col min="32" max="41" width="8.77734375" style="1" customWidth="1"/>
    <col min="42" max="51" width="8.44140625" style="1" customWidth="1"/>
    <col min="52" max="131" width="9.6640625" style="1" customWidth="1"/>
    <col min="132" max="16384" width="9" style="1"/>
  </cols>
  <sheetData>
    <row r="1" spans="1:132" ht="25.5" customHeight="1" x14ac:dyDescent="0.2">
      <c r="A1" s="20" t="s">
        <v>56</v>
      </c>
      <c r="D1" s="411">
        <f>第１表!F2</f>
        <v>4</v>
      </c>
      <c r="E1" s="285">
        <f>第１表!G2</f>
        <v>3</v>
      </c>
      <c r="F1" s="549">
        <f>IF(E1&lt;3,E1-2+12,E1-2)</f>
        <v>1</v>
      </c>
      <c r="G1" s="549"/>
    </row>
    <row r="2" spans="1:132" ht="17.25" customHeight="1" thickBot="1" x14ac:dyDescent="0.25"/>
    <row r="3" spans="1:132" ht="24.75" customHeight="1" thickBot="1" x14ac:dyDescent="0.25">
      <c r="A3" s="567"/>
      <c r="B3" s="570" t="s">
        <v>57</v>
      </c>
      <c r="C3" s="571"/>
      <c r="D3" s="571"/>
      <c r="E3" s="571"/>
      <c r="F3" s="571"/>
      <c r="G3" s="571"/>
      <c r="H3" s="571"/>
      <c r="I3" s="571"/>
      <c r="J3" s="571"/>
      <c r="K3" s="571"/>
      <c r="L3" s="571"/>
      <c r="M3" s="571"/>
      <c r="N3" s="571"/>
      <c r="O3" s="571"/>
      <c r="P3" s="571"/>
      <c r="Q3" s="571"/>
      <c r="R3" s="571"/>
      <c r="S3" s="571"/>
      <c r="T3" s="571"/>
      <c r="U3" s="571"/>
      <c r="V3" s="571"/>
      <c r="W3" s="571"/>
      <c r="X3" s="571"/>
      <c r="Y3" s="571"/>
      <c r="Z3" s="571"/>
      <c r="AA3" s="571"/>
      <c r="AB3" s="571"/>
      <c r="AC3" s="571"/>
      <c r="AD3" s="571"/>
      <c r="AE3" s="572"/>
      <c r="AF3" s="570" t="s">
        <v>58</v>
      </c>
      <c r="AG3" s="573"/>
      <c r="AH3" s="573"/>
      <c r="AI3" s="573"/>
      <c r="AJ3" s="573"/>
      <c r="AK3" s="573"/>
      <c r="AL3" s="573"/>
      <c r="AM3" s="573"/>
      <c r="AN3" s="573"/>
      <c r="AO3" s="573"/>
      <c r="AP3" s="573"/>
      <c r="AQ3" s="573"/>
      <c r="AR3" s="573"/>
      <c r="AS3" s="573"/>
      <c r="AT3" s="573"/>
      <c r="AU3" s="573"/>
      <c r="AV3" s="573"/>
      <c r="AW3" s="573"/>
      <c r="AX3" s="573"/>
      <c r="AY3" s="573"/>
      <c r="AZ3" s="573"/>
      <c r="BA3" s="573"/>
      <c r="BB3" s="573"/>
      <c r="BC3" s="573"/>
      <c r="BD3" s="573"/>
      <c r="BE3" s="573"/>
      <c r="BF3" s="573"/>
      <c r="BG3" s="573"/>
      <c r="BH3" s="573"/>
      <c r="BI3" s="574"/>
      <c r="BJ3" s="570" t="s">
        <v>59</v>
      </c>
      <c r="BK3" s="571"/>
      <c r="BL3" s="571"/>
      <c r="BM3" s="571"/>
      <c r="BN3" s="571"/>
      <c r="BO3" s="571"/>
      <c r="BP3" s="571"/>
      <c r="BQ3" s="571"/>
      <c r="BR3" s="571"/>
      <c r="BS3" s="571"/>
      <c r="BT3" s="571"/>
      <c r="BU3" s="571"/>
      <c r="BV3" s="571"/>
      <c r="BW3" s="571"/>
      <c r="BX3" s="571"/>
      <c r="BY3" s="571"/>
      <c r="BZ3" s="571"/>
      <c r="CA3" s="571"/>
      <c r="CB3" s="571"/>
      <c r="CC3" s="571"/>
      <c r="CD3" s="571"/>
      <c r="CE3" s="571"/>
      <c r="CF3" s="571"/>
      <c r="CG3" s="571"/>
      <c r="CH3" s="571"/>
      <c r="CI3" s="571"/>
      <c r="CJ3" s="571"/>
      <c r="CK3" s="571"/>
      <c r="CL3" s="571"/>
      <c r="CM3" s="572"/>
      <c r="CN3" s="599" t="s">
        <v>151</v>
      </c>
      <c r="CO3" s="571"/>
      <c r="CP3" s="571"/>
      <c r="CQ3" s="571"/>
      <c r="CR3" s="571"/>
      <c r="CS3" s="571"/>
      <c r="CT3" s="571"/>
      <c r="CU3" s="571"/>
      <c r="CV3" s="571"/>
      <c r="CW3" s="571"/>
      <c r="CX3" s="571"/>
      <c r="CY3" s="571"/>
      <c r="CZ3" s="571"/>
      <c r="DA3" s="571"/>
      <c r="DB3" s="571"/>
      <c r="DC3" s="571"/>
      <c r="DD3" s="571"/>
      <c r="DE3" s="571"/>
      <c r="DF3" s="571"/>
      <c r="DG3" s="571"/>
      <c r="DH3" s="571"/>
      <c r="DI3" s="571"/>
      <c r="DJ3" s="571"/>
      <c r="DK3" s="571"/>
      <c r="DL3" s="571"/>
      <c r="DM3" s="571"/>
      <c r="DN3" s="571"/>
      <c r="DO3" s="571"/>
      <c r="DP3" s="571"/>
      <c r="DQ3" s="572"/>
      <c r="DR3" s="593" t="s">
        <v>60</v>
      </c>
      <c r="DS3" s="497"/>
      <c r="DT3" s="497"/>
      <c r="DU3" s="497"/>
      <c r="DV3" s="497"/>
      <c r="DW3" s="497"/>
      <c r="DX3" s="497"/>
      <c r="DY3" s="497"/>
      <c r="DZ3" s="497"/>
      <c r="EA3" s="498"/>
    </row>
    <row r="4" spans="1:132" ht="24.75" customHeight="1" thickBot="1" x14ac:dyDescent="0.25">
      <c r="A4" s="568"/>
      <c r="B4" s="594"/>
      <c r="C4" s="587"/>
      <c r="D4" s="587"/>
      <c r="E4" s="587"/>
      <c r="F4" s="587"/>
      <c r="G4" s="587"/>
      <c r="H4" s="587"/>
      <c r="I4" s="587"/>
      <c r="J4" s="587"/>
      <c r="K4" s="587"/>
      <c r="L4" s="596" t="s">
        <v>39</v>
      </c>
      <c r="M4" s="597"/>
      <c r="N4" s="597"/>
      <c r="O4" s="597"/>
      <c r="P4" s="597"/>
      <c r="Q4" s="597"/>
      <c r="R4" s="597"/>
      <c r="S4" s="597"/>
      <c r="T4" s="597"/>
      <c r="U4" s="598"/>
      <c r="V4" s="596" t="s">
        <v>40</v>
      </c>
      <c r="W4" s="597"/>
      <c r="X4" s="597"/>
      <c r="Y4" s="597"/>
      <c r="Z4" s="597"/>
      <c r="AA4" s="597"/>
      <c r="AB4" s="597"/>
      <c r="AC4" s="597"/>
      <c r="AD4" s="597"/>
      <c r="AE4" s="598"/>
      <c r="AF4" s="594"/>
      <c r="AG4" s="587"/>
      <c r="AH4" s="587"/>
      <c r="AI4" s="587"/>
      <c r="AJ4" s="587"/>
      <c r="AK4" s="587"/>
      <c r="AL4" s="587"/>
      <c r="AM4" s="587"/>
      <c r="AN4" s="587"/>
      <c r="AO4" s="587"/>
      <c r="AP4" s="596" t="s">
        <v>39</v>
      </c>
      <c r="AQ4" s="597"/>
      <c r="AR4" s="597"/>
      <c r="AS4" s="597"/>
      <c r="AT4" s="597"/>
      <c r="AU4" s="597"/>
      <c r="AV4" s="597"/>
      <c r="AW4" s="597"/>
      <c r="AX4" s="597"/>
      <c r="AY4" s="598"/>
      <c r="AZ4" s="596" t="s">
        <v>40</v>
      </c>
      <c r="BA4" s="597"/>
      <c r="BB4" s="597"/>
      <c r="BC4" s="597"/>
      <c r="BD4" s="597"/>
      <c r="BE4" s="597"/>
      <c r="BF4" s="597"/>
      <c r="BG4" s="597"/>
      <c r="BH4" s="597"/>
      <c r="BI4" s="598"/>
      <c r="BJ4" s="594"/>
      <c r="BK4" s="587"/>
      <c r="BL4" s="587"/>
      <c r="BM4" s="587"/>
      <c r="BN4" s="587"/>
      <c r="BO4" s="587"/>
      <c r="BP4" s="587"/>
      <c r="BQ4" s="587"/>
      <c r="BR4" s="587"/>
      <c r="BS4" s="587"/>
      <c r="BT4" s="596" t="s">
        <v>39</v>
      </c>
      <c r="BU4" s="597"/>
      <c r="BV4" s="597"/>
      <c r="BW4" s="597"/>
      <c r="BX4" s="597"/>
      <c r="BY4" s="597"/>
      <c r="BZ4" s="597"/>
      <c r="CA4" s="597"/>
      <c r="CB4" s="597"/>
      <c r="CC4" s="598"/>
      <c r="CD4" s="596" t="s">
        <v>40</v>
      </c>
      <c r="CE4" s="597"/>
      <c r="CF4" s="597"/>
      <c r="CG4" s="597"/>
      <c r="CH4" s="597"/>
      <c r="CI4" s="597"/>
      <c r="CJ4" s="597"/>
      <c r="CK4" s="597"/>
      <c r="CL4" s="597"/>
      <c r="CM4" s="598"/>
      <c r="CN4" s="594"/>
      <c r="CO4" s="587"/>
      <c r="CP4" s="587"/>
      <c r="CQ4" s="587"/>
      <c r="CR4" s="587"/>
      <c r="CS4" s="587"/>
      <c r="CT4" s="587"/>
      <c r="CU4" s="587"/>
      <c r="CV4" s="587"/>
      <c r="CW4" s="587"/>
      <c r="CX4" s="596" t="s">
        <v>39</v>
      </c>
      <c r="CY4" s="597"/>
      <c r="CZ4" s="597"/>
      <c r="DA4" s="597"/>
      <c r="DB4" s="597"/>
      <c r="DC4" s="597"/>
      <c r="DD4" s="597"/>
      <c r="DE4" s="597"/>
      <c r="DF4" s="597"/>
      <c r="DG4" s="598"/>
      <c r="DH4" s="596" t="s">
        <v>40</v>
      </c>
      <c r="DI4" s="597"/>
      <c r="DJ4" s="597"/>
      <c r="DK4" s="597"/>
      <c r="DL4" s="597"/>
      <c r="DM4" s="597"/>
      <c r="DN4" s="597"/>
      <c r="DO4" s="597"/>
      <c r="DP4" s="597"/>
      <c r="DQ4" s="598"/>
      <c r="DR4" s="594"/>
      <c r="DS4" s="587"/>
      <c r="DT4" s="587"/>
      <c r="DU4" s="587"/>
      <c r="DV4" s="587"/>
      <c r="DW4" s="587"/>
      <c r="DX4" s="587"/>
      <c r="DY4" s="587"/>
      <c r="DZ4" s="587"/>
      <c r="EA4" s="595"/>
    </row>
    <row r="5" spans="1:132" ht="24.75" customHeight="1" x14ac:dyDescent="0.2">
      <c r="A5" s="569"/>
      <c r="B5" s="575" t="s">
        <v>61</v>
      </c>
      <c r="C5" s="576"/>
      <c r="D5" s="577"/>
      <c r="E5" s="578" t="s">
        <v>62</v>
      </c>
      <c r="F5" s="579"/>
      <c r="G5" s="579"/>
      <c r="H5" s="579"/>
      <c r="I5" s="579"/>
      <c r="J5" s="580"/>
      <c r="K5" s="591" t="s">
        <v>52</v>
      </c>
      <c r="L5" s="583" t="s">
        <v>61</v>
      </c>
      <c r="M5" s="584"/>
      <c r="N5" s="585"/>
      <c r="O5" s="586" t="s">
        <v>62</v>
      </c>
      <c r="P5" s="587"/>
      <c r="Q5" s="587"/>
      <c r="R5" s="587"/>
      <c r="S5" s="587"/>
      <c r="T5" s="588"/>
      <c r="U5" s="592" t="s">
        <v>52</v>
      </c>
      <c r="V5" s="600" t="s">
        <v>61</v>
      </c>
      <c r="W5" s="584"/>
      <c r="X5" s="585"/>
      <c r="Y5" s="586" t="s">
        <v>62</v>
      </c>
      <c r="Z5" s="587"/>
      <c r="AA5" s="587"/>
      <c r="AB5" s="587"/>
      <c r="AC5" s="587"/>
      <c r="AD5" s="588"/>
      <c r="AE5" s="592" t="s">
        <v>52</v>
      </c>
      <c r="AF5" s="575" t="s">
        <v>61</v>
      </c>
      <c r="AG5" s="576"/>
      <c r="AH5" s="577"/>
      <c r="AI5" s="578" t="s">
        <v>62</v>
      </c>
      <c r="AJ5" s="579"/>
      <c r="AK5" s="579"/>
      <c r="AL5" s="579"/>
      <c r="AM5" s="579"/>
      <c r="AN5" s="580"/>
      <c r="AO5" s="581" t="s">
        <v>52</v>
      </c>
      <c r="AP5" s="583" t="s">
        <v>61</v>
      </c>
      <c r="AQ5" s="584"/>
      <c r="AR5" s="585"/>
      <c r="AS5" s="586" t="s">
        <v>62</v>
      </c>
      <c r="AT5" s="587"/>
      <c r="AU5" s="587"/>
      <c r="AV5" s="587"/>
      <c r="AW5" s="587"/>
      <c r="AX5" s="588"/>
      <c r="AY5" s="589" t="s">
        <v>52</v>
      </c>
      <c r="AZ5" s="583" t="s">
        <v>61</v>
      </c>
      <c r="BA5" s="584"/>
      <c r="BB5" s="585"/>
      <c r="BC5" s="586" t="s">
        <v>62</v>
      </c>
      <c r="BD5" s="587"/>
      <c r="BE5" s="587"/>
      <c r="BF5" s="587"/>
      <c r="BG5" s="587"/>
      <c r="BH5" s="588"/>
      <c r="BI5" s="592" t="s">
        <v>52</v>
      </c>
      <c r="BJ5" s="575" t="s">
        <v>61</v>
      </c>
      <c r="BK5" s="576"/>
      <c r="BL5" s="577"/>
      <c r="BM5" s="578" t="s">
        <v>62</v>
      </c>
      <c r="BN5" s="579"/>
      <c r="BO5" s="579"/>
      <c r="BP5" s="579"/>
      <c r="BQ5" s="579"/>
      <c r="BR5" s="580"/>
      <c r="BS5" s="591" t="s">
        <v>52</v>
      </c>
      <c r="BT5" s="583" t="s">
        <v>61</v>
      </c>
      <c r="BU5" s="584"/>
      <c r="BV5" s="585"/>
      <c r="BW5" s="586" t="s">
        <v>62</v>
      </c>
      <c r="BX5" s="587"/>
      <c r="BY5" s="587"/>
      <c r="BZ5" s="587"/>
      <c r="CA5" s="587"/>
      <c r="CB5" s="588"/>
      <c r="CC5" s="592" t="s">
        <v>52</v>
      </c>
      <c r="CD5" s="600" t="s">
        <v>61</v>
      </c>
      <c r="CE5" s="584"/>
      <c r="CF5" s="585"/>
      <c r="CG5" s="586" t="s">
        <v>62</v>
      </c>
      <c r="CH5" s="587"/>
      <c r="CI5" s="587"/>
      <c r="CJ5" s="587"/>
      <c r="CK5" s="587"/>
      <c r="CL5" s="588"/>
      <c r="CM5" s="592" t="s">
        <v>52</v>
      </c>
      <c r="CN5" s="575" t="s">
        <v>61</v>
      </c>
      <c r="CO5" s="576"/>
      <c r="CP5" s="577"/>
      <c r="CQ5" s="578" t="s">
        <v>62</v>
      </c>
      <c r="CR5" s="579"/>
      <c r="CS5" s="579"/>
      <c r="CT5" s="579"/>
      <c r="CU5" s="579"/>
      <c r="CV5" s="580"/>
      <c r="CW5" s="591" t="s">
        <v>52</v>
      </c>
      <c r="CX5" s="583" t="s">
        <v>61</v>
      </c>
      <c r="CY5" s="584"/>
      <c r="CZ5" s="585"/>
      <c r="DA5" s="586" t="s">
        <v>62</v>
      </c>
      <c r="DB5" s="587"/>
      <c r="DC5" s="587"/>
      <c r="DD5" s="587"/>
      <c r="DE5" s="587"/>
      <c r="DF5" s="588"/>
      <c r="DG5" s="592" t="s">
        <v>52</v>
      </c>
      <c r="DH5" s="600" t="s">
        <v>61</v>
      </c>
      <c r="DI5" s="584"/>
      <c r="DJ5" s="585"/>
      <c r="DK5" s="586" t="s">
        <v>62</v>
      </c>
      <c r="DL5" s="587"/>
      <c r="DM5" s="587"/>
      <c r="DN5" s="587"/>
      <c r="DO5" s="587"/>
      <c r="DP5" s="588"/>
      <c r="DQ5" s="592" t="s">
        <v>52</v>
      </c>
      <c r="DR5" s="575" t="s">
        <v>61</v>
      </c>
      <c r="DS5" s="576"/>
      <c r="DT5" s="577"/>
      <c r="DU5" s="578" t="s">
        <v>62</v>
      </c>
      <c r="DV5" s="579"/>
      <c r="DW5" s="579"/>
      <c r="DX5" s="579"/>
      <c r="DY5" s="579"/>
      <c r="DZ5" s="580"/>
      <c r="EA5" s="581" t="s">
        <v>52</v>
      </c>
    </row>
    <row r="6" spans="1:132" ht="24.75" customHeight="1" thickBot="1" x14ac:dyDescent="0.25">
      <c r="A6" s="348" t="s">
        <v>42</v>
      </c>
      <c r="B6" s="31" t="s">
        <v>43</v>
      </c>
      <c r="C6" s="32" t="s">
        <v>44</v>
      </c>
      <c r="D6" s="32" t="s">
        <v>45</v>
      </c>
      <c r="E6" s="33" t="s">
        <v>47</v>
      </c>
      <c r="F6" s="34" t="s">
        <v>48</v>
      </c>
      <c r="G6" s="34" t="s">
        <v>49</v>
      </c>
      <c r="H6" s="35" t="s">
        <v>50</v>
      </c>
      <c r="I6" s="32" t="s">
        <v>51</v>
      </c>
      <c r="J6" s="36" t="s">
        <v>95</v>
      </c>
      <c r="K6" s="590"/>
      <c r="L6" s="31" t="s">
        <v>43</v>
      </c>
      <c r="M6" s="32" t="s">
        <v>44</v>
      </c>
      <c r="N6" s="36" t="s">
        <v>45</v>
      </c>
      <c r="O6" s="33" t="s">
        <v>47</v>
      </c>
      <c r="P6" s="34" t="s">
        <v>48</v>
      </c>
      <c r="Q6" s="34" t="s">
        <v>49</v>
      </c>
      <c r="R6" s="35" t="s">
        <v>50</v>
      </c>
      <c r="S6" s="32" t="s">
        <v>51</v>
      </c>
      <c r="T6" s="36" t="s">
        <v>45</v>
      </c>
      <c r="U6" s="582"/>
      <c r="V6" s="15" t="s">
        <v>43</v>
      </c>
      <c r="W6" s="32" t="s">
        <v>44</v>
      </c>
      <c r="X6" s="36" t="s">
        <v>45</v>
      </c>
      <c r="Y6" s="15" t="s">
        <v>47</v>
      </c>
      <c r="Z6" s="34" t="s">
        <v>48</v>
      </c>
      <c r="AA6" s="34" t="s">
        <v>49</v>
      </c>
      <c r="AB6" s="35" t="s">
        <v>50</v>
      </c>
      <c r="AC6" s="32" t="s">
        <v>51</v>
      </c>
      <c r="AD6" s="36" t="s">
        <v>45</v>
      </c>
      <c r="AE6" s="582"/>
      <c r="AF6" s="31" t="s">
        <v>43</v>
      </c>
      <c r="AG6" s="32" t="s">
        <v>44</v>
      </c>
      <c r="AH6" s="36" t="s">
        <v>45</v>
      </c>
      <c r="AI6" s="15" t="s">
        <v>47</v>
      </c>
      <c r="AJ6" s="34" t="s">
        <v>48</v>
      </c>
      <c r="AK6" s="34" t="s">
        <v>49</v>
      </c>
      <c r="AL6" s="35" t="s">
        <v>50</v>
      </c>
      <c r="AM6" s="32" t="s">
        <v>51</v>
      </c>
      <c r="AN6" s="36" t="s">
        <v>45</v>
      </c>
      <c r="AO6" s="582"/>
      <c r="AP6" s="31" t="s">
        <v>43</v>
      </c>
      <c r="AQ6" s="32" t="s">
        <v>44</v>
      </c>
      <c r="AR6" s="36" t="s">
        <v>45</v>
      </c>
      <c r="AS6" s="33" t="s">
        <v>47</v>
      </c>
      <c r="AT6" s="34" t="s">
        <v>48</v>
      </c>
      <c r="AU6" s="34" t="s">
        <v>49</v>
      </c>
      <c r="AV6" s="35" t="s">
        <v>50</v>
      </c>
      <c r="AW6" s="32" t="s">
        <v>51</v>
      </c>
      <c r="AX6" s="36" t="s">
        <v>45</v>
      </c>
      <c r="AY6" s="590"/>
      <c r="AZ6" s="31" t="s">
        <v>43</v>
      </c>
      <c r="BA6" s="32" t="s">
        <v>44</v>
      </c>
      <c r="BB6" s="32" t="s">
        <v>45</v>
      </c>
      <c r="BC6" s="33" t="s">
        <v>47</v>
      </c>
      <c r="BD6" s="34" t="s">
        <v>48</v>
      </c>
      <c r="BE6" s="34" t="s">
        <v>49</v>
      </c>
      <c r="BF6" s="35" t="s">
        <v>50</v>
      </c>
      <c r="BG6" s="32" t="s">
        <v>51</v>
      </c>
      <c r="BH6" s="36" t="s">
        <v>45</v>
      </c>
      <c r="BI6" s="582"/>
      <c r="BJ6" s="31" t="s">
        <v>43</v>
      </c>
      <c r="BK6" s="32" t="s">
        <v>44</v>
      </c>
      <c r="BL6" s="32" t="s">
        <v>45</v>
      </c>
      <c r="BM6" s="33" t="s">
        <v>47</v>
      </c>
      <c r="BN6" s="34" t="s">
        <v>48</v>
      </c>
      <c r="BO6" s="34" t="s">
        <v>49</v>
      </c>
      <c r="BP6" s="35" t="s">
        <v>50</v>
      </c>
      <c r="BQ6" s="32" t="s">
        <v>51</v>
      </c>
      <c r="BR6" s="36" t="s">
        <v>45</v>
      </c>
      <c r="BS6" s="590"/>
      <c r="BT6" s="31" t="s">
        <v>43</v>
      </c>
      <c r="BU6" s="32" t="s">
        <v>44</v>
      </c>
      <c r="BV6" s="32" t="s">
        <v>45</v>
      </c>
      <c r="BW6" s="33" t="s">
        <v>47</v>
      </c>
      <c r="BX6" s="34" t="s">
        <v>48</v>
      </c>
      <c r="BY6" s="34" t="s">
        <v>49</v>
      </c>
      <c r="BZ6" s="35" t="s">
        <v>50</v>
      </c>
      <c r="CA6" s="32" t="s">
        <v>51</v>
      </c>
      <c r="CB6" s="36" t="s">
        <v>45</v>
      </c>
      <c r="CC6" s="582"/>
      <c r="CD6" s="15" t="s">
        <v>43</v>
      </c>
      <c r="CE6" s="32" t="s">
        <v>44</v>
      </c>
      <c r="CF6" s="32" t="s">
        <v>45</v>
      </c>
      <c r="CG6" s="33" t="s">
        <v>47</v>
      </c>
      <c r="CH6" s="34" t="s">
        <v>48</v>
      </c>
      <c r="CI6" s="34" t="s">
        <v>49</v>
      </c>
      <c r="CJ6" s="35" t="s">
        <v>50</v>
      </c>
      <c r="CK6" s="32" t="s">
        <v>51</v>
      </c>
      <c r="CL6" s="36" t="s">
        <v>45</v>
      </c>
      <c r="CM6" s="582"/>
      <c r="CN6" s="31" t="s">
        <v>43</v>
      </c>
      <c r="CO6" s="32" t="s">
        <v>44</v>
      </c>
      <c r="CP6" s="32" t="s">
        <v>45</v>
      </c>
      <c r="CQ6" s="33" t="s">
        <v>47</v>
      </c>
      <c r="CR6" s="34" t="s">
        <v>48</v>
      </c>
      <c r="CS6" s="34" t="s">
        <v>49</v>
      </c>
      <c r="CT6" s="35" t="s">
        <v>50</v>
      </c>
      <c r="CU6" s="32" t="s">
        <v>51</v>
      </c>
      <c r="CV6" s="36" t="s">
        <v>45</v>
      </c>
      <c r="CW6" s="590"/>
      <c r="CX6" s="31" t="s">
        <v>43</v>
      </c>
      <c r="CY6" s="32" t="s">
        <v>44</v>
      </c>
      <c r="CZ6" s="32" t="s">
        <v>45</v>
      </c>
      <c r="DA6" s="33" t="s">
        <v>47</v>
      </c>
      <c r="DB6" s="34" t="s">
        <v>48</v>
      </c>
      <c r="DC6" s="34" t="s">
        <v>49</v>
      </c>
      <c r="DD6" s="35" t="s">
        <v>50</v>
      </c>
      <c r="DE6" s="32" t="s">
        <v>51</v>
      </c>
      <c r="DF6" s="36" t="s">
        <v>45</v>
      </c>
      <c r="DG6" s="582"/>
      <c r="DH6" s="15" t="s">
        <v>43</v>
      </c>
      <c r="DI6" s="32" t="s">
        <v>44</v>
      </c>
      <c r="DJ6" s="32" t="s">
        <v>45</v>
      </c>
      <c r="DK6" s="33" t="s">
        <v>47</v>
      </c>
      <c r="DL6" s="34" t="s">
        <v>48</v>
      </c>
      <c r="DM6" s="34" t="s">
        <v>49</v>
      </c>
      <c r="DN6" s="35" t="s">
        <v>50</v>
      </c>
      <c r="DO6" s="32" t="s">
        <v>51</v>
      </c>
      <c r="DP6" s="36" t="s">
        <v>45</v>
      </c>
      <c r="DQ6" s="582"/>
      <c r="DR6" s="31" t="s">
        <v>43</v>
      </c>
      <c r="DS6" s="32" t="s">
        <v>44</v>
      </c>
      <c r="DT6" s="32" t="s">
        <v>45</v>
      </c>
      <c r="DU6" s="33" t="s">
        <v>47</v>
      </c>
      <c r="DV6" s="34" t="s">
        <v>48</v>
      </c>
      <c r="DW6" s="34" t="s">
        <v>49</v>
      </c>
      <c r="DX6" s="35" t="s">
        <v>50</v>
      </c>
      <c r="DY6" s="32" t="s">
        <v>51</v>
      </c>
      <c r="DZ6" s="36" t="s">
        <v>45</v>
      </c>
      <c r="EA6" s="582"/>
    </row>
    <row r="7" spans="1:132" ht="20.25" customHeight="1" x14ac:dyDescent="0.2">
      <c r="A7" s="347" t="s">
        <v>4</v>
      </c>
      <c r="B7" s="212">
        <v>0</v>
      </c>
      <c r="C7" s="213">
        <v>0</v>
      </c>
      <c r="D7" s="213">
        <v>0</v>
      </c>
      <c r="E7" s="214">
        <v>436</v>
      </c>
      <c r="F7" s="215">
        <v>1524</v>
      </c>
      <c r="G7" s="215">
        <v>9887</v>
      </c>
      <c r="H7" s="215">
        <v>14260</v>
      </c>
      <c r="I7" s="213">
        <v>10145</v>
      </c>
      <c r="J7" s="216">
        <v>36252</v>
      </c>
      <c r="K7" s="217">
        <v>36252</v>
      </c>
      <c r="L7" s="212">
        <v>0</v>
      </c>
      <c r="M7" s="213">
        <v>0</v>
      </c>
      <c r="N7" s="216">
        <v>0</v>
      </c>
      <c r="O7" s="214">
        <v>433</v>
      </c>
      <c r="P7" s="215">
        <v>1518</v>
      </c>
      <c r="Q7" s="215">
        <v>9808</v>
      </c>
      <c r="R7" s="215">
        <v>14135</v>
      </c>
      <c r="S7" s="213">
        <v>9999</v>
      </c>
      <c r="T7" s="216">
        <v>35893</v>
      </c>
      <c r="U7" s="218">
        <v>35893</v>
      </c>
      <c r="V7" s="219">
        <v>0</v>
      </c>
      <c r="W7" s="213">
        <v>0</v>
      </c>
      <c r="X7" s="216">
        <v>0</v>
      </c>
      <c r="Y7" s="219">
        <v>3</v>
      </c>
      <c r="Z7" s="215">
        <v>6</v>
      </c>
      <c r="AA7" s="215">
        <v>79</v>
      </c>
      <c r="AB7" s="215">
        <v>125</v>
      </c>
      <c r="AC7" s="213">
        <v>146</v>
      </c>
      <c r="AD7" s="216">
        <v>359</v>
      </c>
      <c r="AE7" s="220">
        <v>359</v>
      </c>
      <c r="AF7" s="219">
        <v>0</v>
      </c>
      <c r="AG7" s="213">
        <v>0</v>
      </c>
      <c r="AH7" s="216">
        <v>0</v>
      </c>
      <c r="AI7" s="219">
        <v>1823</v>
      </c>
      <c r="AJ7" s="215">
        <v>3546</v>
      </c>
      <c r="AK7" s="215">
        <v>4626</v>
      </c>
      <c r="AL7" s="215">
        <v>5342</v>
      </c>
      <c r="AM7" s="213">
        <v>2883</v>
      </c>
      <c r="AN7" s="216">
        <v>18220</v>
      </c>
      <c r="AO7" s="220">
        <v>18220</v>
      </c>
      <c r="AP7" s="219">
        <v>0</v>
      </c>
      <c r="AQ7" s="213">
        <v>0</v>
      </c>
      <c r="AR7" s="216">
        <v>0</v>
      </c>
      <c r="AS7" s="214">
        <v>1804</v>
      </c>
      <c r="AT7" s="215">
        <v>3509</v>
      </c>
      <c r="AU7" s="215">
        <v>4547</v>
      </c>
      <c r="AV7" s="215">
        <v>5237</v>
      </c>
      <c r="AW7" s="213">
        <v>2811</v>
      </c>
      <c r="AX7" s="216">
        <v>17908</v>
      </c>
      <c r="AY7" s="217">
        <v>17908</v>
      </c>
      <c r="AZ7" s="212">
        <v>0</v>
      </c>
      <c r="BA7" s="213">
        <v>0</v>
      </c>
      <c r="BB7" s="213">
        <v>0</v>
      </c>
      <c r="BC7" s="214">
        <v>19</v>
      </c>
      <c r="BD7" s="215">
        <v>37</v>
      </c>
      <c r="BE7" s="215">
        <v>79</v>
      </c>
      <c r="BF7" s="215">
        <v>105</v>
      </c>
      <c r="BG7" s="213">
        <v>72</v>
      </c>
      <c r="BH7" s="216">
        <v>312</v>
      </c>
      <c r="BI7" s="218">
        <v>312</v>
      </c>
      <c r="BJ7" s="219">
        <v>0</v>
      </c>
      <c r="BK7" s="213">
        <v>0</v>
      </c>
      <c r="BL7" s="213">
        <v>0</v>
      </c>
      <c r="BM7" s="214">
        <v>1</v>
      </c>
      <c r="BN7" s="215">
        <v>2</v>
      </c>
      <c r="BO7" s="215">
        <v>20</v>
      </c>
      <c r="BP7" s="215">
        <v>178</v>
      </c>
      <c r="BQ7" s="213">
        <v>261</v>
      </c>
      <c r="BR7" s="216">
        <v>462</v>
      </c>
      <c r="BS7" s="217">
        <v>462</v>
      </c>
      <c r="BT7" s="212">
        <v>0</v>
      </c>
      <c r="BU7" s="213">
        <v>0</v>
      </c>
      <c r="BV7" s="213">
        <v>0</v>
      </c>
      <c r="BW7" s="214">
        <v>1</v>
      </c>
      <c r="BX7" s="215">
        <v>2</v>
      </c>
      <c r="BY7" s="215">
        <v>20</v>
      </c>
      <c r="BZ7" s="215">
        <v>176</v>
      </c>
      <c r="CA7" s="213">
        <v>257</v>
      </c>
      <c r="CB7" s="216">
        <v>456</v>
      </c>
      <c r="CC7" s="218">
        <v>456</v>
      </c>
      <c r="CD7" s="219">
        <v>0</v>
      </c>
      <c r="CE7" s="213">
        <v>0</v>
      </c>
      <c r="CF7" s="213">
        <v>0</v>
      </c>
      <c r="CG7" s="214">
        <v>0</v>
      </c>
      <c r="CH7" s="215">
        <v>0</v>
      </c>
      <c r="CI7" s="215">
        <v>0</v>
      </c>
      <c r="CJ7" s="215">
        <v>2</v>
      </c>
      <c r="CK7" s="213">
        <v>4</v>
      </c>
      <c r="CL7" s="216">
        <v>6</v>
      </c>
      <c r="CM7" s="218">
        <v>6</v>
      </c>
      <c r="CN7" s="219">
        <v>0</v>
      </c>
      <c r="CO7" s="213">
        <v>0</v>
      </c>
      <c r="CP7" s="213">
        <v>0</v>
      </c>
      <c r="CQ7" s="214">
        <v>14</v>
      </c>
      <c r="CR7" s="215">
        <v>21</v>
      </c>
      <c r="CS7" s="215">
        <v>65</v>
      </c>
      <c r="CT7" s="215">
        <v>295</v>
      </c>
      <c r="CU7" s="213">
        <v>382</v>
      </c>
      <c r="CV7" s="216">
        <v>777</v>
      </c>
      <c r="CW7" s="217">
        <v>777</v>
      </c>
      <c r="CX7" s="212">
        <v>0</v>
      </c>
      <c r="CY7" s="213">
        <v>0</v>
      </c>
      <c r="CZ7" s="213">
        <v>0</v>
      </c>
      <c r="DA7" s="214">
        <v>13</v>
      </c>
      <c r="DB7" s="215">
        <v>20</v>
      </c>
      <c r="DC7" s="215">
        <v>65</v>
      </c>
      <c r="DD7" s="215">
        <v>290</v>
      </c>
      <c r="DE7" s="213">
        <v>372</v>
      </c>
      <c r="DF7" s="216">
        <v>760</v>
      </c>
      <c r="DG7" s="218">
        <v>760</v>
      </c>
      <c r="DH7" s="219">
        <v>0</v>
      </c>
      <c r="DI7" s="213">
        <v>0</v>
      </c>
      <c r="DJ7" s="213">
        <v>0</v>
      </c>
      <c r="DK7" s="214">
        <v>1</v>
      </c>
      <c r="DL7" s="215">
        <v>1</v>
      </c>
      <c r="DM7" s="215">
        <v>0</v>
      </c>
      <c r="DN7" s="215">
        <v>5</v>
      </c>
      <c r="DO7" s="213">
        <v>10</v>
      </c>
      <c r="DP7" s="216">
        <v>17</v>
      </c>
      <c r="DQ7" s="218">
        <v>17</v>
      </c>
      <c r="DR7" s="219">
        <v>0</v>
      </c>
      <c r="DS7" s="213">
        <v>0</v>
      </c>
      <c r="DT7" s="213">
        <v>0</v>
      </c>
      <c r="DU7" s="214">
        <v>2274</v>
      </c>
      <c r="DV7" s="215">
        <v>5093</v>
      </c>
      <c r="DW7" s="215">
        <v>14584</v>
      </c>
      <c r="DX7" s="215">
        <v>20050</v>
      </c>
      <c r="DY7" s="213">
        <v>13657</v>
      </c>
      <c r="DZ7" s="216">
        <v>55658</v>
      </c>
      <c r="EA7" s="218">
        <v>55658</v>
      </c>
      <c r="EB7" s="37"/>
    </row>
    <row r="8" spans="1:132" ht="20.25" customHeight="1" x14ac:dyDescent="0.2">
      <c r="A8" s="62" t="s">
        <v>5</v>
      </c>
      <c r="B8" s="221">
        <v>0</v>
      </c>
      <c r="C8" s="222">
        <v>0</v>
      </c>
      <c r="D8" s="222">
        <v>0</v>
      </c>
      <c r="E8" s="223">
        <v>225</v>
      </c>
      <c r="F8" s="224">
        <v>899</v>
      </c>
      <c r="G8" s="224">
        <v>4252</v>
      </c>
      <c r="H8" s="224">
        <v>5945</v>
      </c>
      <c r="I8" s="222">
        <v>4442</v>
      </c>
      <c r="J8" s="225">
        <v>15763</v>
      </c>
      <c r="K8" s="226">
        <v>15763</v>
      </c>
      <c r="L8" s="221">
        <v>0</v>
      </c>
      <c r="M8" s="222">
        <v>0</v>
      </c>
      <c r="N8" s="225">
        <v>0</v>
      </c>
      <c r="O8" s="223">
        <v>222</v>
      </c>
      <c r="P8" s="224">
        <v>895</v>
      </c>
      <c r="Q8" s="224">
        <v>4214</v>
      </c>
      <c r="R8" s="224">
        <v>5879</v>
      </c>
      <c r="S8" s="222">
        <v>4368</v>
      </c>
      <c r="T8" s="225">
        <v>15578</v>
      </c>
      <c r="U8" s="227">
        <v>15578</v>
      </c>
      <c r="V8" s="228">
        <v>0</v>
      </c>
      <c r="W8" s="222">
        <v>0</v>
      </c>
      <c r="X8" s="225">
        <v>0</v>
      </c>
      <c r="Y8" s="228">
        <v>3</v>
      </c>
      <c r="Z8" s="224">
        <v>4</v>
      </c>
      <c r="AA8" s="224">
        <v>38</v>
      </c>
      <c r="AB8" s="224">
        <v>66</v>
      </c>
      <c r="AC8" s="222">
        <v>74</v>
      </c>
      <c r="AD8" s="225">
        <v>185</v>
      </c>
      <c r="AE8" s="229">
        <v>185</v>
      </c>
      <c r="AF8" s="228">
        <v>0</v>
      </c>
      <c r="AG8" s="222">
        <v>0</v>
      </c>
      <c r="AH8" s="225">
        <v>0</v>
      </c>
      <c r="AI8" s="228">
        <v>636</v>
      </c>
      <c r="AJ8" s="224">
        <v>1608</v>
      </c>
      <c r="AK8" s="224">
        <v>2043</v>
      </c>
      <c r="AL8" s="224">
        <v>2361</v>
      </c>
      <c r="AM8" s="222">
        <v>1370</v>
      </c>
      <c r="AN8" s="225">
        <v>8018</v>
      </c>
      <c r="AO8" s="229">
        <v>8018</v>
      </c>
      <c r="AP8" s="228">
        <v>0</v>
      </c>
      <c r="AQ8" s="222">
        <v>0</v>
      </c>
      <c r="AR8" s="225">
        <v>0</v>
      </c>
      <c r="AS8" s="223">
        <v>632</v>
      </c>
      <c r="AT8" s="224">
        <v>1592</v>
      </c>
      <c r="AU8" s="224">
        <v>2010</v>
      </c>
      <c r="AV8" s="224">
        <v>2324</v>
      </c>
      <c r="AW8" s="222">
        <v>1341</v>
      </c>
      <c r="AX8" s="225">
        <v>7899</v>
      </c>
      <c r="AY8" s="226">
        <v>7899</v>
      </c>
      <c r="AZ8" s="221">
        <v>0</v>
      </c>
      <c r="BA8" s="222">
        <v>0</v>
      </c>
      <c r="BB8" s="222">
        <v>0</v>
      </c>
      <c r="BC8" s="223">
        <v>4</v>
      </c>
      <c r="BD8" s="224">
        <v>16</v>
      </c>
      <c r="BE8" s="224">
        <v>33</v>
      </c>
      <c r="BF8" s="224">
        <v>37</v>
      </c>
      <c r="BG8" s="222">
        <v>29</v>
      </c>
      <c r="BH8" s="225">
        <v>119</v>
      </c>
      <c r="BI8" s="227">
        <v>119</v>
      </c>
      <c r="BJ8" s="228">
        <v>0</v>
      </c>
      <c r="BK8" s="222">
        <v>0</v>
      </c>
      <c r="BL8" s="222">
        <v>0</v>
      </c>
      <c r="BM8" s="223">
        <v>0</v>
      </c>
      <c r="BN8" s="224">
        <v>2</v>
      </c>
      <c r="BO8" s="224">
        <v>6</v>
      </c>
      <c r="BP8" s="224">
        <v>62</v>
      </c>
      <c r="BQ8" s="222">
        <v>95</v>
      </c>
      <c r="BR8" s="225">
        <v>165</v>
      </c>
      <c r="BS8" s="226">
        <v>165</v>
      </c>
      <c r="BT8" s="221">
        <v>0</v>
      </c>
      <c r="BU8" s="222">
        <v>0</v>
      </c>
      <c r="BV8" s="222">
        <v>0</v>
      </c>
      <c r="BW8" s="223">
        <v>0</v>
      </c>
      <c r="BX8" s="224">
        <v>2</v>
      </c>
      <c r="BY8" s="224">
        <v>6</v>
      </c>
      <c r="BZ8" s="224">
        <v>61</v>
      </c>
      <c r="CA8" s="222">
        <v>93</v>
      </c>
      <c r="CB8" s="225">
        <v>162</v>
      </c>
      <c r="CC8" s="227">
        <v>162</v>
      </c>
      <c r="CD8" s="228">
        <v>0</v>
      </c>
      <c r="CE8" s="222">
        <v>0</v>
      </c>
      <c r="CF8" s="222">
        <v>0</v>
      </c>
      <c r="CG8" s="223">
        <v>0</v>
      </c>
      <c r="CH8" s="224">
        <v>0</v>
      </c>
      <c r="CI8" s="224">
        <v>0</v>
      </c>
      <c r="CJ8" s="224">
        <v>1</v>
      </c>
      <c r="CK8" s="222">
        <v>2</v>
      </c>
      <c r="CL8" s="225">
        <v>3</v>
      </c>
      <c r="CM8" s="227">
        <v>3</v>
      </c>
      <c r="CN8" s="228">
        <v>0</v>
      </c>
      <c r="CO8" s="222">
        <v>0</v>
      </c>
      <c r="CP8" s="222">
        <v>0</v>
      </c>
      <c r="CQ8" s="223">
        <v>3</v>
      </c>
      <c r="CR8" s="224">
        <v>4</v>
      </c>
      <c r="CS8" s="224">
        <v>11</v>
      </c>
      <c r="CT8" s="224">
        <v>82</v>
      </c>
      <c r="CU8" s="222">
        <v>93</v>
      </c>
      <c r="CV8" s="225">
        <v>193</v>
      </c>
      <c r="CW8" s="226">
        <v>193</v>
      </c>
      <c r="CX8" s="221">
        <v>0</v>
      </c>
      <c r="CY8" s="222">
        <v>0</v>
      </c>
      <c r="CZ8" s="222">
        <v>0</v>
      </c>
      <c r="DA8" s="223">
        <v>3</v>
      </c>
      <c r="DB8" s="224">
        <v>4</v>
      </c>
      <c r="DC8" s="224">
        <v>11</v>
      </c>
      <c r="DD8" s="224">
        <v>80</v>
      </c>
      <c r="DE8" s="222">
        <v>91</v>
      </c>
      <c r="DF8" s="225">
        <v>189</v>
      </c>
      <c r="DG8" s="227">
        <v>189</v>
      </c>
      <c r="DH8" s="228">
        <v>0</v>
      </c>
      <c r="DI8" s="222">
        <v>0</v>
      </c>
      <c r="DJ8" s="222">
        <v>0</v>
      </c>
      <c r="DK8" s="223">
        <v>0</v>
      </c>
      <c r="DL8" s="224">
        <v>0</v>
      </c>
      <c r="DM8" s="224">
        <v>0</v>
      </c>
      <c r="DN8" s="224">
        <v>2</v>
      </c>
      <c r="DO8" s="222">
        <v>2</v>
      </c>
      <c r="DP8" s="225">
        <v>4</v>
      </c>
      <c r="DQ8" s="227">
        <v>4</v>
      </c>
      <c r="DR8" s="228">
        <v>0</v>
      </c>
      <c r="DS8" s="222">
        <v>0</v>
      </c>
      <c r="DT8" s="222">
        <v>0</v>
      </c>
      <c r="DU8" s="223">
        <v>864</v>
      </c>
      <c r="DV8" s="224">
        <v>2513</v>
      </c>
      <c r="DW8" s="224">
        <v>6312</v>
      </c>
      <c r="DX8" s="224">
        <v>8450</v>
      </c>
      <c r="DY8" s="222">
        <v>6000</v>
      </c>
      <c r="DZ8" s="225">
        <v>24139</v>
      </c>
      <c r="EA8" s="227">
        <v>24139</v>
      </c>
      <c r="EB8" s="37"/>
    </row>
    <row r="9" spans="1:132" ht="20.25" customHeight="1" x14ac:dyDescent="0.2">
      <c r="A9" s="62" t="s">
        <v>6</v>
      </c>
      <c r="B9" s="221">
        <v>0</v>
      </c>
      <c r="C9" s="222">
        <v>0</v>
      </c>
      <c r="D9" s="222">
        <v>0</v>
      </c>
      <c r="E9" s="223">
        <v>75</v>
      </c>
      <c r="F9" s="224">
        <v>191</v>
      </c>
      <c r="G9" s="224">
        <v>1243</v>
      </c>
      <c r="H9" s="224">
        <v>1653</v>
      </c>
      <c r="I9" s="222">
        <v>1252</v>
      </c>
      <c r="J9" s="225">
        <v>4414</v>
      </c>
      <c r="K9" s="226">
        <v>4414</v>
      </c>
      <c r="L9" s="221">
        <v>0</v>
      </c>
      <c r="M9" s="222">
        <v>0</v>
      </c>
      <c r="N9" s="225">
        <v>0</v>
      </c>
      <c r="O9" s="223">
        <v>75</v>
      </c>
      <c r="P9" s="224">
        <v>191</v>
      </c>
      <c r="Q9" s="224">
        <v>1229</v>
      </c>
      <c r="R9" s="224">
        <v>1638</v>
      </c>
      <c r="S9" s="222">
        <v>1243</v>
      </c>
      <c r="T9" s="225">
        <v>4376</v>
      </c>
      <c r="U9" s="227">
        <v>4376</v>
      </c>
      <c r="V9" s="228">
        <v>0</v>
      </c>
      <c r="W9" s="222">
        <v>0</v>
      </c>
      <c r="X9" s="225">
        <v>0</v>
      </c>
      <c r="Y9" s="228">
        <v>0</v>
      </c>
      <c r="Z9" s="224">
        <v>0</v>
      </c>
      <c r="AA9" s="224">
        <v>14</v>
      </c>
      <c r="AB9" s="224">
        <v>15</v>
      </c>
      <c r="AC9" s="222">
        <v>9</v>
      </c>
      <c r="AD9" s="225">
        <v>38</v>
      </c>
      <c r="AE9" s="229">
        <v>38</v>
      </c>
      <c r="AF9" s="228">
        <v>0</v>
      </c>
      <c r="AG9" s="222">
        <v>0</v>
      </c>
      <c r="AH9" s="225">
        <v>0</v>
      </c>
      <c r="AI9" s="228">
        <v>229</v>
      </c>
      <c r="AJ9" s="224">
        <v>338</v>
      </c>
      <c r="AK9" s="224">
        <v>485</v>
      </c>
      <c r="AL9" s="224">
        <v>672</v>
      </c>
      <c r="AM9" s="222">
        <v>318</v>
      </c>
      <c r="AN9" s="225">
        <v>2042</v>
      </c>
      <c r="AO9" s="229">
        <v>2042</v>
      </c>
      <c r="AP9" s="228">
        <v>0</v>
      </c>
      <c r="AQ9" s="222">
        <v>0</v>
      </c>
      <c r="AR9" s="225">
        <v>0</v>
      </c>
      <c r="AS9" s="223">
        <v>224</v>
      </c>
      <c r="AT9" s="224">
        <v>335</v>
      </c>
      <c r="AU9" s="224">
        <v>478</v>
      </c>
      <c r="AV9" s="224">
        <v>652</v>
      </c>
      <c r="AW9" s="222">
        <v>303</v>
      </c>
      <c r="AX9" s="225">
        <v>1992</v>
      </c>
      <c r="AY9" s="226">
        <v>1992</v>
      </c>
      <c r="AZ9" s="221">
        <v>0</v>
      </c>
      <c r="BA9" s="222">
        <v>0</v>
      </c>
      <c r="BB9" s="222">
        <v>0</v>
      </c>
      <c r="BC9" s="223">
        <v>5</v>
      </c>
      <c r="BD9" s="224">
        <v>3</v>
      </c>
      <c r="BE9" s="224">
        <v>7</v>
      </c>
      <c r="BF9" s="224">
        <v>20</v>
      </c>
      <c r="BG9" s="222">
        <v>15</v>
      </c>
      <c r="BH9" s="225">
        <v>50</v>
      </c>
      <c r="BI9" s="227">
        <v>50</v>
      </c>
      <c r="BJ9" s="228">
        <v>0</v>
      </c>
      <c r="BK9" s="222">
        <v>0</v>
      </c>
      <c r="BL9" s="222">
        <v>0</v>
      </c>
      <c r="BM9" s="223">
        <v>1</v>
      </c>
      <c r="BN9" s="224">
        <v>0</v>
      </c>
      <c r="BO9" s="224">
        <v>9</v>
      </c>
      <c r="BP9" s="224">
        <v>67</v>
      </c>
      <c r="BQ9" s="222">
        <v>87</v>
      </c>
      <c r="BR9" s="225">
        <v>164</v>
      </c>
      <c r="BS9" s="226">
        <v>164</v>
      </c>
      <c r="BT9" s="221">
        <v>0</v>
      </c>
      <c r="BU9" s="222">
        <v>0</v>
      </c>
      <c r="BV9" s="222">
        <v>0</v>
      </c>
      <c r="BW9" s="223">
        <v>1</v>
      </c>
      <c r="BX9" s="224">
        <v>0</v>
      </c>
      <c r="BY9" s="224">
        <v>9</v>
      </c>
      <c r="BZ9" s="224">
        <v>66</v>
      </c>
      <c r="CA9" s="222">
        <v>85</v>
      </c>
      <c r="CB9" s="225">
        <v>161</v>
      </c>
      <c r="CC9" s="227">
        <v>161</v>
      </c>
      <c r="CD9" s="228">
        <v>0</v>
      </c>
      <c r="CE9" s="222">
        <v>0</v>
      </c>
      <c r="CF9" s="222">
        <v>0</v>
      </c>
      <c r="CG9" s="223">
        <v>0</v>
      </c>
      <c r="CH9" s="224">
        <v>0</v>
      </c>
      <c r="CI9" s="224">
        <v>0</v>
      </c>
      <c r="CJ9" s="224">
        <v>1</v>
      </c>
      <c r="CK9" s="222">
        <v>2</v>
      </c>
      <c r="CL9" s="225">
        <v>3</v>
      </c>
      <c r="CM9" s="227">
        <v>3</v>
      </c>
      <c r="CN9" s="228">
        <v>0</v>
      </c>
      <c r="CO9" s="222">
        <v>0</v>
      </c>
      <c r="CP9" s="222">
        <v>0</v>
      </c>
      <c r="CQ9" s="223">
        <v>0</v>
      </c>
      <c r="CR9" s="224">
        <v>1</v>
      </c>
      <c r="CS9" s="224">
        <v>5</v>
      </c>
      <c r="CT9" s="224">
        <v>36</v>
      </c>
      <c r="CU9" s="222">
        <v>57</v>
      </c>
      <c r="CV9" s="225">
        <v>99</v>
      </c>
      <c r="CW9" s="226">
        <v>99</v>
      </c>
      <c r="CX9" s="221">
        <v>0</v>
      </c>
      <c r="CY9" s="222">
        <v>0</v>
      </c>
      <c r="CZ9" s="222">
        <v>0</v>
      </c>
      <c r="DA9" s="223">
        <v>0</v>
      </c>
      <c r="DB9" s="224">
        <v>1</v>
      </c>
      <c r="DC9" s="224">
        <v>5</v>
      </c>
      <c r="DD9" s="224">
        <v>35</v>
      </c>
      <c r="DE9" s="222">
        <v>57</v>
      </c>
      <c r="DF9" s="225">
        <v>98</v>
      </c>
      <c r="DG9" s="227">
        <v>98</v>
      </c>
      <c r="DH9" s="228">
        <v>0</v>
      </c>
      <c r="DI9" s="222">
        <v>0</v>
      </c>
      <c r="DJ9" s="222">
        <v>0</v>
      </c>
      <c r="DK9" s="223">
        <v>0</v>
      </c>
      <c r="DL9" s="224">
        <v>0</v>
      </c>
      <c r="DM9" s="224">
        <v>0</v>
      </c>
      <c r="DN9" s="224">
        <v>1</v>
      </c>
      <c r="DO9" s="222">
        <v>0</v>
      </c>
      <c r="DP9" s="225">
        <v>1</v>
      </c>
      <c r="DQ9" s="227">
        <v>1</v>
      </c>
      <c r="DR9" s="228">
        <v>0</v>
      </c>
      <c r="DS9" s="222">
        <v>0</v>
      </c>
      <c r="DT9" s="222">
        <v>0</v>
      </c>
      <c r="DU9" s="223">
        <v>305</v>
      </c>
      <c r="DV9" s="224">
        <v>530</v>
      </c>
      <c r="DW9" s="224">
        <v>1742</v>
      </c>
      <c r="DX9" s="224">
        <v>2428</v>
      </c>
      <c r="DY9" s="222">
        <v>1714</v>
      </c>
      <c r="DZ9" s="225">
        <v>6719</v>
      </c>
      <c r="EA9" s="227">
        <v>6719</v>
      </c>
      <c r="EB9" s="37"/>
    </row>
    <row r="10" spans="1:132" ht="20.25" customHeight="1" x14ac:dyDescent="0.2">
      <c r="A10" s="62" t="s">
        <v>14</v>
      </c>
      <c r="B10" s="221">
        <v>0</v>
      </c>
      <c r="C10" s="222">
        <v>0</v>
      </c>
      <c r="D10" s="222">
        <v>0</v>
      </c>
      <c r="E10" s="223">
        <v>11</v>
      </c>
      <c r="F10" s="224">
        <v>59</v>
      </c>
      <c r="G10" s="224">
        <v>839</v>
      </c>
      <c r="H10" s="224">
        <v>1265</v>
      </c>
      <c r="I10" s="222">
        <v>718</v>
      </c>
      <c r="J10" s="225">
        <v>2892</v>
      </c>
      <c r="K10" s="226">
        <v>2892</v>
      </c>
      <c r="L10" s="221">
        <v>0</v>
      </c>
      <c r="M10" s="222">
        <v>0</v>
      </c>
      <c r="N10" s="225">
        <v>0</v>
      </c>
      <c r="O10" s="223">
        <v>11</v>
      </c>
      <c r="P10" s="224">
        <v>58</v>
      </c>
      <c r="Q10" s="224">
        <v>836</v>
      </c>
      <c r="R10" s="224">
        <v>1257</v>
      </c>
      <c r="S10" s="222">
        <v>710</v>
      </c>
      <c r="T10" s="225">
        <v>2872</v>
      </c>
      <c r="U10" s="227">
        <v>2872</v>
      </c>
      <c r="V10" s="228">
        <v>0</v>
      </c>
      <c r="W10" s="222">
        <v>0</v>
      </c>
      <c r="X10" s="225">
        <v>0</v>
      </c>
      <c r="Y10" s="228">
        <v>0</v>
      </c>
      <c r="Z10" s="224">
        <v>1</v>
      </c>
      <c r="AA10" s="224">
        <v>3</v>
      </c>
      <c r="AB10" s="224">
        <v>8</v>
      </c>
      <c r="AC10" s="222">
        <v>8</v>
      </c>
      <c r="AD10" s="225">
        <v>20</v>
      </c>
      <c r="AE10" s="229">
        <v>20</v>
      </c>
      <c r="AF10" s="228">
        <v>0</v>
      </c>
      <c r="AG10" s="222">
        <v>0</v>
      </c>
      <c r="AH10" s="225">
        <v>0</v>
      </c>
      <c r="AI10" s="228">
        <v>87</v>
      </c>
      <c r="AJ10" s="224">
        <v>209</v>
      </c>
      <c r="AK10" s="224">
        <v>284</v>
      </c>
      <c r="AL10" s="224">
        <v>353</v>
      </c>
      <c r="AM10" s="222">
        <v>201</v>
      </c>
      <c r="AN10" s="225">
        <v>1134</v>
      </c>
      <c r="AO10" s="229">
        <v>1134</v>
      </c>
      <c r="AP10" s="228">
        <v>0</v>
      </c>
      <c r="AQ10" s="222">
        <v>0</v>
      </c>
      <c r="AR10" s="225">
        <v>0</v>
      </c>
      <c r="AS10" s="223">
        <v>86</v>
      </c>
      <c r="AT10" s="224">
        <v>206</v>
      </c>
      <c r="AU10" s="224">
        <v>280</v>
      </c>
      <c r="AV10" s="224">
        <v>347</v>
      </c>
      <c r="AW10" s="222">
        <v>195</v>
      </c>
      <c r="AX10" s="225">
        <v>1114</v>
      </c>
      <c r="AY10" s="226">
        <v>1114</v>
      </c>
      <c r="AZ10" s="221">
        <v>0</v>
      </c>
      <c r="BA10" s="222">
        <v>0</v>
      </c>
      <c r="BB10" s="222">
        <v>0</v>
      </c>
      <c r="BC10" s="223">
        <v>1</v>
      </c>
      <c r="BD10" s="224">
        <v>3</v>
      </c>
      <c r="BE10" s="224">
        <v>4</v>
      </c>
      <c r="BF10" s="224">
        <v>6</v>
      </c>
      <c r="BG10" s="222">
        <v>6</v>
      </c>
      <c r="BH10" s="225">
        <v>20</v>
      </c>
      <c r="BI10" s="227">
        <v>20</v>
      </c>
      <c r="BJ10" s="228">
        <v>0</v>
      </c>
      <c r="BK10" s="222">
        <v>0</v>
      </c>
      <c r="BL10" s="222">
        <v>0</v>
      </c>
      <c r="BM10" s="223">
        <v>0</v>
      </c>
      <c r="BN10" s="224">
        <v>0</v>
      </c>
      <c r="BO10" s="224">
        <v>3</v>
      </c>
      <c r="BP10" s="224">
        <v>20</v>
      </c>
      <c r="BQ10" s="222">
        <v>22</v>
      </c>
      <c r="BR10" s="225">
        <v>45</v>
      </c>
      <c r="BS10" s="226">
        <v>45</v>
      </c>
      <c r="BT10" s="221">
        <v>0</v>
      </c>
      <c r="BU10" s="222">
        <v>0</v>
      </c>
      <c r="BV10" s="222">
        <v>0</v>
      </c>
      <c r="BW10" s="223">
        <v>0</v>
      </c>
      <c r="BX10" s="224">
        <v>0</v>
      </c>
      <c r="BY10" s="224">
        <v>3</v>
      </c>
      <c r="BZ10" s="224">
        <v>20</v>
      </c>
      <c r="CA10" s="222">
        <v>22</v>
      </c>
      <c r="CB10" s="225">
        <v>45</v>
      </c>
      <c r="CC10" s="227">
        <v>45</v>
      </c>
      <c r="CD10" s="228">
        <v>0</v>
      </c>
      <c r="CE10" s="222">
        <v>0</v>
      </c>
      <c r="CF10" s="222">
        <v>0</v>
      </c>
      <c r="CG10" s="223">
        <v>0</v>
      </c>
      <c r="CH10" s="224">
        <v>0</v>
      </c>
      <c r="CI10" s="224">
        <v>0</v>
      </c>
      <c r="CJ10" s="224">
        <v>0</v>
      </c>
      <c r="CK10" s="222">
        <v>0</v>
      </c>
      <c r="CL10" s="225">
        <v>0</v>
      </c>
      <c r="CM10" s="227">
        <v>0</v>
      </c>
      <c r="CN10" s="228">
        <v>0</v>
      </c>
      <c r="CO10" s="222">
        <v>0</v>
      </c>
      <c r="CP10" s="222">
        <v>0</v>
      </c>
      <c r="CQ10" s="223">
        <v>0</v>
      </c>
      <c r="CR10" s="224">
        <v>0</v>
      </c>
      <c r="CS10" s="224">
        <v>6</v>
      </c>
      <c r="CT10" s="224">
        <v>77</v>
      </c>
      <c r="CU10" s="222">
        <v>69</v>
      </c>
      <c r="CV10" s="225">
        <v>152</v>
      </c>
      <c r="CW10" s="226">
        <v>152</v>
      </c>
      <c r="CX10" s="221">
        <v>0</v>
      </c>
      <c r="CY10" s="222">
        <v>0</v>
      </c>
      <c r="CZ10" s="222">
        <v>0</v>
      </c>
      <c r="DA10" s="223">
        <v>0</v>
      </c>
      <c r="DB10" s="224">
        <v>0</v>
      </c>
      <c r="DC10" s="224">
        <v>6</v>
      </c>
      <c r="DD10" s="224">
        <v>76</v>
      </c>
      <c r="DE10" s="222">
        <v>67</v>
      </c>
      <c r="DF10" s="225">
        <v>149</v>
      </c>
      <c r="DG10" s="227">
        <v>149</v>
      </c>
      <c r="DH10" s="228">
        <v>0</v>
      </c>
      <c r="DI10" s="222">
        <v>0</v>
      </c>
      <c r="DJ10" s="222">
        <v>0</v>
      </c>
      <c r="DK10" s="223">
        <v>0</v>
      </c>
      <c r="DL10" s="224">
        <v>0</v>
      </c>
      <c r="DM10" s="224">
        <v>0</v>
      </c>
      <c r="DN10" s="224">
        <v>1</v>
      </c>
      <c r="DO10" s="222">
        <v>2</v>
      </c>
      <c r="DP10" s="225">
        <v>3</v>
      </c>
      <c r="DQ10" s="227">
        <v>3</v>
      </c>
      <c r="DR10" s="228">
        <v>0</v>
      </c>
      <c r="DS10" s="222">
        <v>0</v>
      </c>
      <c r="DT10" s="222">
        <v>0</v>
      </c>
      <c r="DU10" s="223">
        <v>98</v>
      </c>
      <c r="DV10" s="224">
        <v>268</v>
      </c>
      <c r="DW10" s="224">
        <v>1131</v>
      </c>
      <c r="DX10" s="224">
        <v>1711</v>
      </c>
      <c r="DY10" s="222">
        <v>1006</v>
      </c>
      <c r="DZ10" s="225">
        <v>4214</v>
      </c>
      <c r="EA10" s="227">
        <v>4214</v>
      </c>
      <c r="EB10" s="37"/>
    </row>
    <row r="11" spans="1:132" ht="20.25" customHeight="1" x14ac:dyDescent="0.2">
      <c r="A11" s="62" t="s">
        <v>7</v>
      </c>
      <c r="B11" s="221">
        <v>0</v>
      </c>
      <c r="C11" s="222">
        <v>0</v>
      </c>
      <c r="D11" s="222">
        <v>0</v>
      </c>
      <c r="E11" s="223">
        <v>21</v>
      </c>
      <c r="F11" s="224">
        <v>55</v>
      </c>
      <c r="G11" s="224">
        <v>555</v>
      </c>
      <c r="H11" s="224">
        <v>961</v>
      </c>
      <c r="I11" s="222">
        <v>591</v>
      </c>
      <c r="J11" s="225">
        <v>2183</v>
      </c>
      <c r="K11" s="226">
        <v>2183</v>
      </c>
      <c r="L11" s="221">
        <v>0</v>
      </c>
      <c r="M11" s="222">
        <v>0</v>
      </c>
      <c r="N11" s="225">
        <v>0</v>
      </c>
      <c r="O11" s="223">
        <v>21</v>
      </c>
      <c r="P11" s="224">
        <v>55</v>
      </c>
      <c r="Q11" s="224">
        <v>550</v>
      </c>
      <c r="R11" s="224">
        <v>952</v>
      </c>
      <c r="S11" s="222">
        <v>579</v>
      </c>
      <c r="T11" s="225">
        <v>2157</v>
      </c>
      <c r="U11" s="227">
        <v>2157</v>
      </c>
      <c r="V11" s="228">
        <v>0</v>
      </c>
      <c r="W11" s="222">
        <v>0</v>
      </c>
      <c r="X11" s="225">
        <v>0</v>
      </c>
      <c r="Y11" s="228">
        <v>0</v>
      </c>
      <c r="Z11" s="224">
        <v>0</v>
      </c>
      <c r="AA11" s="224">
        <v>5</v>
      </c>
      <c r="AB11" s="224">
        <v>9</v>
      </c>
      <c r="AC11" s="222">
        <v>12</v>
      </c>
      <c r="AD11" s="225">
        <v>26</v>
      </c>
      <c r="AE11" s="229">
        <v>26</v>
      </c>
      <c r="AF11" s="228">
        <v>0</v>
      </c>
      <c r="AG11" s="222">
        <v>0</v>
      </c>
      <c r="AH11" s="225">
        <v>0</v>
      </c>
      <c r="AI11" s="228">
        <v>164</v>
      </c>
      <c r="AJ11" s="224">
        <v>234</v>
      </c>
      <c r="AK11" s="224">
        <v>241</v>
      </c>
      <c r="AL11" s="224">
        <v>280</v>
      </c>
      <c r="AM11" s="222">
        <v>122</v>
      </c>
      <c r="AN11" s="225">
        <v>1041</v>
      </c>
      <c r="AO11" s="229">
        <v>1041</v>
      </c>
      <c r="AP11" s="228">
        <v>0</v>
      </c>
      <c r="AQ11" s="222">
        <v>0</v>
      </c>
      <c r="AR11" s="225">
        <v>0</v>
      </c>
      <c r="AS11" s="223">
        <v>163</v>
      </c>
      <c r="AT11" s="224">
        <v>232</v>
      </c>
      <c r="AU11" s="224">
        <v>236</v>
      </c>
      <c r="AV11" s="224">
        <v>276</v>
      </c>
      <c r="AW11" s="222">
        <v>120</v>
      </c>
      <c r="AX11" s="225">
        <v>1027</v>
      </c>
      <c r="AY11" s="226">
        <v>1027</v>
      </c>
      <c r="AZ11" s="221">
        <v>0</v>
      </c>
      <c r="BA11" s="222">
        <v>0</v>
      </c>
      <c r="BB11" s="222">
        <v>0</v>
      </c>
      <c r="BC11" s="223">
        <v>1</v>
      </c>
      <c r="BD11" s="224">
        <v>2</v>
      </c>
      <c r="BE11" s="224">
        <v>5</v>
      </c>
      <c r="BF11" s="224">
        <v>4</v>
      </c>
      <c r="BG11" s="222">
        <v>2</v>
      </c>
      <c r="BH11" s="225">
        <v>14</v>
      </c>
      <c r="BI11" s="227">
        <v>14</v>
      </c>
      <c r="BJ11" s="228">
        <v>0</v>
      </c>
      <c r="BK11" s="222">
        <v>0</v>
      </c>
      <c r="BL11" s="222">
        <v>0</v>
      </c>
      <c r="BM11" s="223">
        <v>0</v>
      </c>
      <c r="BN11" s="224">
        <v>0</v>
      </c>
      <c r="BO11" s="224">
        <v>0</v>
      </c>
      <c r="BP11" s="224">
        <v>3</v>
      </c>
      <c r="BQ11" s="222">
        <v>4</v>
      </c>
      <c r="BR11" s="225">
        <v>7</v>
      </c>
      <c r="BS11" s="226">
        <v>7</v>
      </c>
      <c r="BT11" s="221">
        <v>0</v>
      </c>
      <c r="BU11" s="222">
        <v>0</v>
      </c>
      <c r="BV11" s="222">
        <v>0</v>
      </c>
      <c r="BW11" s="223">
        <v>0</v>
      </c>
      <c r="BX11" s="224">
        <v>0</v>
      </c>
      <c r="BY11" s="224">
        <v>0</v>
      </c>
      <c r="BZ11" s="224">
        <v>3</v>
      </c>
      <c r="CA11" s="222">
        <v>4</v>
      </c>
      <c r="CB11" s="225">
        <v>7</v>
      </c>
      <c r="CC11" s="227">
        <v>7</v>
      </c>
      <c r="CD11" s="228">
        <v>0</v>
      </c>
      <c r="CE11" s="222">
        <v>0</v>
      </c>
      <c r="CF11" s="222">
        <v>0</v>
      </c>
      <c r="CG11" s="223">
        <v>0</v>
      </c>
      <c r="CH11" s="224">
        <v>0</v>
      </c>
      <c r="CI11" s="224">
        <v>0</v>
      </c>
      <c r="CJ11" s="224">
        <v>0</v>
      </c>
      <c r="CK11" s="222">
        <v>0</v>
      </c>
      <c r="CL11" s="225">
        <v>0</v>
      </c>
      <c r="CM11" s="227">
        <v>0</v>
      </c>
      <c r="CN11" s="228">
        <v>0</v>
      </c>
      <c r="CO11" s="222">
        <v>0</v>
      </c>
      <c r="CP11" s="222">
        <v>0</v>
      </c>
      <c r="CQ11" s="223">
        <v>0</v>
      </c>
      <c r="CR11" s="224">
        <v>0</v>
      </c>
      <c r="CS11" s="224">
        <v>2</v>
      </c>
      <c r="CT11" s="224">
        <v>1</v>
      </c>
      <c r="CU11" s="222">
        <v>4</v>
      </c>
      <c r="CV11" s="225">
        <v>7</v>
      </c>
      <c r="CW11" s="226">
        <v>7</v>
      </c>
      <c r="CX11" s="221">
        <v>0</v>
      </c>
      <c r="CY11" s="222">
        <v>0</v>
      </c>
      <c r="CZ11" s="222">
        <v>0</v>
      </c>
      <c r="DA11" s="223">
        <v>0</v>
      </c>
      <c r="DB11" s="224">
        <v>0</v>
      </c>
      <c r="DC11" s="224">
        <v>2</v>
      </c>
      <c r="DD11" s="224">
        <v>1</v>
      </c>
      <c r="DE11" s="222">
        <v>4</v>
      </c>
      <c r="DF11" s="225">
        <v>7</v>
      </c>
      <c r="DG11" s="227">
        <v>7</v>
      </c>
      <c r="DH11" s="228">
        <v>0</v>
      </c>
      <c r="DI11" s="222">
        <v>0</v>
      </c>
      <c r="DJ11" s="222">
        <v>0</v>
      </c>
      <c r="DK11" s="223">
        <v>0</v>
      </c>
      <c r="DL11" s="224">
        <v>0</v>
      </c>
      <c r="DM11" s="224">
        <v>0</v>
      </c>
      <c r="DN11" s="224">
        <v>0</v>
      </c>
      <c r="DO11" s="222">
        <v>0</v>
      </c>
      <c r="DP11" s="225">
        <v>0</v>
      </c>
      <c r="DQ11" s="227">
        <v>0</v>
      </c>
      <c r="DR11" s="228">
        <v>0</v>
      </c>
      <c r="DS11" s="222">
        <v>0</v>
      </c>
      <c r="DT11" s="222">
        <v>0</v>
      </c>
      <c r="DU11" s="223">
        <v>185</v>
      </c>
      <c r="DV11" s="224">
        <v>289</v>
      </c>
      <c r="DW11" s="224">
        <v>795</v>
      </c>
      <c r="DX11" s="224">
        <v>1241</v>
      </c>
      <c r="DY11" s="222">
        <v>720</v>
      </c>
      <c r="DZ11" s="225">
        <v>3230</v>
      </c>
      <c r="EA11" s="227">
        <v>3230</v>
      </c>
      <c r="EB11" s="37"/>
    </row>
    <row r="12" spans="1:132" ht="20.25" customHeight="1" x14ac:dyDescent="0.2">
      <c r="A12" s="62" t="s">
        <v>8</v>
      </c>
      <c r="B12" s="221">
        <v>0</v>
      </c>
      <c r="C12" s="222">
        <v>0</v>
      </c>
      <c r="D12" s="222">
        <v>0</v>
      </c>
      <c r="E12" s="223">
        <v>27</v>
      </c>
      <c r="F12" s="224">
        <v>69</v>
      </c>
      <c r="G12" s="224">
        <v>345</v>
      </c>
      <c r="H12" s="224">
        <v>390</v>
      </c>
      <c r="I12" s="222">
        <v>233</v>
      </c>
      <c r="J12" s="225">
        <v>1064</v>
      </c>
      <c r="K12" s="226">
        <v>1064</v>
      </c>
      <c r="L12" s="221">
        <v>0</v>
      </c>
      <c r="M12" s="222">
        <v>0</v>
      </c>
      <c r="N12" s="225">
        <v>0</v>
      </c>
      <c r="O12" s="223">
        <v>27</v>
      </c>
      <c r="P12" s="224">
        <v>69</v>
      </c>
      <c r="Q12" s="224">
        <v>342</v>
      </c>
      <c r="R12" s="224">
        <v>387</v>
      </c>
      <c r="S12" s="222">
        <v>233</v>
      </c>
      <c r="T12" s="225">
        <v>1058</v>
      </c>
      <c r="U12" s="227">
        <v>1058</v>
      </c>
      <c r="V12" s="228">
        <v>0</v>
      </c>
      <c r="W12" s="222">
        <v>0</v>
      </c>
      <c r="X12" s="225">
        <v>0</v>
      </c>
      <c r="Y12" s="228">
        <v>0</v>
      </c>
      <c r="Z12" s="224">
        <v>0</v>
      </c>
      <c r="AA12" s="224">
        <v>3</v>
      </c>
      <c r="AB12" s="224">
        <v>3</v>
      </c>
      <c r="AC12" s="222">
        <v>0</v>
      </c>
      <c r="AD12" s="225">
        <v>6</v>
      </c>
      <c r="AE12" s="229">
        <v>6</v>
      </c>
      <c r="AF12" s="228">
        <v>0</v>
      </c>
      <c r="AG12" s="222">
        <v>0</v>
      </c>
      <c r="AH12" s="225">
        <v>0</v>
      </c>
      <c r="AI12" s="228">
        <v>44</v>
      </c>
      <c r="AJ12" s="224">
        <v>100</v>
      </c>
      <c r="AK12" s="224">
        <v>155</v>
      </c>
      <c r="AL12" s="224">
        <v>132</v>
      </c>
      <c r="AM12" s="222">
        <v>62</v>
      </c>
      <c r="AN12" s="225">
        <v>493</v>
      </c>
      <c r="AO12" s="229">
        <v>493</v>
      </c>
      <c r="AP12" s="228">
        <v>0</v>
      </c>
      <c r="AQ12" s="222">
        <v>0</v>
      </c>
      <c r="AR12" s="225">
        <v>0</v>
      </c>
      <c r="AS12" s="223">
        <v>43</v>
      </c>
      <c r="AT12" s="224">
        <v>97</v>
      </c>
      <c r="AU12" s="224">
        <v>150</v>
      </c>
      <c r="AV12" s="224">
        <v>129</v>
      </c>
      <c r="AW12" s="222">
        <v>60</v>
      </c>
      <c r="AX12" s="225">
        <v>479</v>
      </c>
      <c r="AY12" s="226">
        <v>479</v>
      </c>
      <c r="AZ12" s="221">
        <v>0</v>
      </c>
      <c r="BA12" s="222">
        <v>0</v>
      </c>
      <c r="BB12" s="222">
        <v>0</v>
      </c>
      <c r="BC12" s="223">
        <v>1</v>
      </c>
      <c r="BD12" s="224">
        <v>3</v>
      </c>
      <c r="BE12" s="224">
        <v>5</v>
      </c>
      <c r="BF12" s="224">
        <v>3</v>
      </c>
      <c r="BG12" s="222">
        <v>2</v>
      </c>
      <c r="BH12" s="225">
        <v>14</v>
      </c>
      <c r="BI12" s="227">
        <v>14</v>
      </c>
      <c r="BJ12" s="228">
        <v>0</v>
      </c>
      <c r="BK12" s="222">
        <v>0</v>
      </c>
      <c r="BL12" s="222">
        <v>0</v>
      </c>
      <c r="BM12" s="223">
        <v>0</v>
      </c>
      <c r="BN12" s="224">
        <v>0</v>
      </c>
      <c r="BO12" s="224">
        <v>0</v>
      </c>
      <c r="BP12" s="224">
        <v>4</v>
      </c>
      <c r="BQ12" s="222">
        <v>2</v>
      </c>
      <c r="BR12" s="225">
        <v>6</v>
      </c>
      <c r="BS12" s="226">
        <v>6</v>
      </c>
      <c r="BT12" s="221">
        <v>0</v>
      </c>
      <c r="BU12" s="222">
        <v>0</v>
      </c>
      <c r="BV12" s="222">
        <v>0</v>
      </c>
      <c r="BW12" s="223">
        <v>0</v>
      </c>
      <c r="BX12" s="224">
        <v>0</v>
      </c>
      <c r="BY12" s="224">
        <v>0</v>
      </c>
      <c r="BZ12" s="224">
        <v>4</v>
      </c>
      <c r="CA12" s="222">
        <v>2</v>
      </c>
      <c r="CB12" s="225">
        <v>6</v>
      </c>
      <c r="CC12" s="227">
        <v>6</v>
      </c>
      <c r="CD12" s="228">
        <v>0</v>
      </c>
      <c r="CE12" s="222">
        <v>0</v>
      </c>
      <c r="CF12" s="222">
        <v>0</v>
      </c>
      <c r="CG12" s="223">
        <v>0</v>
      </c>
      <c r="CH12" s="224">
        <v>0</v>
      </c>
      <c r="CI12" s="224">
        <v>0</v>
      </c>
      <c r="CJ12" s="224">
        <v>0</v>
      </c>
      <c r="CK12" s="222">
        <v>0</v>
      </c>
      <c r="CL12" s="225">
        <v>0</v>
      </c>
      <c r="CM12" s="227">
        <v>0</v>
      </c>
      <c r="CN12" s="228">
        <v>0</v>
      </c>
      <c r="CO12" s="222">
        <v>0</v>
      </c>
      <c r="CP12" s="222">
        <v>0</v>
      </c>
      <c r="CQ12" s="223">
        <v>1</v>
      </c>
      <c r="CR12" s="224">
        <v>0</v>
      </c>
      <c r="CS12" s="224">
        <v>2</v>
      </c>
      <c r="CT12" s="224">
        <v>8</v>
      </c>
      <c r="CU12" s="222">
        <v>6</v>
      </c>
      <c r="CV12" s="225">
        <v>17</v>
      </c>
      <c r="CW12" s="226">
        <v>17</v>
      </c>
      <c r="CX12" s="221">
        <v>0</v>
      </c>
      <c r="CY12" s="222">
        <v>0</v>
      </c>
      <c r="CZ12" s="222">
        <v>0</v>
      </c>
      <c r="DA12" s="223">
        <v>1</v>
      </c>
      <c r="DB12" s="224">
        <v>0</v>
      </c>
      <c r="DC12" s="224">
        <v>2</v>
      </c>
      <c r="DD12" s="224">
        <v>8</v>
      </c>
      <c r="DE12" s="222">
        <v>6</v>
      </c>
      <c r="DF12" s="225">
        <v>17</v>
      </c>
      <c r="DG12" s="227">
        <v>17</v>
      </c>
      <c r="DH12" s="228">
        <v>0</v>
      </c>
      <c r="DI12" s="222">
        <v>0</v>
      </c>
      <c r="DJ12" s="222">
        <v>0</v>
      </c>
      <c r="DK12" s="223">
        <v>0</v>
      </c>
      <c r="DL12" s="224">
        <v>0</v>
      </c>
      <c r="DM12" s="224">
        <v>0</v>
      </c>
      <c r="DN12" s="224">
        <v>0</v>
      </c>
      <c r="DO12" s="222">
        <v>0</v>
      </c>
      <c r="DP12" s="225">
        <v>0</v>
      </c>
      <c r="DQ12" s="227">
        <v>0</v>
      </c>
      <c r="DR12" s="228">
        <v>0</v>
      </c>
      <c r="DS12" s="222">
        <v>0</v>
      </c>
      <c r="DT12" s="222">
        <v>0</v>
      </c>
      <c r="DU12" s="223">
        <v>72</v>
      </c>
      <c r="DV12" s="224">
        <v>169</v>
      </c>
      <c r="DW12" s="224">
        <v>502</v>
      </c>
      <c r="DX12" s="224">
        <v>534</v>
      </c>
      <c r="DY12" s="222">
        <v>303</v>
      </c>
      <c r="DZ12" s="225">
        <v>1580</v>
      </c>
      <c r="EA12" s="227">
        <v>1580</v>
      </c>
      <c r="EB12" s="37"/>
    </row>
    <row r="13" spans="1:132" ht="20.25" customHeight="1" x14ac:dyDescent="0.2">
      <c r="A13" s="62" t="s">
        <v>9</v>
      </c>
      <c r="B13" s="221">
        <v>0</v>
      </c>
      <c r="C13" s="222">
        <v>0</v>
      </c>
      <c r="D13" s="222">
        <v>0</v>
      </c>
      <c r="E13" s="223">
        <v>6</v>
      </c>
      <c r="F13" s="224">
        <v>3</v>
      </c>
      <c r="G13" s="224">
        <v>199</v>
      </c>
      <c r="H13" s="224">
        <v>376</v>
      </c>
      <c r="I13" s="222">
        <v>284</v>
      </c>
      <c r="J13" s="225">
        <v>868</v>
      </c>
      <c r="K13" s="226">
        <v>868</v>
      </c>
      <c r="L13" s="221">
        <v>0</v>
      </c>
      <c r="M13" s="222">
        <v>0</v>
      </c>
      <c r="N13" s="225">
        <v>0</v>
      </c>
      <c r="O13" s="223">
        <v>6</v>
      </c>
      <c r="P13" s="224">
        <v>3</v>
      </c>
      <c r="Q13" s="224">
        <v>198</v>
      </c>
      <c r="R13" s="224">
        <v>372</v>
      </c>
      <c r="S13" s="222">
        <v>282</v>
      </c>
      <c r="T13" s="225">
        <v>861</v>
      </c>
      <c r="U13" s="227">
        <v>861</v>
      </c>
      <c r="V13" s="228">
        <v>0</v>
      </c>
      <c r="W13" s="222">
        <v>0</v>
      </c>
      <c r="X13" s="225">
        <v>0</v>
      </c>
      <c r="Y13" s="228">
        <v>0</v>
      </c>
      <c r="Z13" s="224">
        <v>0</v>
      </c>
      <c r="AA13" s="224">
        <v>1</v>
      </c>
      <c r="AB13" s="224">
        <v>4</v>
      </c>
      <c r="AC13" s="222">
        <v>2</v>
      </c>
      <c r="AD13" s="225">
        <v>7</v>
      </c>
      <c r="AE13" s="229">
        <v>7</v>
      </c>
      <c r="AF13" s="228">
        <v>0</v>
      </c>
      <c r="AG13" s="222">
        <v>0</v>
      </c>
      <c r="AH13" s="225">
        <v>0</v>
      </c>
      <c r="AI13" s="228">
        <v>26</v>
      </c>
      <c r="AJ13" s="224">
        <v>60</v>
      </c>
      <c r="AK13" s="224">
        <v>89</v>
      </c>
      <c r="AL13" s="224">
        <v>118</v>
      </c>
      <c r="AM13" s="222">
        <v>66</v>
      </c>
      <c r="AN13" s="225">
        <v>359</v>
      </c>
      <c r="AO13" s="229">
        <v>359</v>
      </c>
      <c r="AP13" s="228">
        <v>0</v>
      </c>
      <c r="AQ13" s="222">
        <v>0</v>
      </c>
      <c r="AR13" s="225">
        <v>0</v>
      </c>
      <c r="AS13" s="223">
        <v>26</v>
      </c>
      <c r="AT13" s="224">
        <v>60</v>
      </c>
      <c r="AU13" s="224">
        <v>87</v>
      </c>
      <c r="AV13" s="224">
        <v>116</v>
      </c>
      <c r="AW13" s="222">
        <v>64</v>
      </c>
      <c r="AX13" s="225">
        <v>353</v>
      </c>
      <c r="AY13" s="226">
        <v>353</v>
      </c>
      <c r="AZ13" s="221">
        <v>0</v>
      </c>
      <c r="BA13" s="222">
        <v>0</v>
      </c>
      <c r="BB13" s="222">
        <v>0</v>
      </c>
      <c r="BC13" s="223">
        <v>0</v>
      </c>
      <c r="BD13" s="224">
        <v>0</v>
      </c>
      <c r="BE13" s="224">
        <v>2</v>
      </c>
      <c r="BF13" s="224">
        <v>2</v>
      </c>
      <c r="BG13" s="222">
        <v>2</v>
      </c>
      <c r="BH13" s="225">
        <v>6</v>
      </c>
      <c r="BI13" s="227">
        <v>6</v>
      </c>
      <c r="BJ13" s="228">
        <v>0</v>
      </c>
      <c r="BK13" s="222">
        <v>0</v>
      </c>
      <c r="BL13" s="222">
        <v>0</v>
      </c>
      <c r="BM13" s="223">
        <v>0</v>
      </c>
      <c r="BN13" s="224">
        <v>0</v>
      </c>
      <c r="BO13" s="224">
        <v>0</v>
      </c>
      <c r="BP13" s="224">
        <v>3</v>
      </c>
      <c r="BQ13" s="222">
        <v>1</v>
      </c>
      <c r="BR13" s="225">
        <v>4</v>
      </c>
      <c r="BS13" s="226">
        <v>4</v>
      </c>
      <c r="BT13" s="221">
        <v>0</v>
      </c>
      <c r="BU13" s="222">
        <v>0</v>
      </c>
      <c r="BV13" s="222">
        <v>0</v>
      </c>
      <c r="BW13" s="223">
        <v>0</v>
      </c>
      <c r="BX13" s="224">
        <v>0</v>
      </c>
      <c r="BY13" s="224">
        <v>0</v>
      </c>
      <c r="BZ13" s="224">
        <v>3</v>
      </c>
      <c r="CA13" s="222">
        <v>1</v>
      </c>
      <c r="CB13" s="225">
        <v>4</v>
      </c>
      <c r="CC13" s="227">
        <v>4</v>
      </c>
      <c r="CD13" s="228">
        <v>0</v>
      </c>
      <c r="CE13" s="222">
        <v>0</v>
      </c>
      <c r="CF13" s="222">
        <v>0</v>
      </c>
      <c r="CG13" s="223">
        <v>0</v>
      </c>
      <c r="CH13" s="224">
        <v>0</v>
      </c>
      <c r="CI13" s="224">
        <v>0</v>
      </c>
      <c r="CJ13" s="224">
        <v>0</v>
      </c>
      <c r="CK13" s="222">
        <v>0</v>
      </c>
      <c r="CL13" s="225">
        <v>0</v>
      </c>
      <c r="CM13" s="227">
        <v>0</v>
      </c>
      <c r="CN13" s="228">
        <v>0</v>
      </c>
      <c r="CO13" s="222">
        <v>0</v>
      </c>
      <c r="CP13" s="222">
        <v>0</v>
      </c>
      <c r="CQ13" s="223">
        <v>0</v>
      </c>
      <c r="CR13" s="224">
        <v>0</v>
      </c>
      <c r="CS13" s="224">
        <v>2</v>
      </c>
      <c r="CT13" s="224">
        <v>1</v>
      </c>
      <c r="CU13" s="222">
        <v>5</v>
      </c>
      <c r="CV13" s="225">
        <v>8</v>
      </c>
      <c r="CW13" s="226">
        <v>8</v>
      </c>
      <c r="CX13" s="221">
        <v>0</v>
      </c>
      <c r="CY13" s="222">
        <v>0</v>
      </c>
      <c r="CZ13" s="222">
        <v>0</v>
      </c>
      <c r="DA13" s="223">
        <v>0</v>
      </c>
      <c r="DB13" s="224">
        <v>0</v>
      </c>
      <c r="DC13" s="224">
        <v>2</v>
      </c>
      <c r="DD13" s="224">
        <v>1</v>
      </c>
      <c r="DE13" s="222">
        <v>5</v>
      </c>
      <c r="DF13" s="225">
        <v>8</v>
      </c>
      <c r="DG13" s="227">
        <v>8</v>
      </c>
      <c r="DH13" s="228">
        <v>0</v>
      </c>
      <c r="DI13" s="222">
        <v>0</v>
      </c>
      <c r="DJ13" s="222">
        <v>0</v>
      </c>
      <c r="DK13" s="223">
        <v>0</v>
      </c>
      <c r="DL13" s="224">
        <v>0</v>
      </c>
      <c r="DM13" s="224">
        <v>0</v>
      </c>
      <c r="DN13" s="224">
        <v>0</v>
      </c>
      <c r="DO13" s="222">
        <v>0</v>
      </c>
      <c r="DP13" s="225">
        <v>0</v>
      </c>
      <c r="DQ13" s="227">
        <v>0</v>
      </c>
      <c r="DR13" s="228">
        <v>0</v>
      </c>
      <c r="DS13" s="222">
        <v>0</v>
      </c>
      <c r="DT13" s="222">
        <v>0</v>
      </c>
      <c r="DU13" s="223">
        <v>32</v>
      </c>
      <c r="DV13" s="224">
        <v>63</v>
      </c>
      <c r="DW13" s="224">
        <v>290</v>
      </c>
      <c r="DX13" s="224">
        <v>494</v>
      </c>
      <c r="DY13" s="222">
        <v>355</v>
      </c>
      <c r="DZ13" s="225">
        <v>1234</v>
      </c>
      <c r="EA13" s="227">
        <v>1234</v>
      </c>
      <c r="EB13" s="37"/>
    </row>
    <row r="14" spans="1:132" ht="20.25" customHeight="1" x14ac:dyDescent="0.2">
      <c r="A14" s="62" t="s">
        <v>10</v>
      </c>
      <c r="B14" s="221">
        <v>0</v>
      </c>
      <c r="C14" s="222">
        <v>0</v>
      </c>
      <c r="D14" s="222">
        <v>0</v>
      </c>
      <c r="E14" s="223">
        <v>18</v>
      </c>
      <c r="F14" s="224">
        <v>50</v>
      </c>
      <c r="G14" s="224">
        <v>392</v>
      </c>
      <c r="H14" s="224">
        <v>538</v>
      </c>
      <c r="I14" s="222">
        <v>455</v>
      </c>
      <c r="J14" s="225">
        <v>1453</v>
      </c>
      <c r="K14" s="226">
        <v>1453</v>
      </c>
      <c r="L14" s="221">
        <v>0</v>
      </c>
      <c r="M14" s="222">
        <v>0</v>
      </c>
      <c r="N14" s="225">
        <v>0</v>
      </c>
      <c r="O14" s="223">
        <v>18</v>
      </c>
      <c r="P14" s="224">
        <v>50</v>
      </c>
      <c r="Q14" s="224">
        <v>389</v>
      </c>
      <c r="R14" s="224">
        <v>537</v>
      </c>
      <c r="S14" s="222">
        <v>448</v>
      </c>
      <c r="T14" s="225">
        <v>1442</v>
      </c>
      <c r="U14" s="227">
        <v>1442</v>
      </c>
      <c r="V14" s="228">
        <v>0</v>
      </c>
      <c r="W14" s="222">
        <v>0</v>
      </c>
      <c r="X14" s="225">
        <v>0</v>
      </c>
      <c r="Y14" s="228">
        <v>0</v>
      </c>
      <c r="Z14" s="224">
        <v>0</v>
      </c>
      <c r="AA14" s="224">
        <v>3</v>
      </c>
      <c r="AB14" s="224">
        <v>1</v>
      </c>
      <c r="AC14" s="222">
        <v>7</v>
      </c>
      <c r="AD14" s="225">
        <v>11</v>
      </c>
      <c r="AE14" s="229">
        <v>11</v>
      </c>
      <c r="AF14" s="228">
        <v>0</v>
      </c>
      <c r="AG14" s="222">
        <v>0</v>
      </c>
      <c r="AH14" s="225">
        <v>0</v>
      </c>
      <c r="AI14" s="228">
        <v>106</v>
      </c>
      <c r="AJ14" s="224">
        <v>136</v>
      </c>
      <c r="AK14" s="224">
        <v>149</v>
      </c>
      <c r="AL14" s="224">
        <v>165</v>
      </c>
      <c r="AM14" s="222">
        <v>105</v>
      </c>
      <c r="AN14" s="225">
        <v>661</v>
      </c>
      <c r="AO14" s="229">
        <v>661</v>
      </c>
      <c r="AP14" s="228">
        <v>0</v>
      </c>
      <c r="AQ14" s="222">
        <v>0</v>
      </c>
      <c r="AR14" s="225">
        <v>0</v>
      </c>
      <c r="AS14" s="223">
        <v>105</v>
      </c>
      <c r="AT14" s="224">
        <v>133</v>
      </c>
      <c r="AU14" s="224">
        <v>148</v>
      </c>
      <c r="AV14" s="224">
        <v>159</v>
      </c>
      <c r="AW14" s="222">
        <v>100</v>
      </c>
      <c r="AX14" s="225">
        <v>645</v>
      </c>
      <c r="AY14" s="226">
        <v>645</v>
      </c>
      <c r="AZ14" s="221">
        <v>0</v>
      </c>
      <c r="BA14" s="222">
        <v>0</v>
      </c>
      <c r="BB14" s="222">
        <v>0</v>
      </c>
      <c r="BC14" s="223">
        <v>1</v>
      </c>
      <c r="BD14" s="224">
        <v>3</v>
      </c>
      <c r="BE14" s="224">
        <v>1</v>
      </c>
      <c r="BF14" s="224">
        <v>6</v>
      </c>
      <c r="BG14" s="222">
        <v>5</v>
      </c>
      <c r="BH14" s="225">
        <v>16</v>
      </c>
      <c r="BI14" s="227">
        <v>16</v>
      </c>
      <c r="BJ14" s="228">
        <v>0</v>
      </c>
      <c r="BK14" s="222">
        <v>0</v>
      </c>
      <c r="BL14" s="222">
        <v>0</v>
      </c>
      <c r="BM14" s="223">
        <v>0</v>
      </c>
      <c r="BN14" s="224">
        <v>0</v>
      </c>
      <c r="BO14" s="224">
        <v>0</v>
      </c>
      <c r="BP14" s="224">
        <v>2</v>
      </c>
      <c r="BQ14" s="222">
        <v>9</v>
      </c>
      <c r="BR14" s="225">
        <v>11</v>
      </c>
      <c r="BS14" s="226">
        <v>11</v>
      </c>
      <c r="BT14" s="221">
        <v>0</v>
      </c>
      <c r="BU14" s="222">
        <v>0</v>
      </c>
      <c r="BV14" s="222">
        <v>0</v>
      </c>
      <c r="BW14" s="223">
        <v>0</v>
      </c>
      <c r="BX14" s="224">
        <v>0</v>
      </c>
      <c r="BY14" s="224">
        <v>0</v>
      </c>
      <c r="BZ14" s="224">
        <v>2</v>
      </c>
      <c r="CA14" s="222">
        <v>9</v>
      </c>
      <c r="CB14" s="225">
        <v>11</v>
      </c>
      <c r="CC14" s="227">
        <v>11</v>
      </c>
      <c r="CD14" s="228">
        <v>0</v>
      </c>
      <c r="CE14" s="222">
        <v>0</v>
      </c>
      <c r="CF14" s="222">
        <v>0</v>
      </c>
      <c r="CG14" s="223">
        <v>0</v>
      </c>
      <c r="CH14" s="224">
        <v>0</v>
      </c>
      <c r="CI14" s="224">
        <v>0</v>
      </c>
      <c r="CJ14" s="224">
        <v>0</v>
      </c>
      <c r="CK14" s="222">
        <v>0</v>
      </c>
      <c r="CL14" s="225">
        <v>0</v>
      </c>
      <c r="CM14" s="227">
        <v>0</v>
      </c>
      <c r="CN14" s="228">
        <v>0</v>
      </c>
      <c r="CO14" s="222">
        <v>0</v>
      </c>
      <c r="CP14" s="222">
        <v>0</v>
      </c>
      <c r="CQ14" s="223">
        <v>1</v>
      </c>
      <c r="CR14" s="224">
        <v>0</v>
      </c>
      <c r="CS14" s="224">
        <v>1</v>
      </c>
      <c r="CT14" s="224">
        <v>3</v>
      </c>
      <c r="CU14" s="222">
        <v>30</v>
      </c>
      <c r="CV14" s="225">
        <v>35</v>
      </c>
      <c r="CW14" s="226">
        <v>35</v>
      </c>
      <c r="CX14" s="221">
        <v>0</v>
      </c>
      <c r="CY14" s="222">
        <v>0</v>
      </c>
      <c r="CZ14" s="222">
        <v>0</v>
      </c>
      <c r="DA14" s="223">
        <v>1</v>
      </c>
      <c r="DB14" s="224">
        <v>0</v>
      </c>
      <c r="DC14" s="224">
        <v>1</v>
      </c>
      <c r="DD14" s="224">
        <v>3</v>
      </c>
      <c r="DE14" s="222">
        <v>30</v>
      </c>
      <c r="DF14" s="225">
        <v>35</v>
      </c>
      <c r="DG14" s="227">
        <v>35</v>
      </c>
      <c r="DH14" s="228">
        <v>0</v>
      </c>
      <c r="DI14" s="222">
        <v>0</v>
      </c>
      <c r="DJ14" s="222">
        <v>0</v>
      </c>
      <c r="DK14" s="223">
        <v>0</v>
      </c>
      <c r="DL14" s="224">
        <v>0</v>
      </c>
      <c r="DM14" s="224">
        <v>0</v>
      </c>
      <c r="DN14" s="224">
        <v>0</v>
      </c>
      <c r="DO14" s="222">
        <v>0</v>
      </c>
      <c r="DP14" s="225">
        <v>0</v>
      </c>
      <c r="DQ14" s="227">
        <v>0</v>
      </c>
      <c r="DR14" s="228">
        <v>0</v>
      </c>
      <c r="DS14" s="222">
        <v>0</v>
      </c>
      <c r="DT14" s="222">
        <v>0</v>
      </c>
      <c r="DU14" s="223">
        <v>125</v>
      </c>
      <c r="DV14" s="224">
        <v>186</v>
      </c>
      <c r="DW14" s="224">
        <v>540</v>
      </c>
      <c r="DX14" s="224">
        <v>705</v>
      </c>
      <c r="DY14" s="222">
        <v>598</v>
      </c>
      <c r="DZ14" s="225">
        <v>2154</v>
      </c>
      <c r="EA14" s="227">
        <v>2154</v>
      </c>
      <c r="EB14" s="37"/>
    </row>
    <row r="15" spans="1:132" ht="20.25" customHeight="1" x14ac:dyDescent="0.2">
      <c r="A15" s="62" t="s">
        <v>11</v>
      </c>
      <c r="B15" s="221">
        <v>0</v>
      </c>
      <c r="C15" s="222">
        <v>0</v>
      </c>
      <c r="D15" s="222">
        <v>0</v>
      </c>
      <c r="E15" s="223">
        <v>2</v>
      </c>
      <c r="F15" s="224">
        <v>6</v>
      </c>
      <c r="G15" s="224">
        <v>214</v>
      </c>
      <c r="H15" s="224">
        <v>350</v>
      </c>
      <c r="I15" s="222">
        <v>174</v>
      </c>
      <c r="J15" s="225">
        <v>746</v>
      </c>
      <c r="K15" s="226">
        <v>746</v>
      </c>
      <c r="L15" s="221">
        <v>0</v>
      </c>
      <c r="M15" s="222">
        <v>0</v>
      </c>
      <c r="N15" s="225">
        <v>0</v>
      </c>
      <c r="O15" s="223">
        <v>2</v>
      </c>
      <c r="P15" s="224">
        <v>6</v>
      </c>
      <c r="Q15" s="224">
        <v>214</v>
      </c>
      <c r="R15" s="224">
        <v>348</v>
      </c>
      <c r="S15" s="222">
        <v>174</v>
      </c>
      <c r="T15" s="225">
        <v>744</v>
      </c>
      <c r="U15" s="227">
        <v>744</v>
      </c>
      <c r="V15" s="228">
        <v>0</v>
      </c>
      <c r="W15" s="222">
        <v>0</v>
      </c>
      <c r="X15" s="225">
        <v>0</v>
      </c>
      <c r="Y15" s="228">
        <v>0</v>
      </c>
      <c r="Z15" s="224">
        <v>0</v>
      </c>
      <c r="AA15" s="224">
        <v>0</v>
      </c>
      <c r="AB15" s="224">
        <v>2</v>
      </c>
      <c r="AC15" s="222">
        <v>0</v>
      </c>
      <c r="AD15" s="225">
        <v>2</v>
      </c>
      <c r="AE15" s="229">
        <v>2</v>
      </c>
      <c r="AF15" s="228">
        <v>0</v>
      </c>
      <c r="AG15" s="222">
        <v>0</v>
      </c>
      <c r="AH15" s="225">
        <v>0</v>
      </c>
      <c r="AI15" s="228">
        <v>82</v>
      </c>
      <c r="AJ15" s="224">
        <v>94</v>
      </c>
      <c r="AK15" s="224">
        <v>129</v>
      </c>
      <c r="AL15" s="224">
        <v>149</v>
      </c>
      <c r="AM15" s="222">
        <v>67</v>
      </c>
      <c r="AN15" s="225">
        <v>521</v>
      </c>
      <c r="AO15" s="229">
        <v>521</v>
      </c>
      <c r="AP15" s="228">
        <v>0</v>
      </c>
      <c r="AQ15" s="222">
        <v>0</v>
      </c>
      <c r="AR15" s="225">
        <v>0</v>
      </c>
      <c r="AS15" s="223">
        <v>80</v>
      </c>
      <c r="AT15" s="224">
        <v>93</v>
      </c>
      <c r="AU15" s="224">
        <v>126</v>
      </c>
      <c r="AV15" s="224">
        <v>147</v>
      </c>
      <c r="AW15" s="222">
        <v>67</v>
      </c>
      <c r="AX15" s="225">
        <v>513</v>
      </c>
      <c r="AY15" s="226">
        <v>513</v>
      </c>
      <c r="AZ15" s="221">
        <v>0</v>
      </c>
      <c r="BA15" s="222">
        <v>0</v>
      </c>
      <c r="BB15" s="222">
        <v>0</v>
      </c>
      <c r="BC15" s="223">
        <v>2</v>
      </c>
      <c r="BD15" s="224">
        <v>1</v>
      </c>
      <c r="BE15" s="224">
        <v>3</v>
      </c>
      <c r="BF15" s="224">
        <v>2</v>
      </c>
      <c r="BG15" s="222">
        <v>0</v>
      </c>
      <c r="BH15" s="225">
        <v>8</v>
      </c>
      <c r="BI15" s="227">
        <v>8</v>
      </c>
      <c r="BJ15" s="228">
        <v>0</v>
      </c>
      <c r="BK15" s="222">
        <v>0</v>
      </c>
      <c r="BL15" s="222">
        <v>0</v>
      </c>
      <c r="BM15" s="223">
        <v>0</v>
      </c>
      <c r="BN15" s="224">
        <v>0</v>
      </c>
      <c r="BO15" s="224">
        <v>0</v>
      </c>
      <c r="BP15" s="224">
        <v>0</v>
      </c>
      <c r="BQ15" s="222">
        <v>1</v>
      </c>
      <c r="BR15" s="225">
        <v>1</v>
      </c>
      <c r="BS15" s="226">
        <v>1</v>
      </c>
      <c r="BT15" s="221">
        <v>0</v>
      </c>
      <c r="BU15" s="222">
        <v>0</v>
      </c>
      <c r="BV15" s="222">
        <v>0</v>
      </c>
      <c r="BW15" s="223">
        <v>0</v>
      </c>
      <c r="BX15" s="224">
        <v>0</v>
      </c>
      <c r="BY15" s="224">
        <v>0</v>
      </c>
      <c r="BZ15" s="224">
        <v>0</v>
      </c>
      <c r="CA15" s="222">
        <v>1</v>
      </c>
      <c r="CB15" s="225">
        <v>1</v>
      </c>
      <c r="CC15" s="227">
        <v>1</v>
      </c>
      <c r="CD15" s="228">
        <v>0</v>
      </c>
      <c r="CE15" s="222">
        <v>0</v>
      </c>
      <c r="CF15" s="222">
        <v>0</v>
      </c>
      <c r="CG15" s="223">
        <v>0</v>
      </c>
      <c r="CH15" s="224">
        <v>0</v>
      </c>
      <c r="CI15" s="224">
        <v>0</v>
      </c>
      <c r="CJ15" s="224">
        <v>0</v>
      </c>
      <c r="CK15" s="222">
        <v>0</v>
      </c>
      <c r="CL15" s="225">
        <v>0</v>
      </c>
      <c r="CM15" s="227">
        <v>0</v>
      </c>
      <c r="CN15" s="228">
        <v>0</v>
      </c>
      <c r="CO15" s="222">
        <v>0</v>
      </c>
      <c r="CP15" s="222">
        <v>0</v>
      </c>
      <c r="CQ15" s="223">
        <v>3</v>
      </c>
      <c r="CR15" s="224">
        <v>6</v>
      </c>
      <c r="CS15" s="224">
        <v>6</v>
      </c>
      <c r="CT15" s="224">
        <v>11</v>
      </c>
      <c r="CU15" s="222">
        <v>21</v>
      </c>
      <c r="CV15" s="225">
        <v>47</v>
      </c>
      <c r="CW15" s="226">
        <v>47</v>
      </c>
      <c r="CX15" s="221">
        <v>0</v>
      </c>
      <c r="CY15" s="222">
        <v>0</v>
      </c>
      <c r="CZ15" s="222">
        <v>0</v>
      </c>
      <c r="DA15" s="223">
        <v>2</v>
      </c>
      <c r="DB15" s="224">
        <v>6</v>
      </c>
      <c r="DC15" s="224">
        <v>6</v>
      </c>
      <c r="DD15" s="224">
        <v>11</v>
      </c>
      <c r="DE15" s="222">
        <v>18</v>
      </c>
      <c r="DF15" s="225">
        <v>43</v>
      </c>
      <c r="DG15" s="227">
        <v>43</v>
      </c>
      <c r="DH15" s="228">
        <v>0</v>
      </c>
      <c r="DI15" s="222">
        <v>0</v>
      </c>
      <c r="DJ15" s="222">
        <v>0</v>
      </c>
      <c r="DK15" s="223">
        <v>1</v>
      </c>
      <c r="DL15" s="224">
        <v>0</v>
      </c>
      <c r="DM15" s="224">
        <v>0</v>
      </c>
      <c r="DN15" s="224">
        <v>0</v>
      </c>
      <c r="DO15" s="222">
        <v>3</v>
      </c>
      <c r="DP15" s="225">
        <v>4</v>
      </c>
      <c r="DQ15" s="227">
        <v>4</v>
      </c>
      <c r="DR15" s="228">
        <v>0</v>
      </c>
      <c r="DS15" s="222">
        <v>0</v>
      </c>
      <c r="DT15" s="222">
        <v>0</v>
      </c>
      <c r="DU15" s="223">
        <v>87</v>
      </c>
      <c r="DV15" s="224">
        <v>106</v>
      </c>
      <c r="DW15" s="224">
        <v>349</v>
      </c>
      <c r="DX15" s="224">
        <v>510</v>
      </c>
      <c r="DY15" s="222">
        <v>263</v>
      </c>
      <c r="DZ15" s="225">
        <v>1315</v>
      </c>
      <c r="EA15" s="227">
        <v>1315</v>
      </c>
      <c r="EB15" s="37"/>
    </row>
    <row r="16" spans="1:132" ht="20.25" customHeight="1" x14ac:dyDescent="0.2">
      <c r="A16" s="62" t="s">
        <v>12</v>
      </c>
      <c r="B16" s="221">
        <v>0</v>
      </c>
      <c r="C16" s="222">
        <v>0</v>
      </c>
      <c r="D16" s="222">
        <v>0</v>
      </c>
      <c r="E16" s="223">
        <v>2</v>
      </c>
      <c r="F16" s="224">
        <v>20</v>
      </c>
      <c r="G16" s="224">
        <v>180</v>
      </c>
      <c r="H16" s="224">
        <v>313</v>
      </c>
      <c r="I16" s="222">
        <v>216</v>
      </c>
      <c r="J16" s="225">
        <v>731</v>
      </c>
      <c r="K16" s="226">
        <v>731</v>
      </c>
      <c r="L16" s="221">
        <v>0</v>
      </c>
      <c r="M16" s="222">
        <v>0</v>
      </c>
      <c r="N16" s="225">
        <v>0</v>
      </c>
      <c r="O16" s="223">
        <v>2</v>
      </c>
      <c r="P16" s="224">
        <v>19</v>
      </c>
      <c r="Q16" s="224">
        <v>180</v>
      </c>
      <c r="R16" s="224">
        <v>313</v>
      </c>
      <c r="S16" s="222">
        <v>210</v>
      </c>
      <c r="T16" s="225">
        <v>724</v>
      </c>
      <c r="U16" s="227">
        <v>724</v>
      </c>
      <c r="V16" s="228">
        <v>0</v>
      </c>
      <c r="W16" s="222">
        <v>0</v>
      </c>
      <c r="X16" s="225">
        <v>0</v>
      </c>
      <c r="Y16" s="228">
        <v>0</v>
      </c>
      <c r="Z16" s="224">
        <v>1</v>
      </c>
      <c r="AA16" s="224">
        <v>0</v>
      </c>
      <c r="AB16" s="224">
        <v>0</v>
      </c>
      <c r="AC16" s="222">
        <v>6</v>
      </c>
      <c r="AD16" s="225">
        <v>7</v>
      </c>
      <c r="AE16" s="229">
        <v>7</v>
      </c>
      <c r="AF16" s="228">
        <v>0</v>
      </c>
      <c r="AG16" s="222">
        <v>0</v>
      </c>
      <c r="AH16" s="225">
        <v>0</v>
      </c>
      <c r="AI16" s="228">
        <v>51</v>
      </c>
      <c r="AJ16" s="224">
        <v>78</v>
      </c>
      <c r="AK16" s="224">
        <v>144</v>
      </c>
      <c r="AL16" s="224">
        <v>167</v>
      </c>
      <c r="AM16" s="222">
        <v>76</v>
      </c>
      <c r="AN16" s="225">
        <v>516</v>
      </c>
      <c r="AO16" s="229">
        <v>516</v>
      </c>
      <c r="AP16" s="228">
        <v>0</v>
      </c>
      <c r="AQ16" s="222">
        <v>0</v>
      </c>
      <c r="AR16" s="225">
        <v>0</v>
      </c>
      <c r="AS16" s="223">
        <v>50</v>
      </c>
      <c r="AT16" s="224">
        <v>78</v>
      </c>
      <c r="AU16" s="224">
        <v>141</v>
      </c>
      <c r="AV16" s="224">
        <v>165</v>
      </c>
      <c r="AW16" s="222">
        <v>76</v>
      </c>
      <c r="AX16" s="225">
        <v>510</v>
      </c>
      <c r="AY16" s="226">
        <v>510</v>
      </c>
      <c r="AZ16" s="221">
        <v>0</v>
      </c>
      <c r="BA16" s="222">
        <v>0</v>
      </c>
      <c r="BB16" s="222">
        <v>0</v>
      </c>
      <c r="BC16" s="223">
        <v>1</v>
      </c>
      <c r="BD16" s="224">
        <v>0</v>
      </c>
      <c r="BE16" s="224">
        <v>3</v>
      </c>
      <c r="BF16" s="224">
        <v>2</v>
      </c>
      <c r="BG16" s="222">
        <v>0</v>
      </c>
      <c r="BH16" s="225">
        <v>6</v>
      </c>
      <c r="BI16" s="227">
        <v>6</v>
      </c>
      <c r="BJ16" s="228">
        <v>0</v>
      </c>
      <c r="BK16" s="222">
        <v>0</v>
      </c>
      <c r="BL16" s="222">
        <v>0</v>
      </c>
      <c r="BM16" s="223">
        <v>0</v>
      </c>
      <c r="BN16" s="224">
        <v>0</v>
      </c>
      <c r="BO16" s="224">
        <v>0</v>
      </c>
      <c r="BP16" s="224">
        <v>10</v>
      </c>
      <c r="BQ16" s="222">
        <v>9</v>
      </c>
      <c r="BR16" s="225">
        <v>19</v>
      </c>
      <c r="BS16" s="226">
        <v>19</v>
      </c>
      <c r="BT16" s="221">
        <v>0</v>
      </c>
      <c r="BU16" s="222">
        <v>0</v>
      </c>
      <c r="BV16" s="222">
        <v>0</v>
      </c>
      <c r="BW16" s="223">
        <v>0</v>
      </c>
      <c r="BX16" s="224">
        <v>0</v>
      </c>
      <c r="BY16" s="224">
        <v>0</v>
      </c>
      <c r="BZ16" s="224">
        <v>10</v>
      </c>
      <c r="CA16" s="222">
        <v>9</v>
      </c>
      <c r="CB16" s="225">
        <v>19</v>
      </c>
      <c r="CC16" s="227">
        <v>19</v>
      </c>
      <c r="CD16" s="228">
        <v>0</v>
      </c>
      <c r="CE16" s="222">
        <v>0</v>
      </c>
      <c r="CF16" s="222">
        <v>0</v>
      </c>
      <c r="CG16" s="223">
        <v>0</v>
      </c>
      <c r="CH16" s="224">
        <v>0</v>
      </c>
      <c r="CI16" s="224">
        <v>0</v>
      </c>
      <c r="CJ16" s="224">
        <v>0</v>
      </c>
      <c r="CK16" s="222">
        <v>0</v>
      </c>
      <c r="CL16" s="225">
        <v>0</v>
      </c>
      <c r="CM16" s="227">
        <v>0</v>
      </c>
      <c r="CN16" s="228">
        <v>0</v>
      </c>
      <c r="CO16" s="222">
        <v>0</v>
      </c>
      <c r="CP16" s="222">
        <v>0</v>
      </c>
      <c r="CQ16" s="223">
        <v>0</v>
      </c>
      <c r="CR16" s="224">
        <v>1</v>
      </c>
      <c r="CS16" s="224">
        <v>3</v>
      </c>
      <c r="CT16" s="224">
        <v>1</v>
      </c>
      <c r="CU16" s="222">
        <v>6</v>
      </c>
      <c r="CV16" s="225">
        <v>11</v>
      </c>
      <c r="CW16" s="226">
        <v>11</v>
      </c>
      <c r="CX16" s="221">
        <v>0</v>
      </c>
      <c r="CY16" s="222">
        <v>0</v>
      </c>
      <c r="CZ16" s="222">
        <v>0</v>
      </c>
      <c r="DA16" s="223">
        <v>0</v>
      </c>
      <c r="DB16" s="224">
        <v>1</v>
      </c>
      <c r="DC16" s="224">
        <v>3</v>
      </c>
      <c r="DD16" s="224">
        <v>1</v>
      </c>
      <c r="DE16" s="222">
        <v>6</v>
      </c>
      <c r="DF16" s="225">
        <v>11</v>
      </c>
      <c r="DG16" s="227">
        <v>11</v>
      </c>
      <c r="DH16" s="228">
        <v>0</v>
      </c>
      <c r="DI16" s="222">
        <v>0</v>
      </c>
      <c r="DJ16" s="222">
        <v>0</v>
      </c>
      <c r="DK16" s="223">
        <v>0</v>
      </c>
      <c r="DL16" s="224">
        <v>0</v>
      </c>
      <c r="DM16" s="224">
        <v>0</v>
      </c>
      <c r="DN16" s="224">
        <v>0</v>
      </c>
      <c r="DO16" s="222">
        <v>0</v>
      </c>
      <c r="DP16" s="225">
        <v>0</v>
      </c>
      <c r="DQ16" s="227">
        <v>0</v>
      </c>
      <c r="DR16" s="228">
        <v>0</v>
      </c>
      <c r="DS16" s="222">
        <v>0</v>
      </c>
      <c r="DT16" s="222">
        <v>0</v>
      </c>
      <c r="DU16" s="223">
        <v>53</v>
      </c>
      <c r="DV16" s="224">
        <v>99</v>
      </c>
      <c r="DW16" s="224">
        <v>326</v>
      </c>
      <c r="DX16" s="224">
        <v>490</v>
      </c>
      <c r="DY16" s="222">
        <v>306</v>
      </c>
      <c r="DZ16" s="225">
        <v>1274</v>
      </c>
      <c r="EA16" s="227">
        <v>1274</v>
      </c>
      <c r="EB16" s="37"/>
    </row>
    <row r="17" spans="1:132" ht="20.25" customHeight="1" x14ac:dyDescent="0.2">
      <c r="A17" s="62" t="s">
        <v>13</v>
      </c>
      <c r="B17" s="221">
        <v>0</v>
      </c>
      <c r="C17" s="222">
        <v>0</v>
      </c>
      <c r="D17" s="222">
        <v>0</v>
      </c>
      <c r="E17" s="223">
        <v>3</v>
      </c>
      <c r="F17" s="224">
        <v>1</v>
      </c>
      <c r="G17" s="224">
        <v>70</v>
      </c>
      <c r="H17" s="224">
        <v>143</v>
      </c>
      <c r="I17" s="222">
        <v>112</v>
      </c>
      <c r="J17" s="225">
        <v>329</v>
      </c>
      <c r="K17" s="226">
        <v>329</v>
      </c>
      <c r="L17" s="221">
        <v>0</v>
      </c>
      <c r="M17" s="222">
        <v>0</v>
      </c>
      <c r="N17" s="225">
        <v>0</v>
      </c>
      <c r="O17" s="223">
        <v>3</v>
      </c>
      <c r="P17" s="224">
        <v>1</v>
      </c>
      <c r="Q17" s="224">
        <v>69</v>
      </c>
      <c r="R17" s="224">
        <v>143</v>
      </c>
      <c r="S17" s="222">
        <v>112</v>
      </c>
      <c r="T17" s="225">
        <v>328</v>
      </c>
      <c r="U17" s="227">
        <v>328</v>
      </c>
      <c r="V17" s="228">
        <v>0</v>
      </c>
      <c r="W17" s="222">
        <v>0</v>
      </c>
      <c r="X17" s="225">
        <v>0</v>
      </c>
      <c r="Y17" s="228">
        <v>0</v>
      </c>
      <c r="Z17" s="224">
        <v>0</v>
      </c>
      <c r="AA17" s="224">
        <v>1</v>
      </c>
      <c r="AB17" s="224">
        <v>0</v>
      </c>
      <c r="AC17" s="222">
        <v>0</v>
      </c>
      <c r="AD17" s="225">
        <v>1</v>
      </c>
      <c r="AE17" s="229">
        <v>1</v>
      </c>
      <c r="AF17" s="228">
        <v>0</v>
      </c>
      <c r="AG17" s="222">
        <v>0</v>
      </c>
      <c r="AH17" s="225">
        <v>0</v>
      </c>
      <c r="AI17" s="228">
        <v>12</v>
      </c>
      <c r="AJ17" s="224">
        <v>25</v>
      </c>
      <c r="AK17" s="224">
        <v>41</v>
      </c>
      <c r="AL17" s="224">
        <v>29</v>
      </c>
      <c r="AM17" s="222">
        <v>17</v>
      </c>
      <c r="AN17" s="225">
        <v>124</v>
      </c>
      <c r="AO17" s="229">
        <v>124</v>
      </c>
      <c r="AP17" s="228">
        <v>0</v>
      </c>
      <c r="AQ17" s="222">
        <v>0</v>
      </c>
      <c r="AR17" s="225">
        <v>0</v>
      </c>
      <c r="AS17" s="223">
        <v>12</v>
      </c>
      <c r="AT17" s="224">
        <v>25</v>
      </c>
      <c r="AU17" s="224">
        <v>38</v>
      </c>
      <c r="AV17" s="224">
        <v>29</v>
      </c>
      <c r="AW17" s="222">
        <v>16</v>
      </c>
      <c r="AX17" s="225">
        <v>120</v>
      </c>
      <c r="AY17" s="226">
        <v>120</v>
      </c>
      <c r="AZ17" s="221">
        <v>0</v>
      </c>
      <c r="BA17" s="222">
        <v>0</v>
      </c>
      <c r="BB17" s="222">
        <v>0</v>
      </c>
      <c r="BC17" s="223">
        <v>0</v>
      </c>
      <c r="BD17" s="224">
        <v>0</v>
      </c>
      <c r="BE17" s="224">
        <v>3</v>
      </c>
      <c r="BF17" s="224">
        <v>0</v>
      </c>
      <c r="BG17" s="222">
        <v>1</v>
      </c>
      <c r="BH17" s="225">
        <v>4</v>
      </c>
      <c r="BI17" s="227">
        <v>4</v>
      </c>
      <c r="BJ17" s="228">
        <v>0</v>
      </c>
      <c r="BK17" s="222">
        <v>0</v>
      </c>
      <c r="BL17" s="222">
        <v>0</v>
      </c>
      <c r="BM17" s="223">
        <v>0</v>
      </c>
      <c r="BN17" s="224">
        <v>0</v>
      </c>
      <c r="BO17" s="224">
        <v>0</v>
      </c>
      <c r="BP17" s="224">
        <v>0</v>
      </c>
      <c r="BQ17" s="222">
        <v>0</v>
      </c>
      <c r="BR17" s="225">
        <v>0</v>
      </c>
      <c r="BS17" s="226">
        <v>0</v>
      </c>
      <c r="BT17" s="221">
        <v>0</v>
      </c>
      <c r="BU17" s="222">
        <v>0</v>
      </c>
      <c r="BV17" s="222">
        <v>0</v>
      </c>
      <c r="BW17" s="223">
        <v>0</v>
      </c>
      <c r="BX17" s="224">
        <v>0</v>
      </c>
      <c r="BY17" s="224">
        <v>0</v>
      </c>
      <c r="BZ17" s="224">
        <v>0</v>
      </c>
      <c r="CA17" s="222">
        <v>0</v>
      </c>
      <c r="CB17" s="225">
        <v>0</v>
      </c>
      <c r="CC17" s="227">
        <v>0</v>
      </c>
      <c r="CD17" s="228">
        <v>0</v>
      </c>
      <c r="CE17" s="222">
        <v>0</v>
      </c>
      <c r="CF17" s="222">
        <v>0</v>
      </c>
      <c r="CG17" s="223">
        <v>0</v>
      </c>
      <c r="CH17" s="224">
        <v>0</v>
      </c>
      <c r="CI17" s="224">
        <v>0</v>
      </c>
      <c r="CJ17" s="224">
        <v>0</v>
      </c>
      <c r="CK17" s="222">
        <v>0</v>
      </c>
      <c r="CL17" s="225">
        <v>0</v>
      </c>
      <c r="CM17" s="227">
        <v>0</v>
      </c>
      <c r="CN17" s="228">
        <v>0</v>
      </c>
      <c r="CO17" s="222">
        <v>0</v>
      </c>
      <c r="CP17" s="222">
        <v>0</v>
      </c>
      <c r="CQ17" s="223">
        <v>0</v>
      </c>
      <c r="CR17" s="224">
        <v>0</v>
      </c>
      <c r="CS17" s="224">
        <v>0</v>
      </c>
      <c r="CT17" s="224">
        <v>0</v>
      </c>
      <c r="CU17" s="222">
        <v>0</v>
      </c>
      <c r="CV17" s="225">
        <v>0</v>
      </c>
      <c r="CW17" s="226">
        <v>0</v>
      </c>
      <c r="CX17" s="221">
        <v>0</v>
      </c>
      <c r="CY17" s="222">
        <v>0</v>
      </c>
      <c r="CZ17" s="222">
        <v>0</v>
      </c>
      <c r="DA17" s="223">
        <v>0</v>
      </c>
      <c r="DB17" s="224">
        <v>0</v>
      </c>
      <c r="DC17" s="224">
        <v>0</v>
      </c>
      <c r="DD17" s="224">
        <v>0</v>
      </c>
      <c r="DE17" s="222">
        <v>0</v>
      </c>
      <c r="DF17" s="225">
        <v>0</v>
      </c>
      <c r="DG17" s="227">
        <v>0</v>
      </c>
      <c r="DH17" s="228">
        <v>0</v>
      </c>
      <c r="DI17" s="222">
        <v>0</v>
      </c>
      <c r="DJ17" s="222">
        <v>0</v>
      </c>
      <c r="DK17" s="223">
        <v>0</v>
      </c>
      <c r="DL17" s="224">
        <v>0</v>
      </c>
      <c r="DM17" s="224">
        <v>0</v>
      </c>
      <c r="DN17" s="224">
        <v>0</v>
      </c>
      <c r="DO17" s="222">
        <v>0</v>
      </c>
      <c r="DP17" s="225">
        <v>0</v>
      </c>
      <c r="DQ17" s="227">
        <v>0</v>
      </c>
      <c r="DR17" s="228">
        <v>0</v>
      </c>
      <c r="DS17" s="222">
        <v>0</v>
      </c>
      <c r="DT17" s="222">
        <v>0</v>
      </c>
      <c r="DU17" s="223">
        <v>15</v>
      </c>
      <c r="DV17" s="224">
        <v>26</v>
      </c>
      <c r="DW17" s="224">
        <v>111</v>
      </c>
      <c r="DX17" s="224">
        <v>172</v>
      </c>
      <c r="DY17" s="222">
        <v>129</v>
      </c>
      <c r="DZ17" s="225">
        <v>453</v>
      </c>
      <c r="EA17" s="227">
        <v>453</v>
      </c>
      <c r="EB17" s="37"/>
    </row>
    <row r="18" spans="1:132" ht="20.25" customHeight="1" x14ac:dyDescent="0.2">
      <c r="A18" s="62" t="s">
        <v>15</v>
      </c>
      <c r="B18" s="221">
        <v>0</v>
      </c>
      <c r="C18" s="222">
        <v>0</v>
      </c>
      <c r="D18" s="222">
        <v>0</v>
      </c>
      <c r="E18" s="223">
        <v>0</v>
      </c>
      <c r="F18" s="224">
        <v>2</v>
      </c>
      <c r="G18" s="224">
        <v>84</v>
      </c>
      <c r="H18" s="224">
        <v>123</v>
      </c>
      <c r="I18" s="222">
        <v>76</v>
      </c>
      <c r="J18" s="225">
        <v>285</v>
      </c>
      <c r="K18" s="226">
        <v>285</v>
      </c>
      <c r="L18" s="221">
        <v>0</v>
      </c>
      <c r="M18" s="222">
        <v>0</v>
      </c>
      <c r="N18" s="225">
        <v>0</v>
      </c>
      <c r="O18" s="223">
        <v>0</v>
      </c>
      <c r="P18" s="224">
        <v>2</v>
      </c>
      <c r="Q18" s="224">
        <v>84</v>
      </c>
      <c r="R18" s="224">
        <v>122</v>
      </c>
      <c r="S18" s="222">
        <v>75</v>
      </c>
      <c r="T18" s="225">
        <v>283</v>
      </c>
      <c r="U18" s="227">
        <v>283</v>
      </c>
      <c r="V18" s="228">
        <v>0</v>
      </c>
      <c r="W18" s="222">
        <v>0</v>
      </c>
      <c r="X18" s="225">
        <v>0</v>
      </c>
      <c r="Y18" s="228">
        <v>0</v>
      </c>
      <c r="Z18" s="224">
        <v>0</v>
      </c>
      <c r="AA18" s="224">
        <v>0</v>
      </c>
      <c r="AB18" s="224">
        <v>1</v>
      </c>
      <c r="AC18" s="222">
        <v>1</v>
      </c>
      <c r="AD18" s="225">
        <v>2</v>
      </c>
      <c r="AE18" s="229">
        <v>2</v>
      </c>
      <c r="AF18" s="228">
        <v>0</v>
      </c>
      <c r="AG18" s="222">
        <v>0</v>
      </c>
      <c r="AH18" s="225">
        <v>0</v>
      </c>
      <c r="AI18" s="228">
        <v>25</v>
      </c>
      <c r="AJ18" s="224">
        <v>31</v>
      </c>
      <c r="AK18" s="224">
        <v>42</v>
      </c>
      <c r="AL18" s="224">
        <v>49</v>
      </c>
      <c r="AM18" s="222">
        <v>26</v>
      </c>
      <c r="AN18" s="225">
        <v>173</v>
      </c>
      <c r="AO18" s="229">
        <v>173</v>
      </c>
      <c r="AP18" s="228">
        <v>0</v>
      </c>
      <c r="AQ18" s="222">
        <v>0</v>
      </c>
      <c r="AR18" s="225">
        <v>0</v>
      </c>
      <c r="AS18" s="223">
        <v>24</v>
      </c>
      <c r="AT18" s="224">
        <v>30</v>
      </c>
      <c r="AU18" s="224">
        <v>42</v>
      </c>
      <c r="AV18" s="224">
        <v>47</v>
      </c>
      <c r="AW18" s="222">
        <v>25</v>
      </c>
      <c r="AX18" s="225">
        <v>168</v>
      </c>
      <c r="AY18" s="226">
        <v>168</v>
      </c>
      <c r="AZ18" s="221">
        <v>0</v>
      </c>
      <c r="BA18" s="222">
        <v>0</v>
      </c>
      <c r="BB18" s="222">
        <v>0</v>
      </c>
      <c r="BC18" s="223">
        <v>1</v>
      </c>
      <c r="BD18" s="224">
        <v>1</v>
      </c>
      <c r="BE18" s="224">
        <v>0</v>
      </c>
      <c r="BF18" s="224">
        <v>2</v>
      </c>
      <c r="BG18" s="222">
        <v>1</v>
      </c>
      <c r="BH18" s="225">
        <v>5</v>
      </c>
      <c r="BI18" s="227">
        <v>5</v>
      </c>
      <c r="BJ18" s="228">
        <v>0</v>
      </c>
      <c r="BK18" s="222">
        <v>0</v>
      </c>
      <c r="BL18" s="222">
        <v>0</v>
      </c>
      <c r="BM18" s="223">
        <v>0</v>
      </c>
      <c r="BN18" s="224">
        <v>0</v>
      </c>
      <c r="BO18" s="224">
        <v>0</v>
      </c>
      <c r="BP18" s="224">
        <v>0</v>
      </c>
      <c r="BQ18" s="222">
        <v>1</v>
      </c>
      <c r="BR18" s="225">
        <v>1</v>
      </c>
      <c r="BS18" s="226">
        <v>1</v>
      </c>
      <c r="BT18" s="221">
        <v>0</v>
      </c>
      <c r="BU18" s="222">
        <v>0</v>
      </c>
      <c r="BV18" s="222">
        <v>0</v>
      </c>
      <c r="BW18" s="223">
        <v>0</v>
      </c>
      <c r="BX18" s="224">
        <v>0</v>
      </c>
      <c r="BY18" s="224">
        <v>0</v>
      </c>
      <c r="BZ18" s="224">
        <v>0</v>
      </c>
      <c r="CA18" s="222">
        <v>1</v>
      </c>
      <c r="CB18" s="225">
        <v>1</v>
      </c>
      <c r="CC18" s="227">
        <v>1</v>
      </c>
      <c r="CD18" s="228">
        <v>0</v>
      </c>
      <c r="CE18" s="222">
        <v>0</v>
      </c>
      <c r="CF18" s="222">
        <v>0</v>
      </c>
      <c r="CG18" s="223">
        <v>0</v>
      </c>
      <c r="CH18" s="224">
        <v>0</v>
      </c>
      <c r="CI18" s="224">
        <v>0</v>
      </c>
      <c r="CJ18" s="224">
        <v>0</v>
      </c>
      <c r="CK18" s="222">
        <v>0</v>
      </c>
      <c r="CL18" s="225">
        <v>0</v>
      </c>
      <c r="CM18" s="227">
        <v>0</v>
      </c>
      <c r="CN18" s="228">
        <v>0</v>
      </c>
      <c r="CO18" s="222">
        <v>0</v>
      </c>
      <c r="CP18" s="222">
        <v>0</v>
      </c>
      <c r="CQ18" s="223">
        <v>0</v>
      </c>
      <c r="CR18" s="224">
        <v>0</v>
      </c>
      <c r="CS18" s="224">
        <v>0</v>
      </c>
      <c r="CT18" s="224">
        <v>0</v>
      </c>
      <c r="CU18" s="222">
        <v>0</v>
      </c>
      <c r="CV18" s="225">
        <v>0</v>
      </c>
      <c r="CW18" s="226">
        <v>0</v>
      </c>
      <c r="CX18" s="221">
        <v>0</v>
      </c>
      <c r="CY18" s="222">
        <v>0</v>
      </c>
      <c r="CZ18" s="222">
        <v>0</v>
      </c>
      <c r="DA18" s="223">
        <v>0</v>
      </c>
      <c r="DB18" s="224">
        <v>0</v>
      </c>
      <c r="DC18" s="224">
        <v>0</v>
      </c>
      <c r="DD18" s="224">
        <v>0</v>
      </c>
      <c r="DE18" s="222">
        <v>0</v>
      </c>
      <c r="DF18" s="225">
        <v>0</v>
      </c>
      <c r="DG18" s="227">
        <v>0</v>
      </c>
      <c r="DH18" s="228">
        <v>0</v>
      </c>
      <c r="DI18" s="222">
        <v>0</v>
      </c>
      <c r="DJ18" s="222">
        <v>0</v>
      </c>
      <c r="DK18" s="223">
        <v>0</v>
      </c>
      <c r="DL18" s="224">
        <v>0</v>
      </c>
      <c r="DM18" s="224">
        <v>0</v>
      </c>
      <c r="DN18" s="224">
        <v>0</v>
      </c>
      <c r="DO18" s="222">
        <v>0</v>
      </c>
      <c r="DP18" s="225">
        <v>0</v>
      </c>
      <c r="DQ18" s="227">
        <v>0</v>
      </c>
      <c r="DR18" s="228">
        <v>0</v>
      </c>
      <c r="DS18" s="222">
        <v>0</v>
      </c>
      <c r="DT18" s="222">
        <v>0</v>
      </c>
      <c r="DU18" s="223">
        <v>25</v>
      </c>
      <c r="DV18" s="224">
        <v>33</v>
      </c>
      <c r="DW18" s="224">
        <v>126</v>
      </c>
      <c r="DX18" s="224">
        <v>172</v>
      </c>
      <c r="DY18" s="222">
        <v>103</v>
      </c>
      <c r="DZ18" s="225">
        <v>459</v>
      </c>
      <c r="EA18" s="227">
        <v>459</v>
      </c>
      <c r="EB18" s="37"/>
    </row>
    <row r="19" spans="1:132" ht="20.25" customHeight="1" x14ac:dyDescent="0.2">
      <c r="A19" s="62" t="s">
        <v>16</v>
      </c>
      <c r="B19" s="221">
        <v>0</v>
      </c>
      <c r="C19" s="222">
        <v>0</v>
      </c>
      <c r="D19" s="222">
        <v>0</v>
      </c>
      <c r="E19" s="223">
        <v>9</v>
      </c>
      <c r="F19" s="224">
        <v>26</v>
      </c>
      <c r="G19" s="224">
        <v>195</v>
      </c>
      <c r="H19" s="224">
        <v>271</v>
      </c>
      <c r="I19" s="222">
        <v>196</v>
      </c>
      <c r="J19" s="225">
        <v>697</v>
      </c>
      <c r="K19" s="226">
        <v>697</v>
      </c>
      <c r="L19" s="221">
        <v>0</v>
      </c>
      <c r="M19" s="222">
        <v>0</v>
      </c>
      <c r="N19" s="225">
        <v>0</v>
      </c>
      <c r="O19" s="223">
        <v>9</v>
      </c>
      <c r="P19" s="224">
        <v>26</v>
      </c>
      <c r="Q19" s="224">
        <v>195</v>
      </c>
      <c r="R19" s="224">
        <v>269</v>
      </c>
      <c r="S19" s="222">
        <v>191</v>
      </c>
      <c r="T19" s="225">
        <v>690</v>
      </c>
      <c r="U19" s="227">
        <v>690</v>
      </c>
      <c r="V19" s="228">
        <v>0</v>
      </c>
      <c r="W19" s="222">
        <v>0</v>
      </c>
      <c r="X19" s="225">
        <v>0</v>
      </c>
      <c r="Y19" s="228">
        <v>0</v>
      </c>
      <c r="Z19" s="224">
        <v>0</v>
      </c>
      <c r="AA19" s="224">
        <v>0</v>
      </c>
      <c r="AB19" s="224">
        <v>2</v>
      </c>
      <c r="AC19" s="222">
        <v>5</v>
      </c>
      <c r="AD19" s="225">
        <v>7</v>
      </c>
      <c r="AE19" s="229">
        <v>7</v>
      </c>
      <c r="AF19" s="228">
        <v>0</v>
      </c>
      <c r="AG19" s="222">
        <v>0</v>
      </c>
      <c r="AH19" s="225">
        <v>0</v>
      </c>
      <c r="AI19" s="228">
        <v>69</v>
      </c>
      <c r="AJ19" s="224">
        <v>89</v>
      </c>
      <c r="AK19" s="224">
        <v>132</v>
      </c>
      <c r="AL19" s="224">
        <v>119</v>
      </c>
      <c r="AM19" s="222">
        <v>59</v>
      </c>
      <c r="AN19" s="225">
        <v>468</v>
      </c>
      <c r="AO19" s="229">
        <v>468</v>
      </c>
      <c r="AP19" s="228">
        <v>0</v>
      </c>
      <c r="AQ19" s="222">
        <v>0</v>
      </c>
      <c r="AR19" s="225">
        <v>0</v>
      </c>
      <c r="AS19" s="223">
        <v>69</v>
      </c>
      <c r="AT19" s="224">
        <v>89</v>
      </c>
      <c r="AU19" s="224">
        <v>130</v>
      </c>
      <c r="AV19" s="224">
        <v>118</v>
      </c>
      <c r="AW19" s="222">
        <v>58</v>
      </c>
      <c r="AX19" s="225">
        <v>464</v>
      </c>
      <c r="AY19" s="226">
        <v>464</v>
      </c>
      <c r="AZ19" s="221">
        <v>0</v>
      </c>
      <c r="BA19" s="222">
        <v>0</v>
      </c>
      <c r="BB19" s="222">
        <v>0</v>
      </c>
      <c r="BC19" s="223">
        <v>0</v>
      </c>
      <c r="BD19" s="224">
        <v>0</v>
      </c>
      <c r="BE19" s="224">
        <v>2</v>
      </c>
      <c r="BF19" s="224">
        <v>1</v>
      </c>
      <c r="BG19" s="222">
        <v>1</v>
      </c>
      <c r="BH19" s="225">
        <v>4</v>
      </c>
      <c r="BI19" s="227">
        <v>4</v>
      </c>
      <c r="BJ19" s="228">
        <v>0</v>
      </c>
      <c r="BK19" s="222">
        <v>0</v>
      </c>
      <c r="BL19" s="222">
        <v>0</v>
      </c>
      <c r="BM19" s="223">
        <v>0</v>
      </c>
      <c r="BN19" s="224">
        <v>0</v>
      </c>
      <c r="BO19" s="224">
        <v>0</v>
      </c>
      <c r="BP19" s="224">
        <v>0</v>
      </c>
      <c r="BQ19" s="222">
        <v>3</v>
      </c>
      <c r="BR19" s="225">
        <v>3</v>
      </c>
      <c r="BS19" s="226">
        <v>3</v>
      </c>
      <c r="BT19" s="221">
        <v>0</v>
      </c>
      <c r="BU19" s="222">
        <v>0</v>
      </c>
      <c r="BV19" s="222">
        <v>0</v>
      </c>
      <c r="BW19" s="223">
        <v>0</v>
      </c>
      <c r="BX19" s="224">
        <v>0</v>
      </c>
      <c r="BY19" s="224">
        <v>0</v>
      </c>
      <c r="BZ19" s="224">
        <v>0</v>
      </c>
      <c r="CA19" s="222">
        <v>3</v>
      </c>
      <c r="CB19" s="225">
        <v>3</v>
      </c>
      <c r="CC19" s="227">
        <v>3</v>
      </c>
      <c r="CD19" s="228">
        <v>0</v>
      </c>
      <c r="CE19" s="222">
        <v>0</v>
      </c>
      <c r="CF19" s="222">
        <v>0</v>
      </c>
      <c r="CG19" s="223">
        <v>0</v>
      </c>
      <c r="CH19" s="224">
        <v>0</v>
      </c>
      <c r="CI19" s="224">
        <v>0</v>
      </c>
      <c r="CJ19" s="224">
        <v>0</v>
      </c>
      <c r="CK19" s="222">
        <v>0</v>
      </c>
      <c r="CL19" s="225">
        <v>0</v>
      </c>
      <c r="CM19" s="227">
        <v>0</v>
      </c>
      <c r="CN19" s="228">
        <v>0</v>
      </c>
      <c r="CO19" s="222">
        <v>0</v>
      </c>
      <c r="CP19" s="222">
        <v>0</v>
      </c>
      <c r="CQ19" s="223">
        <v>0</v>
      </c>
      <c r="CR19" s="224">
        <v>0</v>
      </c>
      <c r="CS19" s="224">
        <v>9</v>
      </c>
      <c r="CT19" s="224">
        <v>20</v>
      </c>
      <c r="CU19" s="222">
        <v>17</v>
      </c>
      <c r="CV19" s="225">
        <v>46</v>
      </c>
      <c r="CW19" s="226">
        <v>46</v>
      </c>
      <c r="CX19" s="221">
        <v>0</v>
      </c>
      <c r="CY19" s="222">
        <v>0</v>
      </c>
      <c r="CZ19" s="222">
        <v>0</v>
      </c>
      <c r="DA19" s="223">
        <v>0</v>
      </c>
      <c r="DB19" s="224">
        <v>0</v>
      </c>
      <c r="DC19" s="224">
        <v>9</v>
      </c>
      <c r="DD19" s="224">
        <v>20</v>
      </c>
      <c r="DE19" s="222">
        <v>17</v>
      </c>
      <c r="DF19" s="225">
        <v>46</v>
      </c>
      <c r="DG19" s="227">
        <v>46</v>
      </c>
      <c r="DH19" s="228">
        <v>0</v>
      </c>
      <c r="DI19" s="222">
        <v>0</v>
      </c>
      <c r="DJ19" s="222">
        <v>0</v>
      </c>
      <c r="DK19" s="223">
        <v>0</v>
      </c>
      <c r="DL19" s="224">
        <v>0</v>
      </c>
      <c r="DM19" s="224">
        <v>0</v>
      </c>
      <c r="DN19" s="224">
        <v>0</v>
      </c>
      <c r="DO19" s="222">
        <v>0</v>
      </c>
      <c r="DP19" s="225">
        <v>0</v>
      </c>
      <c r="DQ19" s="227">
        <v>0</v>
      </c>
      <c r="DR19" s="228">
        <v>0</v>
      </c>
      <c r="DS19" s="222">
        <v>0</v>
      </c>
      <c r="DT19" s="222">
        <v>0</v>
      </c>
      <c r="DU19" s="223">
        <v>78</v>
      </c>
      <c r="DV19" s="224">
        <v>115</v>
      </c>
      <c r="DW19" s="224">
        <v>333</v>
      </c>
      <c r="DX19" s="224">
        <v>408</v>
      </c>
      <c r="DY19" s="222">
        <v>274</v>
      </c>
      <c r="DZ19" s="225">
        <v>1208</v>
      </c>
      <c r="EA19" s="227">
        <v>1208</v>
      </c>
      <c r="EB19" s="37"/>
    </row>
    <row r="20" spans="1:132" ht="20.25" customHeight="1" x14ac:dyDescent="0.2">
      <c r="A20" s="62" t="s">
        <v>17</v>
      </c>
      <c r="B20" s="221">
        <v>0</v>
      </c>
      <c r="C20" s="222">
        <v>0</v>
      </c>
      <c r="D20" s="222">
        <v>0</v>
      </c>
      <c r="E20" s="223">
        <v>6</v>
      </c>
      <c r="F20" s="224">
        <v>27</v>
      </c>
      <c r="G20" s="224">
        <v>201</v>
      </c>
      <c r="H20" s="224">
        <v>267</v>
      </c>
      <c r="I20" s="222">
        <v>195</v>
      </c>
      <c r="J20" s="225">
        <v>696</v>
      </c>
      <c r="K20" s="226">
        <v>696</v>
      </c>
      <c r="L20" s="221">
        <v>0</v>
      </c>
      <c r="M20" s="222">
        <v>0</v>
      </c>
      <c r="N20" s="225">
        <v>0</v>
      </c>
      <c r="O20" s="223">
        <v>6</v>
      </c>
      <c r="P20" s="224">
        <v>27</v>
      </c>
      <c r="Q20" s="224">
        <v>199</v>
      </c>
      <c r="R20" s="224">
        <v>265</v>
      </c>
      <c r="S20" s="222">
        <v>192</v>
      </c>
      <c r="T20" s="225">
        <v>689</v>
      </c>
      <c r="U20" s="227">
        <v>689</v>
      </c>
      <c r="V20" s="228">
        <v>0</v>
      </c>
      <c r="W20" s="222">
        <v>0</v>
      </c>
      <c r="X20" s="225">
        <v>0</v>
      </c>
      <c r="Y20" s="228">
        <v>0</v>
      </c>
      <c r="Z20" s="224">
        <v>0</v>
      </c>
      <c r="AA20" s="224">
        <v>2</v>
      </c>
      <c r="AB20" s="224">
        <v>2</v>
      </c>
      <c r="AC20" s="222">
        <v>3</v>
      </c>
      <c r="AD20" s="225">
        <v>7</v>
      </c>
      <c r="AE20" s="229">
        <v>7</v>
      </c>
      <c r="AF20" s="228">
        <v>0</v>
      </c>
      <c r="AG20" s="222">
        <v>0</v>
      </c>
      <c r="AH20" s="225">
        <v>0</v>
      </c>
      <c r="AI20" s="228">
        <v>41</v>
      </c>
      <c r="AJ20" s="224">
        <v>96</v>
      </c>
      <c r="AK20" s="224">
        <v>131</v>
      </c>
      <c r="AL20" s="224">
        <v>111</v>
      </c>
      <c r="AM20" s="222">
        <v>66</v>
      </c>
      <c r="AN20" s="225">
        <v>445</v>
      </c>
      <c r="AO20" s="229">
        <v>445</v>
      </c>
      <c r="AP20" s="228">
        <v>0</v>
      </c>
      <c r="AQ20" s="222">
        <v>0</v>
      </c>
      <c r="AR20" s="225">
        <v>0</v>
      </c>
      <c r="AS20" s="223">
        <v>40</v>
      </c>
      <c r="AT20" s="224">
        <v>95</v>
      </c>
      <c r="AU20" s="224">
        <v>129</v>
      </c>
      <c r="AV20" s="224">
        <v>107</v>
      </c>
      <c r="AW20" s="222">
        <v>66</v>
      </c>
      <c r="AX20" s="225">
        <v>437</v>
      </c>
      <c r="AY20" s="226">
        <v>437</v>
      </c>
      <c r="AZ20" s="221">
        <v>0</v>
      </c>
      <c r="BA20" s="222">
        <v>0</v>
      </c>
      <c r="BB20" s="222">
        <v>0</v>
      </c>
      <c r="BC20" s="223">
        <v>1</v>
      </c>
      <c r="BD20" s="224">
        <v>1</v>
      </c>
      <c r="BE20" s="224">
        <v>2</v>
      </c>
      <c r="BF20" s="224">
        <v>4</v>
      </c>
      <c r="BG20" s="222">
        <v>0</v>
      </c>
      <c r="BH20" s="225">
        <v>8</v>
      </c>
      <c r="BI20" s="227">
        <v>8</v>
      </c>
      <c r="BJ20" s="228">
        <v>0</v>
      </c>
      <c r="BK20" s="222">
        <v>0</v>
      </c>
      <c r="BL20" s="222">
        <v>0</v>
      </c>
      <c r="BM20" s="223">
        <v>0</v>
      </c>
      <c r="BN20" s="224">
        <v>0</v>
      </c>
      <c r="BO20" s="224">
        <v>0</v>
      </c>
      <c r="BP20" s="224">
        <v>0</v>
      </c>
      <c r="BQ20" s="222">
        <v>4</v>
      </c>
      <c r="BR20" s="225">
        <v>4</v>
      </c>
      <c r="BS20" s="226">
        <v>4</v>
      </c>
      <c r="BT20" s="221">
        <v>0</v>
      </c>
      <c r="BU20" s="222">
        <v>0</v>
      </c>
      <c r="BV20" s="222">
        <v>0</v>
      </c>
      <c r="BW20" s="223">
        <v>0</v>
      </c>
      <c r="BX20" s="224">
        <v>0</v>
      </c>
      <c r="BY20" s="224">
        <v>0</v>
      </c>
      <c r="BZ20" s="224">
        <v>0</v>
      </c>
      <c r="CA20" s="222">
        <v>4</v>
      </c>
      <c r="CB20" s="225">
        <v>4</v>
      </c>
      <c r="CC20" s="227">
        <v>4</v>
      </c>
      <c r="CD20" s="228">
        <v>0</v>
      </c>
      <c r="CE20" s="222">
        <v>0</v>
      </c>
      <c r="CF20" s="222">
        <v>0</v>
      </c>
      <c r="CG20" s="223">
        <v>0</v>
      </c>
      <c r="CH20" s="224">
        <v>0</v>
      </c>
      <c r="CI20" s="224">
        <v>0</v>
      </c>
      <c r="CJ20" s="224">
        <v>0</v>
      </c>
      <c r="CK20" s="222">
        <v>0</v>
      </c>
      <c r="CL20" s="225">
        <v>0</v>
      </c>
      <c r="CM20" s="227">
        <v>0</v>
      </c>
      <c r="CN20" s="228">
        <v>0</v>
      </c>
      <c r="CO20" s="222">
        <v>0</v>
      </c>
      <c r="CP20" s="222">
        <v>0</v>
      </c>
      <c r="CQ20" s="223">
        <v>0</v>
      </c>
      <c r="CR20" s="224">
        <v>0</v>
      </c>
      <c r="CS20" s="224">
        <v>0</v>
      </c>
      <c r="CT20" s="224">
        <v>5</v>
      </c>
      <c r="CU20" s="222">
        <v>11</v>
      </c>
      <c r="CV20" s="225">
        <v>16</v>
      </c>
      <c r="CW20" s="226">
        <v>16</v>
      </c>
      <c r="CX20" s="221">
        <v>0</v>
      </c>
      <c r="CY20" s="222">
        <v>0</v>
      </c>
      <c r="CZ20" s="222">
        <v>0</v>
      </c>
      <c r="DA20" s="223">
        <v>0</v>
      </c>
      <c r="DB20" s="224">
        <v>0</v>
      </c>
      <c r="DC20" s="224">
        <v>0</v>
      </c>
      <c r="DD20" s="224">
        <v>5</v>
      </c>
      <c r="DE20" s="222">
        <v>11</v>
      </c>
      <c r="DF20" s="225">
        <v>16</v>
      </c>
      <c r="DG20" s="227">
        <v>16</v>
      </c>
      <c r="DH20" s="228">
        <v>0</v>
      </c>
      <c r="DI20" s="222">
        <v>0</v>
      </c>
      <c r="DJ20" s="222">
        <v>0</v>
      </c>
      <c r="DK20" s="223">
        <v>0</v>
      </c>
      <c r="DL20" s="224">
        <v>0</v>
      </c>
      <c r="DM20" s="224">
        <v>0</v>
      </c>
      <c r="DN20" s="224">
        <v>0</v>
      </c>
      <c r="DO20" s="222">
        <v>0</v>
      </c>
      <c r="DP20" s="225">
        <v>0</v>
      </c>
      <c r="DQ20" s="227">
        <v>0</v>
      </c>
      <c r="DR20" s="228">
        <v>0</v>
      </c>
      <c r="DS20" s="222">
        <v>0</v>
      </c>
      <c r="DT20" s="222">
        <v>0</v>
      </c>
      <c r="DU20" s="223">
        <v>47</v>
      </c>
      <c r="DV20" s="224">
        <v>123</v>
      </c>
      <c r="DW20" s="224">
        <v>332</v>
      </c>
      <c r="DX20" s="224">
        <v>383</v>
      </c>
      <c r="DY20" s="222">
        <v>276</v>
      </c>
      <c r="DZ20" s="225">
        <v>1161</v>
      </c>
      <c r="EA20" s="227">
        <v>1161</v>
      </c>
      <c r="EB20" s="37"/>
    </row>
    <row r="21" spans="1:132" ht="20.25" customHeight="1" x14ac:dyDescent="0.2">
      <c r="A21" s="62" t="s">
        <v>18</v>
      </c>
      <c r="B21" s="221">
        <v>0</v>
      </c>
      <c r="C21" s="222">
        <v>0</v>
      </c>
      <c r="D21" s="222">
        <v>0</v>
      </c>
      <c r="E21" s="223">
        <v>6</v>
      </c>
      <c r="F21" s="224">
        <v>11</v>
      </c>
      <c r="G21" s="224">
        <v>184</v>
      </c>
      <c r="H21" s="224">
        <v>382</v>
      </c>
      <c r="I21" s="222">
        <v>264</v>
      </c>
      <c r="J21" s="225">
        <v>847</v>
      </c>
      <c r="K21" s="226">
        <v>847</v>
      </c>
      <c r="L21" s="221">
        <v>0</v>
      </c>
      <c r="M21" s="222">
        <v>0</v>
      </c>
      <c r="N21" s="225">
        <v>0</v>
      </c>
      <c r="O21" s="223">
        <v>6</v>
      </c>
      <c r="P21" s="224">
        <v>11</v>
      </c>
      <c r="Q21" s="224">
        <v>182</v>
      </c>
      <c r="R21" s="224">
        <v>379</v>
      </c>
      <c r="S21" s="222">
        <v>260</v>
      </c>
      <c r="T21" s="225">
        <v>838</v>
      </c>
      <c r="U21" s="227">
        <v>838</v>
      </c>
      <c r="V21" s="228">
        <v>0</v>
      </c>
      <c r="W21" s="222">
        <v>0</v>
      </c>
      <c r="X21" s="225">
        <v>0</v>
      </c>
      <c r="Y21" s="228">
        <v>0</v>
      </c>
      <c r="Z21" s="224">
        <v>0</v>
      </c>
      <c r="AA21" s="224">
        <v>2</v>
      </c>
      <c r="AB21" s="224">
        <v>3</v>
      </c>
      <c r="AC21" s="222">
        <v>4</v>
      </c>
      <c r="AD21" s="225">
        <v>9</v>
      </c>
      <c r="AE21" s="229">
        <v>9</v>
      </c>
      <c r="AF21" s="228">
        <v>0</v>
      </c>
      <c r="AG21" s="222">
        <v>0</v>
      </c>
      <c r="AH21" s="225">
        <v>0</v>
      </c>
      <c r="AI21" s="228">
        <v>44</v>
      </c>
      <c r="AJ21" s="224">
        <v>70</v>
      </c>
      <c r="AK21" s="224">
        <v>107</v>
      </c>
      <c r="AL21" s="224">
        <v>132</v>
      </c>
      <c r="AM21" s="222">
        <v>83</v>
      </c>
      <c r="AN21" s="225">
        <v>436</v>
      </c>
      <c r="AO21" s="229">
        <v>436</v>
      </c>
      <c r="AP21" s="228">
        <v>0</v>
      </c>
      <c r="AQ21" s="222">
        <v>0</v>
      </c>
      <c r="AR21" s="225">
        <v>0</v>
      </c>
      <c r="AS21" s="223">
        <v>43</v>
      </c>
      <c r="AT21" s="224">
        <v>68</v>
      </c>
      <c r="AU21" s="224">
        <v>104</v>
      </c>
      <c r="AV21" s="224">
        <v>131</v>
      </c>
      <c r="AW21" s="222">
        <v>81</v>
      </c>
      <c r="AX21" s="225">
        <v>427</v>
      </c>
      <c r="AY21" s="226">
        <v>427</v>
      </c>
      <c r="AZ21" s="221">
        <v>0</v>
      </c>
      <c r="BA21" s="222">
        <v>0</v>
      </c>
      <c r="BB21" s="222">
        <v>0</v>
      </c>
      <c r="BC21" s="223">
        <v>1</v>
      </c>
      <c r="BD21" s="224">
        <v>2</v>
      </c>
      <c r="BE21" s="224">
        <v>3</v>
      </c>
      <c r="BF21" s="224">
        <v>1</v>
      </c>
      <c r="BG21" s="222">
        <v>2</v>
      </c>
      <c r="BH21" s="225">
        <v>9</v>
      </c>
      <c r="BI21" s="227">
        <v>9</v>
      </c>
      <c r="BJ21" s="228">
        <v>0</v>
      </c>
      <c r="BK21" s="222">
        <v>0</v>
      </c>
      <c r="BL21" s="222">
        <v>0</v>
      </c>
      <c r="BM21" s="223">
        <v>0</v>
      </c>
      <c r="BN21" s="224">
        <v>0</v>
      </c>
      <c r="BO21" s="224">
        <v>0</v>
      </c>
      <c r="BP21" s="224">
        <v>0</v>
      </c>
      <c r="BQ21" s="222">
        <v>5</v>
      </c>
      <c r="BR21" s="225">
        <v>5</v>
      </c>
      <c r="BS21" s="226">
        <v>5</v>
      </c>
      <c r="BT21" s="221">
        <v>0</v>
      </c>
      <c r="BU21" s="222">
        <v>0</v>
      </c>
      <c r="BV21" s="222">
        <v>0</v>
      </c>
      <c r="BW21" s="223">
        <v>0</v>
      </c>
      <c r="BX21" s="224">
        <v>0</v>
      </c>
      <c r="BY21" s="224">
        <v>0</v>
      </c>
      <c r="BZ21" s="224">
        <v>0</v>
      </c>
      <c r="CA21" s="222">
        <v>5</v>
      </c>
      <c r="CB21" s="225">
        <v>5</v>
      </c>
      <c r="CC21" s="227">
        <v>5</v>
      </c>
      <c r="CD21" s="228">
        <v>0</v>
      </c>
      <c r="CE21" s="222">
        <v>0</v>
      </c>
      <c r="CF21" s="222">
        <v>0</v>
      </c>
      <c r="CG21" s="223">
        <v>0</v>
      </c>
      <c r="CH21" s="224">
        <v>0</v>
      </c>
      <c r="CI21" s="224">
        <v>0</v>
      </c>
      <c r="CJ21" s="224">
        <v>0</v>
      </c>
      <c r="CK21" s="222">
        <v>0</v>
      </c>
      <c r="CL21" s="225">
        <v>0</v>
      </c>
      <c r="CM21" s="227">
        <v>0</v>
      </c>
      <c r="CN21" s="228">
        <v>0</v>
      </c>
      <c r="CO21" s="222">
        <v>0</v>
      </c>
      <c r="CP21" s="222">
        <v>0</v>
      </c>
      <c r="CQ21" s="223">
        <v>0</v>
      </c>
      <c r="CR21" s="224">
        <v>0</v>
      </c>
      <c r="CS21" s="224">
        <v>2</v>
      </c>
      <c r="CT21" s="224">
        <v>11</v>
      </c>
      <c r="CU21" s="222">
        <v>18</v>
      </c>
      <c r="CV21" s="225">
        <v>31</v>
      </c>
      <c r="CW21" s="226">
        <v>31</v>
      </c>
      <c r="CX21" s="221">
        <v>0</v>
      </c>
      <c r="CY21" s="222">
        <v>0</v>
      </c>
      <c r="CZ21" s="222">
        <v>0</v>
      </c>
      <c r="DA21" s="223">
        <v>0</v>
      </c>
      <c r="DB21" s="224">
        <v>0</v>
      </c>
      <c r="DC21" s="224">
        <v>2</v>
      </c>
      <c r="DD21" s="224">
        <v>11</v>
      </c>
      <c r="DE21" s="222">
        <v>18</v>
      </c>
      <c r="DF21" s="225">
        <v>31</v>
      </c>
      <c r="DG21" s="227">
        <v>31</v>
      </c>
      <c r="DH21" s="228">
        <v>0</v>
      </c>
      <c r="DI21" s="222">
        <v>0</v>
      </c>
      <c r="DJ21" s="222">
        <v>0</v>
      </c>
      <c r="DK21" s="223">
        <v>0</v>
      </c>
      <c r="DL21" s="224">
        <v>0</v>
      </c>
      <c r="DM21" s="224">
        <v>0</v>
      </c>
      <c r="DN21" s="224">
        <v>0</v>
      </c>
      <c r="DO21" s="222">
        <v>0</v>
      </c>
      <c r="DP21" s="225">
        <v>0</v>
      </c>
      <c r="DQ21" s="227">
        <v>0</v>
      </c>
      <c r="DR21" s="228">
        <v>0</v>
      </c>
      <c r="DS21" s="222">
        <v>0</v>
      </c>
      <c r="DT21" s="222">
        <v>0</v>
      </c>
      <c r="DU21" s="223">
        <v>50</v>
      </c>
      <c r="DV21" s="224">
        <v>81</v>
      </c>
      <c r="DW21" s="224">
        <v>293</v>
      </c>
      <c r="DX21" s="224">
        <v>524</v>
      </c>
      <c r="DY21" s="222">
        <v>368</v>
      </c>
      <c r="DZ21" s="225">
        <v>1316</v>
      </c>
      <c r="EA21" s="227">
        <v>1316</v>
      </c>
      <c r="EB21" s="37"/>
    </row>
    <row r="22" spans="1:132" ht="20.25" customHeight="1" x14ac:dyDescent="0.2">
      <c r="A22" s="62" t="s">
        <v>19</v>
      </c>
      <c r="B22" s="221">
        <v>0</v>
      </c>
      <c r="C22" s="222">
        <v>0</v>
      </c>
      <c r="D22" s="222">
        <v>0</v>
      </c>
      <c r="E22" s="223">
        <v>0</v>
      </c>
      <c r="F22" s="224">
        <v>7</v>
      </c>
      <c r="G22" s="224">
        <v>111</v>
      </c>
      <c r="H22" s="224">
        <v>136</v>
      </c>
      <c r="I22" s="222">
        <v>94</v>
      </c>
      <c r="J22" s="225">
        <v>348</v>
      </c>
      <c r="K22" s="226">
        <v>348</v>
      </c>
      <c r="L22" s="221">
        <v>0</v>
      </c>
      <c r="M22" s="222">
        <v>0</v>
      </c>
      <c r="N22" s="225">
        <v>0</v>
      </c>
      <c r="O22" s="223">
        <v>0</v>
      </c>
      <c r="P22" s="224">
        <v>7</v>
      </c>
      <c r="Q22" s="224">
        <v>110</v>
      </c>
      <c r="R22" s="224">
        <v>136</v>
      </c>
      <c r="S22" s="222">
        <v>94</v>
      </c>
      <c r="T22" s="225">
        <v>347</v>
      </c>
      <c r="U22" s="227">
        <v>347</v>
      </c>
      <c r="V22" s="228">
        <v>0</v>
      </c>
      <c r="W22" s="222">
        <v>0</v>
      </c>
      <c r="X22" s="225">
        <v>0</v>
      </c>
      <c r="Y22" s="228">
        <v>0</v>
      </c>
      <c r="Z22" s="224">
        <v>0</v>
      </c>
      <c r="AA22" s="224">
        <v>1</v>
      </c>
      <c r="AB22" s="224">
        <v>0</v>
      </c>
      <c r="AC22" s="222">
        <v>0</v>
      </c>
      <c r="AD22" s="225">
        <v>1</v>
      </c>
      <c r="AE22" s="229">
        <v>1</v>
      </c>
      <c r="AF22" s="228">
        <v>0</v>
      </c>
      <c r="AG22" s="222">
        <v>0</v>
      </c>
      <c r="AH22" s="225">
        <v>0</v>
      </c>
      <c r="AI22" s="228">
        <v>19</v>
      </c>
      <c r="AJ22" s="224">
        <v>51</v>
      </c>
      <c r="AK22" s="224">
        <v>72</v>
      </c>
      <c r="AL22" s="224">
        <v>62</v>
      </c>
      <c r="AM22" s="222">
        <v>30</v>
      </c>
      <c r="AN22" s="225">
        <v>234</v>
      </c>
      <c r="AO22" s="229">
        <v>234</v>
      </c>
      <c r="AP22" s="228">
        <v>0</v>
      </c>
      <c r="AQ22" s="222">
        <v>0</v>
      </c>
      <c r="AR22" s="225">
        <v>0</v>
      </c>
      <c r="AS22" s="223">
        <v>19</v>
      </c>
      <c r="AT22" s="224">
        <v>51</v>
      </c>
      <c r="AU22" s="224">
        <v>70</v>
      </c>
      <c r="AV22" s="224">
        <v>60</v>
      </c>
      <c r="AW22" s="222">
        <v>30</v>
      </c>
      <c r="AX22" s="225">
        <v>230</v>
      </c>
      <c r="AY22" s="226">
        <v>230</v>
      </c>
      <c r="AZ22" s="221">
        <v>0</v>
      </c>
      <c r="BA22" s="222">
        <v>0</v>
      </c>
      <c r="BB22" s="222">
        <v>0</v>
      </c>
      <c r="BC22" s="223">
        <v>0</v>
      </c>
      <c r="BD22" s="224">
        <v>0</v>
      </c>
      <c r="BE22" s="224">
        <v>2</v>
      </c>
      <c r="BF22" s="224">
        <v>2</v>
      </c>
      <c r="BG22" s="222">
        <v>0</v>
      </c>
      <c r="BH22" s="225">
        <v>4</v>
      </c>
      <c r="BI22" s="227">
        <v>4</v>
      </c>
      <c r="BJ22" s="228">
        <v>0</v>
      </c>
      <c r="BK22" s="222">
        <v>0</v>
      </c>
      <c r="BL22" s="222">
        <v>0</v>
      </c>
      <c r="BM22" s="223">
        <v>0</v>
      </c>
      <c r="BN22" s="224">
        <v>0</v>
      </c>
      <c r="BO22" s="224">
        <v>0</v>
      </c>
      <c r="BP22" s="224">
        <v>0</v>
      </c>
      <c r="BQ22" s="222">
        <v>0</v>
      </c>
      <c r="BR22" s="225">
        <v>0</v>
      </c>
      <c r="BS22" s="226">
        <v>0</v>
      </c>
      <c r="BT22" s="221">
        <v>0</v>
      </c>
      <c r="BU22" s="222">
        <v>0</v>
      </c>
      <c r="BV22" s="222">
        <v>0</v>
      </c>
      <c r="BW22" s="223">
        <v>0</v>
      </c>
      <c r="BX22" s="224">
        <v>0</v>
      </c>
      <c r="BY22" s="224">
        <v>0</v>
      </c>
      <c r="BZ22" s="224">
        <v>0</v>
      </c>
      <c r="CA22" s="222">
        <v>0</v>
      </c>
      <c r="CB22" s="225">
        <v>0</v>
      </c>
      <c r="CC22" s="227">
        <v>0</v>
      </c>
      <c r="CD22" s="228">
        <v>0</v>
      </c>
      <c r="CE22" s="222">
        <v>0</v>
      </c>
      <c r="CF22" s="222">
        <v>0</v>
      </c>
      <c r="CG22" s="223">
        <v>0</v>
      </c>
      <c r="CH22" s="224">
        <v>0</v>
      </c>
      <c r="CI22" s="224">
        <v>0</v>
      </c>
      <c r="CJ22" s="224">
        <v>0</v>
      </c>
      <c r="CK22" s="222">
        <v>0</v>
      </c>
      <c r="CL22" s="225">
        <v>0</v>
      </c>
      <c r="CM22" s="227">
        <v>0</v>
      </c>
      <c r="CN22" s="228">
        <v>0</v>
      </c>
      <c r="CO22" s="222">
        <v>0</v>
      </c>
      <c r="CP22" s="222">
        <v>0</v>
      </c>
      <c r="CQ22" s="223">
        <v>0</v>
      </c>
      <c r="CR22" s="224">
        <v>0</v>
      </c>
      <c r="CS22" s="224">
        <v>0</v>
      </c>
      <c r="CT22" s="224">
        <v>4</v>
      </c>
      <c r="CU22" s="222">
        <v>5</v>
      </c>
      <c r="CV22" s="225">
        <v>9</v>
      </c>
      <c r="CW22" s="226">
        <v>9</v>
      </c>
      <c r="CX22" s="221">
        <v>0</v>
      </c>
      <c r="CY22" s="222">
        <v>0</v>
      </c>
      <c r="CZ22" s="222">
        <v>0</v>
      </c>
      <c r="DA22" s="223">
        <v>0</v>
      </c>
      <c r="DB22" s="224">
        <v>0</v>
      </c>
      <c r="DC22" s="224">
        <v>0</v>
      </c>
      <c r="DD22" s="224">
        <v>4</v>
      </c>
      <c r="DE22" s="222">
        <v>4</v>
      </c>
      <c r="DF22" s="225">
        <v>8</v>
      </c>
      <c r="DG22" s="227">
        <v>8</v>
      </c>
      <c r="DH22" s="228">
        <v>0</v>
      </c>
      <c r="DI22" s="222">
        <v>0</v>
      </c>
      <c r="DJ22" s="222">
        <v>0</v>
      </c>
      <c r="DK22" s="223">
        <v>0</v>
      </c>
      <c r="DL22" s="224">
        <v>0</v>
      </c>
      <c r="DM22" s="224">
        <v>0</v>
      </c>
      <c r="DN22" s="224">
        <v>0</v>
      </c>
      <c r="DO22" s="222">
        <v>1</v>
      </c>
      <c r="DP22" s="225">
        <v>1</v>
      </c>
      <c r="DQ22" s="227">
        <v>1</v>
      </c>
      <c r="DR22" s="228">
        <v>0</v>
      </c>
      <c r="DS22" s="222">
        <v>0</v>
      </c>
      <c r="DT22" s="222">
        <v>0</v>
      </c>
      <c r="DU22" s="223">
        <v>19</v>
      </c>
      <c r="DV22" s="224">
        <v>58</v>
      </c>
      <c r="DW22" s="224">
        <v>182</v>
      </c>
      <c r="DX22" s="224">
        <v>202</v>
      </c>
      <c r="DY22" s="222">
        <v>129</v>
      </c>
      <c r="DZ22" s="225">
        <v>590</v>
      </c>
      <c r="EA22" s="227">
        <v>590</v>
      </c>
      <c r="EB22" s="37"/>
    </row>
    <row r="23" spans="1:132" ht="20.25" customHeight="1" x14ac:dyDescent="0.2">
      <c r="A23" s="62" t="s">
        <v>20</v>
      </c>
      <c r="B23" s="221">
        <v>0</v>
      </c>
      <c r="C23" s="222">
        <v>0</v>
      </c>
      <c r="D23" s="222">
        <v>0</v>
      </c>
      <c r="E23" s="223">
        <v>4</v>
      </c>
      <c r="F23" s="224">
        <v>25</v>
      </c>
      <c r="G23" s="224">
        <v>151</v>
      </c>
      <c r="H23" s="224">
        <v>192</v>
      </c>
      <c r="I23" s="222">
        <v>106</v>
      </c>
      <c r="J23" s="225">
        <v>478</v>
      </c>
      <c r="K23" s="226">
        <v>478</v>
      </c>
      <c r="L23" s="221">
        <v>0</v>
      </c>
      <c r="M23" s="222">
        <v>0</v>
      </c>
      <c r="N23" s="225">
        <v>0</v>
      </c>
      <c r="O23" s="223">
        <v>4</v>
      </c>
      <c r="P23" s="224">
        <v>25</v>
      </c>
      <c r="Q23" s="224">
        <v>150</v>
      </c>
      <c r="R23" s="224">
        <v>189</v>
      </c>
      <c r="S23" s="222">
        <v>105</v>
      </c>
      <c r="T23" s="225">
        <v>473</v>
      </c>
      <c r="U23" s="227">
        <v>473</v>
      </c>
      <c r="V23" s="228">
        <v>0</v>
      </c>
      <c r="W23" s="222">
        <v>0</v>
      </c>
      <c r="X23" s="225">
        <v>0</v>
      </c>
      <c r="Y23" s="228">
        <v>0</v>
      </c>
      <c r="Z23" s="224">
        <v>0</v>
      </c>
      <c r="AA23" s="224">
        <v>1</v>
      </c>
      <c r="AB23" s="224">
        <v>3</v>
      </c>
      <c r="AC23" s="222">
        <v>1</v>
      </c>
      <c r="AD23" s="225">
        <v>5</v>
      </c>
      <c r="AE23" s="229">
        <v>5</v>
      </c>
      <c r="AF23" s="228">
        <v>0</v>
      </c>
      <c r="AG23" s="222">
        <v>0</v>
      </c>
      <c r="AH23" s="225">
        <v>0</v>
      </c>
      <c r="AI23" s="228">
        <v>20</v>
      </c>
      <c r="AJ23" s="224">
        <v>36</v>
      </c>
      <c r="AK23" s="224">
        <v>41</v>
      </c>
      <c r="AL23" s="224">
        <v>48</v>
      </c>
      <c r="AM23" s="222">
        <v>22</v>
      </c>
      <c r="AN23" s="225">
        <v>167</v>
      </c>
      <c r="AO23" s="229">
        <v>167</v>
      </c>
      <c r="AP23" s="228">
        <v>0</v>
      </c>
      <c r="AQ23" s="222">
        <v>0</v>
      </c>
      <c r="AR23" s="225">
        <v>0</v>
      </c>
      <c r="AS23" s="223">
        <v>20</v>
      </c>
      <c r="AT23" s="224">
        <v>36</v>
      </c>
      <c r="AU23" s="224">
        <v>41</v>
      </c>
      <c r="AV23" s="224">
        <v>46</v>
      </c>
      <c r="AW23" s="222">
        <v>22</v>
      </c>
      <c r="AX23" s="225">
        <v>165</v>
      </c>
      <c r="AY23" s="226">
        <v>165</v>
      </c>
      <c r="AZ23" s="221">
        <v>0</v>
      </c>
      <c r="BA23" s="222">
        <v>0</v>
      </c>
      <c r="BB23" s="222">
        <v>0</v>
      </c>
      <c r="BC23" s="223">
        <v>0</v>
      </c>
      <c r="BD23" s="224">
        <v>0</v>
      </c>
      <c r="BE23" s="224">
        <v>0</v>
      </c>
      <c r="BF23" s="224">
        <v>2</v>
      </c>
      <c r="BG23" s="222">
        <v>0</v>
      </c>
      <c r="BH23" s="225">
        <v>2</v>
      </c>
      <c r="BI23" s="227">
        <v>2</v>
      </c>
      <c r="BJ23" s="228">
        <v>0</v>
      </c>
      <c r="BK23" s="222">
        <v>0</v>
      </c>
      <c r="BL23" s="222">
        <v>0</v>
      </c>
      <c r="BM23" s="223">
        <v>0</v>
      </c>
      <c r="BN23" s="224">
        <v>0</v>
      </c>
      <c r="BO23" s="224">
        <v>0</v>
      </c>
      <c r="BP23" s="224">
        <v>0</v>
      </c>
      <c r="BQ23" s="222">
        <v>3</v>
      </c>
      <c r="BR23" s="225">
        <v>3</v>
      </c>
      <c r="BS23" s="226">
        <v>3</v>
      </c>
      <c r="BT23" s="221">
        <v>0</v>
      </c>
      <c r="BU23" s="222">
        <v>0</v>
      </c>
      <c r="BV23" s="222">
        <v>0</v>
      </c>
      <c r="BW23" s="223">
        <v>0</v>
      </c>
      <c r="BX23" s="224">
        <v>0</v>
      </c>
      <c r="BY23" s="224">
        <v>0</v>
      </c>
      <c r="BZ23" s="224">
        <v>0</v>
      </c>
      <c r="CA23" s="222">
        <v>3</v>
      </c>
      <c r="CB23" s="225">
        <v>3</v>
      </c>
      <c r="CC23" s="227">
        <v>3</v>
      </c>
      <c r="CD23" s="228">
        <v>0</v>
      </c>
      <c r="CE23" s="222">
        <v>0</v>
      </c>
      <c r="CF23" s="222">
        <v>0</v>
      </c>
      <c r="CG23" s="223">
        <v>0</v>
      </c>
      <c r="CH23" s="224">
        <v>0</v>
      </c>
      <c r="CI23" s="224">
        <v>0</v>
      </c>
      <c r="CJ23" s="224">
        <v>0</v>
      </c>
      <c r="CK23" s="222">
        <v>0</v>
      </c>
      <c r="CL23" s="225">
        <v>0</v>
      </c>
      <c r="CM23" s="227">
        <v>0</v>
      </c>
      <c r="CN23" s="228">
        <v>0</v>
      </c>
      <c r="CO23" s="222">
        <v>0</v>
      </c>
      <c r="CP23" s="222">
        <v>0</v>
      </c>
      <c r="CQ23" s="223">
        <v>0</v>
      </c>
      <c r="CR23" s="224">
        <v>0</v>
      </c>
      <c r="CS23" s="224">
        <v>1</v>
      </c>
      <c r="CT23" s="224">
        <v>0</v>
      </c>
      <c r="CU23" s="222">
        <v>5</v>
      </c>
      <c r="CV23" s="225">
        <v>6</v>
      </c>
      <c r="CW23" s="226">
        <v>6</v>
      </c>
      <c r="CX23" s="221">
        <v>0</v>
      </c>
      <c r="CY23" s="222">
        <v>0</v>
      </c>
      <c r="CZ23" s="222">
        <v>0</v>
      </c>
      <c r="DA23" s="223">
        <v>0</v>
      </c>
      <c r="DB23" s="224">
        <v>0</v>
      </c>
      <c r="DC23" s="224">
        <v>1</v>
      </c>
      <c r="DD23" s="224">
        <v>0</v>
      </c>
      <c r="DE23" s="222">
        <v>5</v>
      </c>
      <c r="DF23" s="225">
        <v>6</v>
      </c>
      <c r="DG23" s="227">
        <v>6</v>
      </c>
      <c r="DH23" s="228">
        <v>0</v>
      </c>
      <c r="DI23" s="222">
        <v>0</v>
      </c>
      <c r="DJ23" s="222">
        <v>0</v>
      </c>
      <c r="DK23" s="223">
        <v>0</v>
      </c>
      <c r="DL23" s="224">
        <v>0</v>
      </c>
      <c r="DM23" s="224">
        <v>0</v>
      </c>
      <c r="DN23" s="224">
        <v>0</v>
      </c>
      <c r="DO23" s="222">
        <v>0</v>
      </c>
      <c r="DP23" s="225">
        <v>0</v>
      </c>
      <c r="DQ23" s="227">
        <v>0</v>
      </c>
      <c r="DR23" s="228">
        <v>0</v>
      </c>
      <c r="DS23" s="222">
        <v>0</v>
      </c>
      <c r="DT23" s="222">
        <v>0</v>
      </c>
      <c r="DU23" s="223">
        <v>24</v>
      </c>
      <c r="DV23" s="224">
        <v>61</v>
      </c>
      <c r="DW23" s="224">
        <v>193</v>
      </c>
      <c r="DX23" s="224">
        <v>237</v>
      </c>
      <c r="DY23" s="222">
        <v>135</v>
      </c>
      <c r="DZ23" s="225">
        <v>650</v>
      </c>
      <c r="EA23" s="227">
        <v>650</v>
      </c>
      <c r="EB23" s="37"/>
    </row>
    <row r="24" spans="1:132" ht="20.25" customHeight="1" x14ac:dyDescent="0.2">
      <c r="A24" s="62" t="s">
        <v>21</v>
      </c>
      <c r="B24" s="221">
        <v>0</v>
      </c>
      <c r="C24" s="222">
        <v>0</v>
      </c>
      <c r="D24" s="222">
        <v>0</v>
      </c>
      <c r="E24" s="223">
        <v>3</v>
      </c>
      <c r="F24" s="224">
        <v>12</v>
      </c>
      <c r="G24" s="224">
        <v>170</v>
      </c>
      <c r="H24" s="224">
        <v>185</v>
      </c>
      <c r="I24" s="222">
        <v>137</v>
      </c>
      <c r="J24" s="225">
        <v>507</v>
      </c>
      <c r="K24" s="226">
        <v>507</v>
      </c>
      <c r="L24" s="221">
        <v>0</v>
      </c>
      <c r="M24" s="222">
        <v>0</v>
      </c>
      <c r="N24" s="225">
        <v>0</v>
      </c>
      <c r="O24" s="223">
        <v>3</v>
      </c>
      <c r="P24" s="224">
        <v>12</v>
      </c>
      <c r="Q24" s="224">
        <v>169</v>
      </c>
      <c r="R24" s="224">
        <v>185</v>
      </c>
      <c r="S24" s="222">
        <v>134</v>
      </c>
      <c r="T24" s="225">
        <v>503</v>
      </c>
      <c r="U24" s="227">
        <v>503</v>
      </c>
      <c r="V24" s="228">
        <v>0</v>
      </c>
      <c r="W24" s="222">
        <v>0</v>
      </c>
      <c r="X24" s="225">
        <v>0</v>
      </c>
      <c r="Y24" s="228">
        <v>0</v>
      </c>
      <c r="Z24" s="224">
        <v>0</v>
      </c>
      <c r="AA24" s="224">
        <v>1</v>
      </c>
      <c r="AB24" s="224">
        <v>0</v>
      </c>
      <c r="AC24" s="222">
        <v>3</v>
      </c>
      <c r="AD24" s="225">
        <v>4</v>
      </c>
      <c r="AE24" s="229">
        <v>4</v>
      </c>
      <c r="AF24" s="228">
        <v>0</v>
      </c>
      <c r="AG24" s="222">
        <v>0</v>
      </c>
      <c r="AH24" s="225">
        <v>0</v>
      </c>
      <c r="AI24" s="228">
        <v>21</v>
      </c>
      <c r="AJ24" s="224">
        <v>34</v>
      </c>
      <c r="AK24" s="224">
        <v>38</v>
      </c>
      <c r="AL24" s="224">
        <v>49</v>
      </c>
      <c r="AM24" s="222">
        <v>24</v>
      </c>
      <c r="AN24" s="225">
        <v>166</v>
      </c>
      <c r="AO24" s="229">
        <v>166</v>
      </c>
      <c r="AP24" s="228">
        <v>0</v>
      </c>
      <c r="AQ24" s="222">
        <v>0</v>
      </c>
      <c r="AR24" s="225">
        <v>0</v>
      </c>
      <c r="AS24" s="223">
        <v>21</v>
      </c>
      <c r="AT24" s="224">
        <v>34</v>
      </c>
      <c r="AU24" s="224">
        <v>38</v>
      </c>
      <c r="AV24" s="224">
        <v>45</v>
      </c>
      <c r="AW24" s="222">
        <v>22</v>
      </c>
      <c r="AX24" s="225">
        <v>160</v>
      </c>
      <c r="AY24" s="226">
        <v>160</v>
      </c>
      <c r="AZ24" s="221">
        <v>0</v>
      </c>
      <c r="BA24" s="222">
        <v>0</v>
      </c>
      <c r="BB24" s="222">
        <v>0</v>
      </c>
      <c r="BC24" s="223">
        <v>0</v>
      </c>
      <c r="BD24" s="224">
        <v>0</v>
      </c>
      <c r="BE24" s="224">
        <v>0</v>
      </c>
      <c r="BF24" s="224">
        <v>4</v>
      </c>
      <c r="BG24" s="222">
        <v>2</v>
      </c>
      <c r="BH24" s="225">
        <v>6</v>
      </c>
      <c r="BI24" s="227">
        <v>6</v>
      </c>
      <c r="BJ24" s="228">
        <v>0</v>
      </c>
      <c r="BK24" s="222">
        <v>0</v>
      </c>
      <c r="BL24" s="222">
        <v>0</v>
      </c>
      <c r="BM24" s="223">
        <v>0</v>
      </c>
      <c r="BN24" s="224">
        <v>0</v>
      </c>
      <c r="BO24" s="224">
        <v>1</v>
      </c>
      <c r="BP24" s="224">
        <v>1</v>
      </c>
      <c r="BQ24" s="222">
        <v>4</v>
      </c>
      <c r="BR24" s="225">
        <v>6</v>
      </c>
      <c r="BS24" s="226">
        <v>6</v>
      </c>
      <c r="BT24" s="221">
        <v>0</v>
      </c>
      <c r="BU24" s="222">
        <v>0</v>
      </c>
      <c r="BV24" s="222">
        <v>0</v>
      </c>
      <c r="BW24" s="223">
        <v>0</v>
      </c>
      <c r="BX24" s="224">
        <v>0</v>
      </c>
      <c r="BY24" s="224">
        <v>1</v>
      </c>
      <c r="BZ24" s="224">
        <v>1</v>
      </c>
      <c r="CA24" s="222">
        <v>4</v>
      </c>
      <c r="CB24" s="225">
        <v>6</v>
      </c>
      <c r="CC24" s="227">
        <v>6</v>
      </c>
      <c r="CD24" s="228">
        <v>0</v>
      </c>
      <c r="CE24" s="222">
        <v>0</v>
      </c>
      <c r="CF24" s="222">
        <v>0</v>
      </c>
      <c r="CG24" s="223">
        <v>0</v>
      </c>
      <c r="CH24" s="224">
        <v>0</v>
      </c>
      <c r="CI24" s="224">
        <v>0</v>
      </c>
      <c r="CJ24" s="224">
        <v>0</v>
      </c>
      <c r="CK24" s="222">
        <v>0</v>
      </c>
      <c r="CL24" s="225">
        <v>0</v>
      </c>
      <c r="CM24" s="227">
        <v>0</v>
      </c>
      <c r="CN24" s="228">
        <v>0</v>
      </c>
      <c r="CO24" s="222">
        <v>0</v>
      </c>
      <c r="CP24" s="222">
        <v>0</v>
      </c>
      <c r="CQ24" s="223">
        <v>0</v>
      </c>
      <c r="CR24" s="224">
        <v>0</v>
      </c>
      <c r="CS24" s="224">
        <v>1</v>
      </c>
      <c r="CT24" s="224">
        <v>8</v>
      </c>
      <c r="CU24" s="222">
        <v>5</v>
      </c>
      <c r="CV24" s="225">
        <v>14</v>
      </c>
      <c r="CW24" s="226">
        <v>14</v>
      </c>
      <c r="CX24" s="221">
        <v>0</v>
      </c>
      <c r="CY24" s="222">
        <v>0</v>
      </c>
      <c r="CZ24" s="222">
        <v>0</v>
      </c>
      <c r="DA24" s="223">
        <v>0</v>
      </c>
      <c r="DB24" s="224">
        <v>0</v>
      </c>
      <c r="DC24" s="224">
        <v>1</v>
      </c>
      <c r="DD24" s="224">
        <v>8</v>
      </c>
      <c r="DE24" s="222">
        <v>5</v>
      </c>
      <c r="DF24" s="225">
        <v>14</v>
      </c>
      <c r="DG24" s="227">
        <v>14</v>
      </c>
      <c r="DH24" s="228">
        <v>0</v>
      </c>
      <c r="DI24" s="222">
        <v>0</v>
      </c>
      <c r="DJ24" s="222">
        <v>0</v>
      </c>
      <c r="DK24" s="223">
        <v>0</v>
      </c>
      <c r="DL24" s="224">
        <v>0</v>
      </c>
      <c r="DM24" s="224">
        <v>0</v>
      </c>
      <c r="DN24" s="224">
        <v>0</v>
      </c>
      <c r="DO24" s="222">
        <v>0</v>
      </c>
      <c r="DP24" s="225">
        <v>0</v>
      </c>
      <c r="DQ24" s="227">
        <v>0</v>
      </c>
      <c r="DR24" s="228">
        <v>0</v>
      </c>
      <c r="DS24" s="222">
        <v>0</v>
      </c>
      <c r="DT24" s="222">
        <v>0</v>
      </c>
      <c r="DU24" s="223">
        <v>24</v>
      </c>
      <c r="DV24" s="224">
        <v>46</v>
      </c>
      <c r="DW24" s="224">
        <v>210</v>
      </c>
      <c r="DX24" s="224">
        <v>243</v>
      </c>
      <c r="DY24" s="222">
        <v>170</v>
      </c>
      <c r="DZ24" s="225">
        <v>693</v>
      </c>
      <c r="EA24" s="227">
        <v>693</v>
      </c>
      <c r="EB24" s="37"/>
    </row>
    <row r="25" spans="1:132" ht="20.25" customHeight="1" x14ac:dyDescent="0.2">
      <c r="A25" s="62" t="s">
        <v>22</v>
      </c>
      <c r="B25" s="221">
        <v>0</v>
      </c>
      <c r="C25" s="222">
        <v>0</v>
      </c>
      <c r="D25" s="222">
        <v>0</v>
      </c>
      <c r="E25" s="223">
        <v>2</v>
      </c>
      <c r="F25" s="224">
        <v>7</v>
      </c>
      <c r="G25" s="224">
        <v>42</v>
      </c>
      <c r="H25" s="224">
        <v>60</v>
      </c>
      <c r="I25" s="222">
        <v>34</v>
      </c>
      <c r="J25" s="225">
        <v>145</v>
      </c>
      <c r="K25" s="226">
        <v>145</v>
      </c>
      <c r="L25" s="221">
        <v>0</v>
      </c>
      <c r="M25" s="222">
        <v>0</v>
      </c>
      <c r="N25" s="225">
        <v>0</v>
      </c>
      <c r="O25" s="223">
        <v>2</v>
      </c>
      <c r="P25" s="224">
        <v>7</v>
      </c>
      <c r="Q25" s="224">
        <v>42</v>
      </c>
      <c r="R25" s="224">
        <v>60</v>
      </c>
      <c r="S25" s="222">
        <v>32</v>
      </c>
      <c r="T25" s="225">
        <v>143</v>
      </c>
      <c r="U25" s="227">
        <v>143</v>
      </c>
      <c r="V25" s="228">
        <v>0</v>
      </c>
      <c r="W25" s="222">
        <v>0</v>
      </c>
      <c r="X25" s="225">
        <v>0</v>
      </c>
      <c r="Y25" s="228">
        <v>0</v>
      </c>
      <c r="Z25" s="224">
        <v>0</v>
      </c>
      <c r="AA25" s="224">
        <v>0</v>
      </c>
      <c r="AB25" s="224">
        <v>0</v>
      </c>
      <c r="AC25" s="222">
        <v>2</v>
      </c>
      <c r="AD25" s="225">
        <v>2</v>
      </c>
      <c r="AE25" s="229">
        <v>2</v>
      </c>
      <c r="AF25" s="228">
        <v>0</v>
      </c>
      <c r="AG25" s="222">
        <v>0</v>
      </c>
      <c r="AH25" s="225">
        <v>0</v>
      </c>
      <c r="AI25" s="228">
        <v>12</v>
      </c>
      <c r="AJ25" s="224">
        <v>27</v>
      </c>
      <c r="AK25" s="224">
        <v>29</v>
      </c>
      <c r="AL25" s="224">
        <v>36</v>
      </c>
      <c r="AM25" s="222">
        <v>20</v>
      </c>
      <c r="AN25" s="225">
        <v>124</v>
      </c>
      <c r="AO25" s="229">
        <v>124</v>
      </c>
      <c r="AP25" s="228">
        <v>0</v>
      </c>
      <c r="AQ25" s="222">
        <v>0</v>
      </c>
      <c r="AR25" s="225">
        <v>0</v>
      </c>
      <c r="AS25" s="223">
        <v>12</v>
      </c>
      <c r="AT25" s="224">
        <v>27</v>
      </c>
      <c r="AU25" s="224">
        <v>29</v>
      </c>
      <c r="AV25" s="224">
        <v>35</v>
      </c>
      <c r="AW25" s="222">
        <v>20</v>
      </c>
      <c r="AX25" s="225">
        <v>123</v>
      </c>
      <c r="AY25" s="226">
        <v>123</v>
      </c>
      <c r="AZ25" s="221">
        <v>0</v>
      </c>
      <c r="BA25" s="222">
        <v>0</v>
      </c>
      <c r="BB25" s="222">
        <v>0</v>
      </c>
      <c r="BC25" s="223">
        <v>0</v>
      </c>
      <c r="BD25" s="224">
        <v>0</v>
      </c>
      <c r="BE25" s="224">
        <v>0</v>
      </c>
      <c r="BF25" s="224">
        <v>1</v>
      </c>
      <c r="BG25" s="222">
        <v>0</v>
      </c>
      <c r="BH25" s="225">
        <v>1</v>
      </c>
      <c r="BI25" s="227">
        <v>1</v>
      </c>
      <c r="BJ25" s="228">
        <v>0</v>
      </c>
      <c r="BK25" s="222">
        <v>0</v>
      </c>
      <c r="BL25" s="222">
        <v>0</v>
      </c>
      <c r="BM25" s="223">
        <v>0</v>
      </c>
      <c r="BN25" s="224">
        <v>0</v>
      </c>
      <c r="BO25" s="224">
        <v>1</v>
      </c>
      <c r="BP25" s="224">
        <v>0</v>
      </c>
      <c r="BQ25" s="222">
        <v>4</v>
      </c>
      <c r="BR25" s="225">
        <v>5</v>
      </c>
      <c r="BS25" s="226">
        <v>5</v>
      </c>
      <c r="BT25" s="221">
        <v>0</v>
      </c>
      <c r="BU25" s="222">
        <v>0</v>
      </c>
      <c r="BV25" s="222">
        <v>0</v>
      </c>
      <c r="BW25" s="223">
        <v>0</v>
      </c>
      <c r="BX25" s="224">
        <v>0</v>
      </c>
      <c r="BY25" s="224">
        <v>1</v>
      </c>
      <c r="BZ25" s="224">
        <v>0</v>
      </c>
      <c r="CA25" s="222">
        <v>4</v>
      </c>
      <c r="CB25" s="225">
        <v>5</v>
      </c>
      <c r="CC25" s="227">
        <v>5</v>
      </c>
      <c r="CD25" s="228">
        <v>0</v>
      </c>
      <c r="CE25" s="222">
        <v>0</v>
      </c>
      <c r="CF25" s="222">
        <v>0</v>
      </c>
      <c r="CG25" s="223">
        <v>0</v>
      </c>
      <c r="CH25" s="224">
        <v>0</v>
      </c>
      <c r="CI25" s="224">
        <v>0</v>
      </c>
      <c r="CJ25" s="224">
        <v>0</v>
      </c>
      <c r="CK25" s="222">
        <v>0</v>
      </c>
      <c r="CL25" s="225">
        <v>0</v>
      </c>
      <c r="CM25" s="227">
        <v>0</v>
      </c>
      <c r="CN25" s="228">
        <v>0</v>
      </c>
      <c r="CO25" s="222">
        <v>0</v>
      </c>
      <c r="CP25" s="222">
        <v>0</v>
      </c>
      <c r="CQ25" s="223">
        <v>0</v>
      </c>
      <c r="CR25" s="224">
        <v>0</v>
      </c>
      <c r="CS25" s="224">
        <v>1</v>
      </c>
      <c r="CT25" s="224">
        <v>2</v>
      </c>
      <c r="CU25" s="222">
        <v>3</v>
      </c>
      <c r="CV25" s="225">
        <v>6</v>
      </c>
      <c r="CW25" s="226">
        <v>6</v>
      </c>
      <c r="CX25" s="221">
        <v>0</v>
      </c>
      <c r="CY25" s="222">
        <v>0</v>
      </c>
      <c r="CZ25" s="222">
        <v>0</v>
      </c>
      <c r="DA25" s="223">
        <v>0</v>
      </c>
      <c r="DB25" s="224">
        <v>0</v>
      </c>
      <c r="DC25" s="224">
        <v>1</v>
      </c>
      <c r="DD25" s="224">
        <v>2</v>
      </c>
      <c r="DE25" s="222">
        <v>3</v>
      </c>
      <c r="DF25" s="225">
        <v>6</v>
      </c>
      <c r="DG25" s="227">
        <v>6</v>
      </c>
      <c r="DH25" s="228">
        <v>0</v>
      </c>
      <c r="DI25" s="222">
        <v>0</v>
      </c>
      <c r="DJ25" s="222">
        <v>0</v>
      </c>
      <c r="DK25" s="223">
        <v>0</v>
      </c>
      <c r="DL25" s="224">
        <v>0</v>
      </c>
      <c r="DM25" s="224">
        <v>0</v>
      </c>
      <c r="DN25" s="224">
        <v>0</v>
      </c>
      <c r="DO25" s="222">
        <v>0</v>
      </c>
      <c r="DP25" s="225">
        <v>0</v>
      </c>
      <c r="DQ25" s="227">
        <v>0</v>
      </c>
      <c r="DR25" s="228">
        <v>0</v>
      </c>
      <c r="DS25" s="222">
        <v>0</v>
      </c>
      <c r="DT25" s="222">
        <v>0</v>
      </c>
      <c r="DU25" s="223">
        <v>14</v>
      </c>
      <c r="DV25" s="224">
        <v>34</v>
      </c>
      <c r="DW25" s="224">
        <v>73</v>
      </c>
      <c r="DX25" s="224">
        <v>98</v>
      </c>
      <c r="DY25" s="222">
        <v>61</v>
      </c>
      <c r="DZ25" s="225">
        <v>280</v>
      </c>
      <c r="EA25" s="227">
        <v>280</v>
      </c>
      <c r="EB25" s="37"/>
    </row>
    <row r="26" spans="1:132" ht="20.25" customHeight="1" x14ac:dyDescent="0.2">
      <c r="A26" s="62" t="s">
        <v>23</v>
      </c>
      <c r="B26" s="221">
        <v>0</v>
      </c>
      <c r="C26" s="222">
        <v>0</v>
      </c>
      <c r="D26" s="222">
        <v>0</v>
      </c>
      <c r="E26" s="223">
        <v>4</v>
      </c>
      <c r="F26" s="224">
        <v>15</v>
      </c>
      <c r="G26" s="224">
        <v>72</v>
      </c>
      <c r="H26" s="224">
        <v>130</v>
      </c>
      <c r="I26" s="222">
        <v>101</v>
      </c>
      <c r="J26" s="225">
        <v>322</v>
      </c>
      <c r="K26" s="226">
        <v>322</v>
      </c>
      <c r="L26" s="221">
        <v>0</v>
      </c>
      <c r="M26" s="222">
        <v>0</v>
      </c>
      <c r="N26" s="225">
        <v>0</v>
      </c>
      <c r="O26" s="223">
        <v>4</v>
      </c>
      <c r="P26" s="224">
        <v>15</v>
      </c>
      <c r="Q26" s="224">
        <v>71</v>
      </c>
      <c r="R26" s="224">
        <v>130</v>
      </c>
      <c r="S26" s="222">
        <v>100</v>
      </c>
      <c r="T26" s="225">
        <v>320</v>
      </c>
      <c r="U26" s="227">
        <v>320</v>
      </c>
      <c r="V26" s="228">
        <v>0</v>
      </c>
      <c r="W26" s="222">
        <v>0</v>
      </c>
      <c r="X26" s="225">
        <v>0</v>
      </c>
      <c r="Y26" s="228">
        <v>0</v>
      </c>
      <c r="Z26" s="224">
        <v>0</v>
      </c>
      <c r="AA26" s="224">
        <v>1</v>
      </c>
      <c r="AB26" s="224">
        <v>0</v>
      </c>
      <c r="AC26" s="222">
        <v>1</v>
      </c>
      <c r="AD26" s="225">
        <v>2</v>
      </c>
      <c r="AE26" s="229">
        <v>2</v>
      </c>
      <c r="AF26" s="228">
        <v>0</v>
      </c>
      <c r="AG26" s="222">
        <v>0</v>
      </c>
      <c r="AH26" s="225">
        <v>0</v>
      </c>
      <c r="AI26" s="228">
        <v>14</v>
      </c>
      <c r="AJ26" s="224">
        <v>37</v>
      </c>
      <c r="AK26" s="224">
        <v>41</v>
      </c>
      <c r="AL26" s="224">
        <v>57</v>
      </c>
      <c r="AM26" s="222">
        <v>23</v>
      </c>
      <c r="AN26" s="225">
        <v>172</v>
      </c>
      <c r="AO26" s="229">
        <v>172</v>
      </c>
      <c r="AP26" s="228">
        <v>0</v>
      </c>
      <c r="AQ26" s="222">
        <v>0</v>
      </c>
      <c r="AR26" s="225">
        <v>0</v>
      </c>
      <c r="AS26" s="223">
        <v>14</v>
      </c>
      <c r="AT26" s="224">
        <v>36</v>
      </c>
      <c r="AU26" s="224">
        <v>41</v>
      </c>
      <c r="AV26" s="224">
        <v>57</v>
      </c>
      <c r="AW26" s="222">
        <v>21</v>
      </c>
      <c r="AX26" s="225">
        <v>169</v>
      </c>
      <c r="AY26" s="226">
        <v>169</v>
      </c>
      <c r="AZ26" s="221">
        <v>0</v>
      </c>
      <c r="BA26" s="222">
        <v>0</v>
      </c>
      <c r="BB26" s="222">
        <v>0</v>
      </c>
      <c r="BC26" s="223">
        <v>0</v>
      </c>
      <c r="BD26" s="224">
        <v>1</v>
      </c>
      <c r="BE26" s="224">
        <v>0</v>
      </c>
      <c r="BF26" s="224">
        <v>0</v>
      </c>
      <c r="BG26" s="222">
        <v>2</v>
      </c>
      <c r="BH26" s="225">
        <v>3</v>
      </c>
      <c r="BI26" s="227">
        <v>3</v>
      </c>
      <c r="BJ26" s="228">
        <v>0</v>
      </c>
      <c r="BK26" s="222">
        <v>0</v>
      </c>
      <c r="BL26" s="222">
        <v>0</v>
      </c>
      <c r="BM26" s="223">
        <v>0</v>
      </c>
      <c r="BN26" s="224">
        <v>0</v>
      </c>
      <c r="BO26" s="224">
        <v>0</v>
      </c>
      <c r="BP26" s="224">
        <v>2</v>
      </c>
      <c r="BQ26" s="222">
        <v>3</v>
      </c>
      <c r="BR26" s="225">
        <v>5</v>
      </c>
      <c r="BS26" s="226">
        <v>5</v>
      </c>
      <c r="BT26" s="221">
        <v>0</v>
      </c>
      <c r="BU26" s="222">
        <v>0</v>
      </c>
      <c r="BV26" s="222">
        <v>0</v>
      </c>
      <c r="BW26" s="223">
        <v>0</v>
      </c>
      <c r="BX26" s="224">
        <v>0</v>
      </c>
      <c r="BY26" s="224">
        <v>0</v>
      </c>
      <c r="BZ26" s="224">
        <v>2</v>
      </c>
      <c r="CA26" s="222">
        <v>3</v>
      </c>
      <c r="CB26" s="225">
        <v>5</v>
      </c>
      <c r="CC26" s="227">
        <v>5</v>
      </c>
      <c r="CD26" s="228">
        <v>0</v>
      </c>
      <c r="CE26" s="222">
        <v>0</v>
      </c>
      <c r="CF26" s="222">
        <v>0</v>
      </c>
      <c r="CG26" s="223">
        <v>0</v>
      </c>
      <c r="CH26" s="224">
        <v>0</v>
      </c>
      <c r="CI26" s="224">
        <v>0</v>
      </c>
      <c r="CJ26" s="224">
        <v>0</v>
      </c>
      <c r="CK26" s="222">
        <v>0</v>
      </c>
      <c r="CL26" s="225">
        <v>0</v>
      </c>
      <c r="CM26" s="227">
        <v>0</v>
      </c>
      <c r="CN26" s="228">
        <v>0</v>
      </c>
      <c r="CO26" s="222">
        <v>0</v>
      </c>
      <c r="CP26" s="222">
        <v>0</v>
      </c>
      <c r="CQ26" s="223">
        <v>0</v>
      </c>
      <c r="CR26" s="224">
        <v>0</v>
      </c>
      <c r="CS26" s="224">
        <v>0</v>
      </c>
      <c r="CT26" s="224">
        <v>1</v>
      </c>
      <c r="CU26" s="222">
        <v>4</v>
      </c>
      <c r="CV26" s="225">
        <v>5</v>
      </c>
      <c r="CW26" s="226">
        <v>5</v>
      </c>
      <c r="CX26" s="221">
        <v>0</v>
      </c>
      <c r="CY26" s="222">
        <v>0</v>
      </c>
      <c r="CZ26" s="222">
        <v>0</v>
      </c>
      <c r="DA26" s="223">
        <v>0</v>
      </c>
      <c r="DB26" s="224">
        <v>0</v>
      </c>
      <c r="DC26" s="224">
        <v>0</v>
      </c>
      <c r="DD26" s="224">
        <v>1</v>
      </c>
      <c r="DE26" s="222">
        <v>4</v>
      </c>
      <c r="DF26" s="225">
        <v>5</v>
      </c>
      <c r="DG26" s="227">
        <v>5</v>
      </c>
      <c r="DH26" s="228">
        <v>0</v>
      </c>
      <c r="DI26" s="222">
        <v>0</v>
      </c>
      <c r="DJ26" s="222">
        <v>0</v>
      </c>
      <c r="DK26" s="223">
        <v>0</v>
      </c>
      <c r="DL26" s="224">
        <v>0</v>
      </c>
      <c r="DM26" s="224">
        <v>0</v>
      </c>
      <c r="DN26" s="224">
        <v>0</v>
      </c>
      <c r="DO26" s="222">
        <v>0</v>
      </c>
      <c r="DP26" s="225">
        <v>0</v>
      </c>
      <c r="DQ26" s="227">
        <v>0</v>
      </c>
      <c r="DR26" s="228">
        <v>0</v>
      </c>
      <c r="DS26" s="222">
        <v>0</v>
      </c>
      <c r="DT26" s="222">
        <v>0</v>
      </c>
      <c r="DU26" s="223">
        <v>18</v>
      </c>
      <c r="DV26" s="224">
        <v>52</v>
      </c>
      <c r="DW26" s="224">
        <v>112</v>
      </c>
      <c r="DX26" s="224">
        <v>190</v>
      </c>
      <c r="DY26" s="222">
        <v>131</v>
      </c>
      <c r="DZ26" s="225">
        <v>503</v>
      </c>
      <c r="EA26" s="227">
        <v>503</v>
      </c>
      <c r="EB26" s="37"/>
    </row>
    <row r="27" spans="1:132" ht="20.25" customHeight="1" x14ac:dyDescent="0.2">
      <c r="A27" s="62" t="s">
        <v>24</v>
      </c>
      <c r="B27" s="221">
        <v>0</v>
      </c>
      <c r="C27" s="222">
        <v>0</v>
      </c>
      <c r="D27" s="222">
        <v>0</v>
      </c>
      <c r="E27" s="223">
        <v>0</v>
      </c>
      <c r="F27" s="224">
        <v>0</v>
      </c>
      <c r="G27" s="224">
        <v>34</v>
      </c>
      <c r="H27" s="224">
        <v>68</v>
      </c>
      <c r="I27" s="222">
        <v>62</v>
      </c>
      <c r="J27" s="225">
        <v>164</v>
      </c>
      <c r="K27" s="226">
        <v>164</v>
      </c>
      <c r="L27" s="221">
        <v>0</v>
      </c>
      <c r="M27" s="222">
        <v>0</v>
      </c>
      <c r="N27" s="225">
        <v>0</v>
      </c>
      <c r="O27" s="223">
        <v>0</v>
      </c>
      <c r="P27" s="224">
        <v>0</v>
      </c>
      <c r="Q27" s="224">
        <v>34</v>
      </c>
      <c r="R27" s="224">
        <v>68</v>
      </c>
      <c r="S27" s="222">
        <v>62</v>
      </c>
      <c r="T27" s="225">
        <v>164</v>
      </c>
      <c r="U27" s="227">
        <v>164</v>
      </c>
      <c r="V27" s="228">
        <v>0</v>
      </c>
      <c r="W27" s="222">
        <v>0</v>
      </c>
      <c r="X27" s="225">
        <v>0</v>
      </c>
      <c r="Y27" s="228">
        <v>0</v>
      </c>
      <c r="Z27" s="224">
        <v>0</v>
      </c>
      <c r="AA27" s="224">
        <v>0</v>
      </c>
      <c r="AB27" s="224">
        <v>0</v>
      </c>
      <c r="AC27" s="222">
        <v>0</v>
      </c>
      <c r="AD27" s="225">
        <v>0</v>
      </c>
      <c r="AE27" s="229">
        <v>0</v>
      </c>
      <c r="AF27" s="228">
        <v>0</v>
      </c>
      <c r="AG27" s="222">
        <v>0</v>
      </c>
      <c r="AH27" s="225">
        <v>0</v>
      </c>
      <c r="AI27" s="228">
        <v>12</v>
      </c>
      <c r="AJ27" s="224">
        <v>26</v>
      </c>
      <c r="AK27" s="224">
        <v>19</v>
      </c>
      <c r="AL27" s="224">
        <v>26</v>
      </c>
      <c r="AM27" s="222">
        <v>14</v>
      </c>
      <c r="AN27" s="225">
        <v>97</v>
      </c>
      <c r="AO27" s="229">
        <v>97</v>
      </c>
      <c r="AP27" s="228">
        <v>0</v>
      </c>
      <c r="AQ27" s="222">
        <v>0</v>
      </c>
      <c r="AR27" s="225">
        <v>0</v>
      </c>
      <c r="AS27" s="223">
        <v>12</v>
      </c>
      <c r="AT27" s="224">
        <v>26</v>
      </c>
      <c r="AU27" s="224">
        <v>19</v>
      </c>
      <c r="AV27" s="224">
        <v>25</v>
      </c>
      <c r="AW27" s="222">
        <v>13</v>
      </c>
      <c r="AX27" s="225">
        <v>95</v>
      </c>
      <c r="AY27" s="226">
        <v>95</v>
      </c>
      <c r="AZ27" s="221">
        <v>0</v>
      </c>
      <c r="BA27" s="222">
        <v>0</v>
      </c>
      <c r="BB27" s="222">
        <v>0</v>
      </c>
      <c r="BC27" s="223">
        <v>0</v>
      </c>
      <c r="BD27" s="224">
        <v>0</v>
      </c>
      <c r="BE27" s="224">
        <v>0</v>
      </c>
      <c r="BF27" s="224">
        <v>1</v>
      </c>
      <c r="BG27" s="222">
        <v>1</v>
      </c>
      <c r="BH27" s="225">
        <v>2</v>
      </c>
      <c r="BI27" s="227">
        <v>2</v>
      </c>
      <c r="BJ27" s="228">
        <v>0</v>
      </c>
      <c r="BK27" s="222">
        <v>0</v>
      </c>
      <c r="BL27" s="222">
        <v>0</v>
      </c>
      <c r="BM27" s="223">
        <v>0</v>
      </c>
      <c r="BN27" s="224">
        <v>0</v>
      </c>
      <c r="BO27" s="224">
        <v>0</v>
      </c>
      <c r="BP27" s="224">
        <v>0</v>
      </c>
      <c r="BQ27" s="222">
        <v>1</v>
      </c>
      <c r="BR27" s="225">
        <v>1</v>
      </c>
      <c r="BS27" s="226">
        <v>1</v>
      </c>
      <c r="BT27" s="221">
        <v>0</v>
      </c>
      <c r="BU27" s="222">
        <v>0</v>
      </c>
      <c r="BV27" s="222">
        <v>0</v>
      </c>
      <c r="BW27" s="223">
        <v>0</v>
      </c>
      <c r="BX27" s="224">
        <v>0</v>
      </c>
      <c r="BY27" s="224">
        <v>0</v>
      </c>
      <c r="BZ27" s="224">
        <v>0</v>
      </c>
      <c r="CA27" s="222">
        <v>1</v>
      </c>
      <c r="CB27" s="225">
        <v>1</v>
      </c>
      <c r="CC27" s="227">
        <v>1</v>
      </c>
      <c r="CD27" s="228">
        <v>0</v>
      </c>
      <c r="CE27" s="222">
        <v>0</v>
      </c>
      <c r="CF27" s="222">
        <v>0</v>
      </c>
      <c r="CG27" s="223">
        <v>0</v>
      </c>
      <c r="CH27" s="224">
        <v>0</v>
      </c>
      <c r="CI27" s="224">
        <v>0</v>
      </c>
      <c r="CJ27" s="224">
        <v>0</v>
      </c>
      <c r="CK27" s="222">
        <v>0</v>
      </c>
      <c r="CL27" s="225">
        <v>0</v>
      </c>
      <c r="CM27" s="227">
        <v>0</v>
      </c>
      <c r="CN27" s="228">
        <v>0</v>
      </c>
      <c r="CO27" s="222">
        <v>0</v>
      </c>
      <c r="CP27" s="222">
        <v>0</v>
      </c>
      <c r="CQ27" s="223">
        <v>0</v>
      </c>
      <c r="CR27" s="224">
        <v>0</v>
      </c>
      <c r="CS27" s="224">
        <v>0</v>
      </c>
      <c r="CT27" s="224">
        <v>0</v>
      </c>
      <c r="CU27" s="222">
        <v>0</v>
      </c>
      <c r="CV27" s="225">
        <v>0</v>
      </c>
      <c r="CW27" s="226">
        <v>0</v>
      </c>
      <c r="CX27" s="221">
        <v>0</v>
      </c>
      <c r="CY27" s="222">
        <v>0</v>
      </c>
      <c r="CZ27" s="222">
        <v>0</v>
      </c>
      <c r="DA27" s="223">
        <v>0</v>
      </c>
      <c r="DB27" s="224">
        <v>0</v>
      </c>
      <c r="DC27" s="224">
        <v>0</v>
      </c>
      <c r="DD27" s="224">
        <v>0</v>
      </c>
      <c r="DE27" s="222">
        <v>0</v>
      </c>
      <c r="DF27" s="225">
        <v>0</v>
      </c>
      <c r="DG27" s="227">
        <v>0</v>
      </c>
      <c r="DH27" s="228">
        <v>0</v>
      </c>
      <c r="DI27" s="222">
        <v>0</v>
      </c>
      <c r="DJ27" s="222">
        <v>0</v>
      </c>
      <c r="DK27" s="223">
        <v>0</v>
      </c>
      <c r="DL27" s="224">
        <v>0</v>
      </c>
      <c r="DM27" s="224">
        <v>0</v>
      </c>
      <c r="DN27" s="224">
        <v>0</v>
      </c>
      <c r="DO27" s="222">
        <v>0</v>
      </c>
      <c r="DP27" s="225">
        <v>0</v>
      </c>
      <c r="DQ27" s="227">
        <v>0</v>
      </c>
      <c r="DR27" s="228">
        <v>0</v>
      </c>
      <c r="DS27" s="222">
        <v>0</v>
      </c>
      <c r="DT27" s="222">
        <v>0</v>
      </c>
      <c r="DU27" s="223">
        <v>12</v>
      </c>
      <c r="DV27" s="224">
        <v>26</v>
      </c>
      <c r="DW27" s="224">
        <v>52</v>
      </c>
      <c r="DX27" s="224">
        <v>93</v>
      </c>
      <c r="DY27" s="222">
        <v>76</v>
      </c>
      <c r="DZ27" s="225">
        <v>259</v>
      </c>
      <c r="EA27" s="227">
        <v>259</v>
      </c>
      <c r="EB27" s="37"/>
    </row>
    <row r="28" spans="1:132" ht="20.25" customHeight="1" x14ac:dyDescent="0.2">
      <c r="A28" s="62" t="s">
        <v>25</v>
      </c>
      <c r="B28" s="221">
        <v>0</v>
      </c>
      <c r="C28" s="222">
        <v>0</v>
      </c>
      <c r="D28" s="222">
        <v>0</v>
      </c>
      <c r="E28" s="223">
        <v>6</v>
      </c>
      <c r="F28" s="224">
        <v>9</v>
      </c>
      <c r="G28" s="224">
        <v>67</v>
      </c>
      <c r="H28" s="224">
        <v>71</v>
      </c>
      <c r="I28" s="222">
        <v>52</v>
      </c>
      <c r="J28" s="225">
        <v>205</v>
      </c>
      <c r="K28" s="226">
        <v>205</v>
      </c>
      <c r="L28" s="221">
        <v>0</v>
      </c>
      <c r="M28" s="222">
        <v>0</v>
      </c>
      <c r="N28" s="225">
        <v>0</v>
      </c>
      <c r="O28" s="223">
        <v>6</v>
      </c>
      <c r="P28" s="224">
        <v>9</v>
      </c>
      <c r="Q28" s="224">
        <v>67</v>
      </c>
      <c r="R28" s="224">
        <v>70</v>
      </c>
      <c r="S28" s="222">
        <v>48</v>
      </c>
      <c r="T28" s="225">
        <v>200</v>
      </c>
      <c r="U28" s="227">
        <v>200</v>
      </c>
      <c r="V28" s="228">
        <v>0</v>
      </c>
      <c r="W28" s="222">
        <v>0</v>
      </c>
      <c r="X28" s="225">
        <v>0</v>
      </c>
      <c r="Y28" s="228">
        <v>0</v>
      </c>
      <c r="Z28" s="224">
        <v>0</v>
      </c>
      <c r="AA28" s="224">
        <v>0</v>
      </c>
      <c r="AB28" s="224">
        <v>1</v>
      </c>
      <c r="AC28" s="222">
        <v>4</v>
      </c>
      <c r="AD28" s="225">
        <v>5</v>
      </c>
      <c r="AE28" s="229">
        <v>5</v>
      </c>
      <c r="AF28" s="228">
        <v>0</v>
      </c>
      <c r="AG28" s="222">
        <v>0</v>
      </c>
      <c r="AH28" s="225">
        <v>0</v>
      </c>
      <c r="AI28" s="228">
        <v>15</v>
      </c>
      <c r="AJ28" s="224">
        <v>15</v>
      </c>
      <c r="AK28" s="224">
        <v>26</v>
      </c>
      <c r="AL28" s="224">
        <v>48</v>
      </c>
      <c r="AM28" s="222">
        <v>19</v>
      </c>
      <c r="AN28" s="225">
        <v>123</v>
      </c>
      <c r="AO28" s="229">
        <v>123</v>
      </c>
      <c r="AP28" s="228">
        <v>0</v>
      </c>
      <c r="AQ28" s="222">
        <v>0</v>
      </c>
      <c r="AR28" s="225">
        <v>0</v>
      </c>
      <c r="AS28" s="223">
        <v>15</v>
      </c>
      <c r="AT28" s="224">
        <v>15</v>
      </c>
      <c r="AU28" s="224">
        <v>26</v>
      </c>
      <c r="AV28" s="224">
        <v>47</v>
      </c>
      <c r="AW28" s="222">
        <v>19</v>
      </c>
      <c r="AX28" s="225">
        <v>122</v>
      </c>
      <c r="AY28" s="226">
        <v>122</v>
      </c>
      <c r="AZ28" s="221">
        <v>0</v>
      </c>
      <c r="BA28" s="222">
        <v>0</v>
      </c>
      <c r="BB28" s="222">
        <v>0</v>
      </c>
      <c r="BC28" s="223">
        <v>0</v>
      </c>
      <c r="BD28" s="224">
        <v>0</v>
      </c>
      <c r="BE28" s="224">
        <v>0</v>
      </c>
      <c r="BF28" s="224">
        <v>1</v>
      </c>
      <c r="BG28" s="222">
        <v>0</v>
      </c>
      <c r="BH28" s="225">
        <v>1</v>
      </c>
      <c r="BI28" s="227">
        <v>1</v>
      </c>
      <c r="BJ28" s="228">
        <v>0</v>
      </c>
      <c r="BK28" s="222">
        <v>0</v>
      </c>
      <c r="BL28" s="222">
        <v>0</v>
      </c>
      <c r="BM28" s="223">
        <v>0</v>
      </c>
      <c r="BN28" s="224">
        <v>0</v>
      </c>
      <c r="BO28" s="224">
        <v>0</v>
      </c>
      <c r="BP28" s="224">
        <v>0</v>
      </c>
      <c r="BQ28" s="222">
        <v>1</v>
      </c>
      <c r="BR28" s="225">
        <v>1</v>
      </c>
      <c r="BS28" s="226">
        <v>1</v>
      </c>
      <c r="BT28" s="221">
        <v>0</v>
      </c>
      <c r="BU28" s="222">
        <v>0</v>
      </c>
      <c r="BV28" s="222">
        <v>0</v>
      </c>
      <c r="BW28" s="223">
        <v>0</v>
      </c>
      <c r="BX28" s="224">
        <v>0</v>
      </c>
      <c r="BY28" s="224">
        <v>0</v>
      </c>
      <c r="BZ28" s="224">
        <v>0</v>
      </c>
      <c r="CA28" s="222">
        <v>1</v>
      </c>
      <c r="CB28" s="225">
        <v>1</v>
      </c>
      <c r="CC28" s="227">
        <v>1</v>
      </c>
      <c r="CD28" s="228">
        <v>0</v>
      </c>
      <c r="CE28" s="222">
        <v>0</v>
      </c>
      <c r="CF28" s="222">
        <v>0</v>
      </c>
      <c r="CG28" s="223">
        <v>0</v>
      </c>
      <c r="CH28" s="224">
        <v>0</v>
      </c>
      <c r="CI28" s="224">
        <v>0</v>
      </c>
      <c r="CJ28" s="224">
        <v>0</v>
      </c>
      <c r="CK28" s="222">
        <v>0</v>
      </c>
      <c r="CL28" s="225">
        <v>0</v>
      </c>
      <c r="CM28" s="227">
        <v>0</v>
      </c>
      <c r="CN28" s="228">
        <v>0</v>
      </c>
      <c r="CO28" s="222">
        <v>0</v>
      </c>
      <c r="CP28" s="222">
        <v>0</v>
      </c>
      <c r="CQ28" s="223">
        <v>0</v>
      </c>
      <c r="CR28" s="224">
        <v>0</v>
      </c>
      <c r="CS28" s="224">
        <v>0</v>
      </c>
      <c r="CT28" s="224">
        <v>1</v>
      </c>
      <c r="CU28" s="222">
        <v>0</v>
      </c>
      <c r="CV28" s="225">
        <v>1</v>
      </c>
      <c r="CW28" s="226">
        <v>1</v>
      </c>
      <c r="CX28" s="221">
        <v>0</v>
      </c>
      <c r="CY28" s="222">
        <v>0</v>
      </c>
      <c r="CZ28" s="222">
        <v>0</v>
      </c>
      <c r="DA28" s="223">
        <v>0</v>
      </c>
      <c r="DB28" s="224">
        <v>0</v>
      </c>
      <c r="DC28" s="224">
        <v>0</v>
      </c>
      <c r="DD28" s="224">
        <v>1</v>
      </c>
      <c r="DE28" s="222">
        <v>0</v>
      </c>
      <c r="DF28" s="225">
        <v>1</v>
      </c>
      <c r="DG28" s="227">
        <v>1</v>
      </c>
      <c r="DH28" s="228">
        <v>0</v>
      </c>
      <c r="DI28" s="222">
        <v>0</v>
      </c>
      <c r="DJ28" s="222">
        <v>0</v>
      </c>
      <c r="DK28" s="223">
        <v>0</v>
      </c>
      <c r="DL28" s="224">
        <v>0</v>
      </c>
      <c r="DM28" s="224">
        <v>0</v>
      </c>
      <c r="DN28" s="224">
        <v>0</v>
      </c>
      <c r="DO28" s="222">
        <v>0</v>
      </c>
      <c r="DP28" s="225">
        <v>0</v>
      </c>
      <c r="DQ28" s="227">
        <v>0</v>
      </c>
      <c r="DR28" s="228">
        <v>0</v>
      </c>
      <c r="DS28" s="222">
        <v>0</v>
      </c>
      <c r="DT28" s="222">
        <v>0</v>
      </c>
      <c r="DU28" s="223">
        <v>21</v>
      </c>
      <c r="DV28" s="224">
        <v>24</v>
      </c>
      <c r="DW28" s="224">
        <v>93</v>
      </c>
      <c r="DX28" s="224">
        <v>120</v>
      </c>
      <c r="DY28" s="222">
        <v>72</v>
      </c>
      <c r="DZ28" s="225">
        <v>330</v>
      </c>
      <c r="EA28" s="227">
        <v>330</v>
      </c>
      <c r="EB28" s="37"/>
    </row>
    <row r="29" spans="1:132" ht="20.25" customHeight="1" x14ac:dyDescent="0.2">
      <c r="A29" s="62" t="s">
        <v>26</v>
      </c>
      <c r="B29" s="221">
        <v>0</v>
      </c>
      <c r="C29" s="222">
        <v>0</v>
      </c>
      <c r="D29" s="222">
        <v>0</v>
      </c>
      <c r="E29" s="223">
        <v>1</v>
      </c>
      <c r="F29" s="224">
        <v>5</v>
      </c>
      <c r="G29" s="224">
        <v>37</v>
      </c>
      <c r="H29" s="224">
        <v>72</v>
      </c>
      <c r="I29" s="222">
        <v>64</v>
      </c>
      <c r="J29" s="225">
        <v>179</v>
      </c>
      <c r="K29" s="226">
        <v>179</v>
      </c>
      <c r="L29" s="221">
        <v>0</v>
      </c>
      <c r="M29" s="222">
        <v>0</v>
      </c>
      <c r="N29" s="225">
        <v>0</v>
      </c>
      <c r="O29" s="223">
        <v>1</v>
      </c>
      <c r="P29" s="224">
        <v>5</v>
      </c>
      <c r="Q29" s="224">
        <v>37</v>
      </c>
      <c r="R29" s="224">
        <v>71</v>
      </c>
      <c r="S29" s="222">
        <v>63</v>
      </c>
      <c r="T29" s="225">
        <v>177</v>
      </c>
      <c r="U29" s="227">
        <v>177</v>
      </c>
      <c r="V29" s="228">
        <v>0</v>
      </c>
      <c r="W29" s="222">
        <v>0</v>
      </c>
      <c r="X29" s="225">
        <v>0</v>
      </c>
      <c r="Y29" s="228">
        <v>0</v>
      </c>
      <c r="Z29" s="224">
        <v>0</v>
      </c>
      <c r="AA29" s="224">
        <v>0</v>
      </c>
      <c r="AB29" s="224">
        <v>1</v>
      </c>
      <c r="AC29" s="222">
        <v>1</v>
      </c>
      <c r="AD29" s="225">
        <v>2</v>
      </c>
      <c r="AE29" s="229">
        <v>2</v>
      </c>
      <c r="AF29" s="228">
        <v>0</v>
      </c>
      <c r="AG29" s="222">
        <v>0</v>
      </c>
      <c r="AH29" s="225">
        <v>0</v>
      </c>
      <c r="AI29" s="228">
        <v>10</v>
      </c>
      <c r="AJ29" s="224">
        <v>19</v>
      </c>
      <c r="AK29" s="224">
        <v>27</v>
      </c>
      <c r="AL29" s="224">
        <v>21</v>
      </c>
      <c r="AM29" s="222">
        <v>9</v>
      </c>
      <c r="AN29" s="225">
        <v>86</v>
      </c>
      <c r="AO29" s="229">
        <v>86</v>
      </c>
      <c r="AP29" s="228">
        <v>0</v>
      </c>
      <c r="AQ29" s="222">
        <v>0</v>
      </c>
      <c r="AR29" s="225">
        <v>0</v>
      </c>
      <c r="AS29" s="223">
        <v>10</v>
      </c>
      <c r="AT29" s="224">
        <v>19</v>
      </c>
      <c r="AU29" s="224">
        <v>27</v>
      </c>
      <c r="AV29" s="224">
        <v>20</v>
      </c>
      <c r="AW29" s="222">
        <v>9</v>
      </c>
      <c r="AX29" s="225">
        <v>85</v>
      </c>
      <c r="AY29" s="226">
        <v>85</v>
      </c>
      <c r="AZ29" s="221">
        <v>0</v>
      </c>
      <c r="BA29" s="222">
        <v>0</v>
      </c>
      <c r="BB29" s="222">
        <v>0</v>
      </c>
      <c r="BC29" s="223">
        <v>0</v>
      </c>
      <c r="BD29" s="224">
        <v>0</v>
      </c>
      <c r="BE29" s="224">
        <v>0</v>
      </c>
      <c r="BF29" s="224">
        <v>1</v>
      </c>
      <c r="BG29" s="222">
        <v>0</v>
      </c>
      <c r="BH29" s="225">
        <v>1</v>
      </c>
      <c r="BI29" s="227">
        <v>1</v>
      </c>
      <c r="BJ29" s="228">
        <v>0</v>
      </c>
      <c r="BK29" s="222">
        <v>0</v>
      </c>
      <c r="BL29" s="222">
        <v>0</v>
      </c>
      <c r="BM29" s="223">
        <v>0</v>
      </c>
      <c r="BN29" s="224">
        <v>0</v>
      </c>
      <c r="BO29" s="224">
        <v>0</v>
      </c>
      <c r="BP29" s="224">
        <v>1</v>
      </c>
      <c r="BQ29" s="222">
        <v>0</v>
      </c>
      <c r="BR29" s="225">
        <v>1</v>
      </c>
      <c r="BS29" s="226">
        <v>1</v>
      </c>
      <c r="BT29" s="221">
        <v>0</v>
      </c>
      <c r="BU29" s="222">
        <v>0</v>
      </c>
      <c r="BV29" s="222">
        <v>0</v>
      </c>
      <c r="BW29" s="223">
        <v>0</v>
      </c>
      <c r="BX29" s="224">
        <v>0</v>
      </c>
      <c r="BY29" s="224">
        <v>0</v>
      </c>
      <c r="BZ29" s="224">
        <v>1</v>
      </c>
      <c r="CA29" s="222">
        <v>0</v>
      </c>
      <c r="CB29" s="225">
        <v>1</v>
      </c>
      <c r="CC29" s="227">
        <v>1</v>
      </c>
      <c r="CD29" s="228">
        <v>0</v>
      </c>
      <c r="CE29" s="222">
        <v>0</v>
      </c>
      <c r="CF29" s="222">
        <v>0</v>
      </c>
      <c r="CG29" s="223">
        <v>0</v>
      </c>
      <c r="CH29" s="224">
        <v>0</v>
      </c>
      <c r="CI29" s="224">
        <v>0</v>
      </c>
      <c r="CJ29" s="224">
        <v>0</v>
      </c>
      <c r="CK29" s="222">
        <v>0</v>
      </c>
      <c r="CL29" s="225">
        <v>0</v>
      </c>
      <c r="CM29" s="227">
        <v>0</v>
      </c>
      <c r="CN29" s="228">
        <v>0</v>
      </c>
      <c r="CO29" s="222">
        <v>0</v>
      </c>
      <c r="CP29" s="222">
        <v>0</v>
      </c>
      <c r="CQ29" s="223">
        <v>0</v>
      </c>
      <c r="CR29" s="224">
        <v>0</v>
      </c>
      <c r="CS29" s="224">
        <v>0</v>
      </c>
      <c r="CT29" s="224">
        <v>1</v>
      </c>
      <c r="CU29" s="222">
        <v>2</v>
      </c>
      <c r="CV29" s="225">
        <v>3</v>
      </c>
      <c r="CW29" s="226">
        <v>3</v>
      </c>
      <c r="CX29" s="221">
        <v>0</v>
      </c>
      <c r="CY29" s="222">
        <v>0</v>
      </c>
      <c r="CZ29" s="222">
        <v>0</v>
      </c>
      <c r="DA29" s="223">
        <v>0</v>
      </c>
      <c r="DB29" s="224">
        <v>0</v>
      </c>
      <c r="DC29" s="224">
        <v>0</v>
      </c>
      <c r="DD29" s="224">
        <v>1</v>
      </c>
      <c r="DE29" s="222">
        <v>2</v>
      </c>
      <c r="DF29" s="225">
        <v>3</v>
      </c>
      <c r="DG29" s="227">
        <v>3</v>
      </c>
      <c r="DH29" s="228">
        <v>0</v>
      </c>
      <c r="DI29" s="222">
        <v>0</v>
      </c>
      <c r="DJ29" s="222">
        <v>0</v>
      </c>
      <c r="DK29" s="223">
        <v>0</v>
      </c>
      <c r="DL29" s="224">
        <v>0</v>
      </c>
      <c r="DM29" s="224">
        <v>0</v>
      </c>
      <c r="DN29" s="224">
        <v>0</v>
      </c>
      <c r="DO29" s="222">
        <v>0</v>
      </c>
      <c r="DP29" s="225">
        <v>0</v>
      </c>
      <c r="DQ29" s="227">
        <v>0</v>
      </c>
      <c r="DR29" s="228">
        <v>0</v>
      </c>
      <c r="DS29" s="222">
        <v>0</v>
      </c>
      <c r="DT29" s="222">
        <v>0</v>
      </c>
      <c r="DU29" s="223">
        <v>11</v>
      </c>
      <c r="DV29" s="224">
        <v>24</v>
      </c>
      <c r="DW29" s="224">
        <v>64</v>
      </c>
      <c r="DX29" s="224">
        <v>95</v>
      </c>
      <c r="DY29" s="222">
        <v>75</v>
      </c>
      <c r="DZ29" s="225">
        <v>269</v>
      </c>
      <c r="EA29" s="227">
        <v>269</v>
      </c>
      <c r="EB29" s="37"/>
    </row>
    <row r="30" spans="1:132" ht="20.25" customHeight="1" x14ac:dyDescent="0.2">
      <c r="A30" s="62" t="s">
        <v>27</v>
      </c>
      <c r="B30" s="221">
        <v>0</v>
      </c>
      <c r="C30" s="222">
        <v>0</v>
      </c>
      <c r="D30" s="222">
        <v>0</v>
      </c>
      <c r="E30" s="223">
        <v>2</v>
      </c>
      <c r="F30" s="224">
        <v>2</v>
      </c>
      <c r="G30" s="224">
        <v>41</v>
      </c>
      <c r="H30" s="224">
        <v>57</v>
      </c>
      <c r="I30" s="222">
        <v>41</v>
      </c>
      <c r="J30" s="225">
        <v>143</v>
      </c>
      <c r="K30" s="226">
        <v>143</v>
      </c>
      <c r="L30" s="221">
        <v>0</v>
      </c>
      <c r="M30" s="222">
        <v>0</v>
      </c>
      <c r="N30" s="225">
        <v>0</v>
      </c>
      <c r="O30" s="223">
        <v>2</v>
      </c>
      <c r="P30" s="224">
        <v>2</v>
      </c>
      <c r="Q30" s="224">
        <v>39</v>
      </c>
      <c r="R30" s="224">
        <v>57</v>
      </c>
      <c r="S30" s="222">
        <v>41</v>
      </c>
      <c r="T30" s="225">
        <v>141</v>
      </c>
      <c r="U30" s="227">
        <v>141</v>
      </c>
      <c r="V30" s="228">
        <v>0</v>
      </c>
      <c r="W30" s="222">
        <v>0</v>
      </c>
      <c r="X30" s="225">
        <v>0</v>
      </c>
      <c r="Y30" s="228">
        <v>0</v>
      </c>
      <c r="Z30" s="224">
        <v>0</v>
      </c>
      <c r="AA30" s="224">
        <v>2</v>
      </c>
      <c r="AB30" s="224">
        <v>0</v>
      </c>
      <c r="AC30" s="222">
        <v>0</v>
      </c>
      <c r="AD30" s="225">
        <v>2</v>
      </c>
      <c r="AE30" s="229">
        <v>2</v>
      </c>
      <c r="AF30" s="228">
        <v>0</v>
      </c>
      <c r="AG30" s="222">
        <v>0</v>
      </c>
      <c r="AH30" s="225">
        <v>0</v>
      </c>
      <c r="AI30" s="228">
        <v>7</v>
      </c>
      <c r="AJ30" s="224">
        <v>12</v>
      </c>
      <c r="AK30" s="224">
        <v>23</v>
      </c>
      <c r="AL30" s="224">
        <v>16</v>
      </c>
      <c r="AM30" s="222">
        <v>12</v>
      </c>
      <c r="AN30" s="225">
        <v>70</v>
      </c>
      <c r="AO30" s="229">
        <v>70</v>
      </c>
      <c r="AP30" s="228">
        <v>0</v>
      </c>
      <c r="AQ30" s="222">
        <v>0</v>
      </c>
      <c r="AR30" s="225">
        <v>0</v>
      </c>
      <c r="AS30" s="223">
        <v>7</v>
      </c>
      <c r="AT30" s="224">
        <v>12</v>
      </c>
      <c r="AU30" s="224">
        <v>22</v>
      </c>
      <c r="AV30" s="224">
        <v>16</v>
      </c>
      <c r="AW30" s="222">
        <v>12</v>
      </c>
      <c r="AX30" s="225">
        <v>69</v>
      </c>
      <c r="AY30" s="226">
        <v>69</v>
      </c>
      <c r="AZ30" s="221">
        <v>0</v>
      </c>
      <c r="BA30" s="222">
        <v>0</v>
      </c>
      <c r="BB30" s="222">
        <v>0</v>
      </c>
      <c r="BC30" s="223">
        <v>0</v>
      </c>
      <c r="BD30" s="224">
        <v>0</v>
      </c>
      <c r="BE30" s="224">
        <v>1</v>
      </c>
      <c r="BF30" s="224">
        <v>0</v>
      </c>
      <c r="BG30" s="222">
        <v>0</v>
      </c>
      <c r="BH30" s="225">
        <v>1</v>
      </c>
      <c r="BI30" s="227">
        <v>1</v>
      </c>
      <c r="BJ30" s="228">
        <v>0</v>
      </c>
      <c r="BK30" s="222">
        <v>0</v>
      </c>
      <c r="BL30" s="222">
        <v>0</v>
      </c>
      <c r="BM30" s="223">
        <v>0</v>
      </c>
      <c r="BN30" s="224">
        <v>0</v>
      </c>
      <c r="BO30" s="224">
        <v>0</v>
      </c>
      <c r="BP30" s="224">
        <v>0</v>
      </c>
      <c r="BQ30" s="222">
        <v>0</v>
      </c>
      <c r="BR30" s="225">
        <v>0</v>
      </c>
      <c r="BS30" s="226">
        <v>0</v>
      </c>
      <c r="BT30" s="221">
        <v>0</v>
      </c>
      <c r="BU30" s="222">
        <v>0</v>
      </c>
      <c r="BV30" s="222">
        <v>0</v>
      </c>
      <c r="BW30" s="223">
        <v>0</v>
      </c>
      <c r="BX30" s="224">
        <v>0</v>
      </c>
      <c r="BY30" s="224">
        <v>0</v>
      </c>
      <c r="BZ30" s="224">
        <v>0</v>
      </c>
      <c r="CA30" s="222">
        <v>0</v>
      </c>
      <c r="CB30" s="225">
        <v>0</v>
      </c>
      <c r="CC30" s="227">
        <v>0</v>
      </c>
      <c r="CD30" s="228">
        <v>0</v>
      </c>
      <c r="CE30" s="222">
        <v>0</v>
      </c>
      <c r="CF30" s="222">
        <v>0</v>
      </c>
      <c r="CG30" s="223">
        <v>0</v>
      </c>
      <c r="CH30" s="224">
        <v>0</v>
      </c>
      <c r="CI30" s="224">
        <v>0</v>
      </c>
      <c r="CJ30" s="224">
        <v>0</v>
      </c>
      <c r="CK30" s="222">
        <v>0</v>
      </c>
      <c r="CL30" s="225">
        <v>0</v>
      </c>
      <c r="CM30" s="227">
        <v>0</v>
      </c>
      <c r="CN30" s="228">
        <v>0</v>
      </c>
      <c r="CO30" s="222">
        <v>0</v>
      </c>
      <c r="CP30" s="222">
        <v>0</v>
      </c>
      <c r="CQ30" s="223">
        <v>0</v>
      </c>
      <c r="CR30" s="224">
        <v>0</v>
      </c>
      <c r="CS30" s="224">
        <v>1</v>
      </c>
      <c r="CT30" s="224">
        <v>2</v>
      </c>
      <c r="CU30" s="222">
        <v>1</v>
      </c>
      <c r="CV30" s="225">
        <v>4</v>
      </c>
      <c r="CW30" s="226">
        <v>4</v>
      </c>
      <c r="CX30" s="221">
        <v>0</v>
      </c>
      <c r="CY30" s="222">
        <v>0</v>
      </c>
      <c r="CZ30" s="222">
        <v>0</v>
      </c>
      <c r="DA30" s="223">
        <v>0</v>
      </c>
      <c r="DB30" s="224">
        <v>0</v>
      </c>
      <c r="DC30" s="224">
        <v>1</v>
      </c>
      <c r="DD30" s="224">
        <v>2</v>
      </c>
      <c r="DE30" s="222">
        <v>0</v>
      </c>
      <c r="DF30" s="225">
        <v>3</v>
      </c>
      <c r="DG30" s="227">
        <v>3</v>
      </c>
      <c r="DH30" s="228">
        <v>0</v>
      </c>
      <c r="DI30" s="222">
        <v>0</v>
      </c>
      <c r="DJ30" s="222">
        <v>0</v>
      </c>
      <c r="DK30" s="223">
        <v>0</v>
      </c>
      <c r="DL30" s="224">
        <v>0</v>
      </c>
      <c r="DM30" s="224">
        <v>0</v>
      </c>
      <c r="DN30" s="224">
        <v>0</v>
      </c>
      <c r="DO30" s="222">
        <v>1</v>
      </c>
      <c r="DP30" s="225">
        <v>1</v>
      </c>
      <c r="DQ30" s="227">
        <v>1</v>
      </c>
      <c r="DR30" s="228">
        <v>0</v>
      </c>
      <c r="DS30" s="222">
        <v>0</v>
      </c>
      <c r="DT30" s="222">
        <v>0</v>
      </c>
      <c r="DU30" s="223">
        <v>9</v>
      </c>
      <c r="DV30" s="224">
        <v>14</v>
      </c>
      <c r="DW30" s="224">
        <v>65</v>
      </c>
      <c r="DX30" s="224">
        <v>75</v>
      </c>
      <c r="DY30" s="222">
        <v>54</v>
      </c>
      <c r="DZ30" s="225">
        <v>217</v>
      </c>
      <c r="EA30" s="227">
        <v>217</v>
      </c>
      <c r="EB30" s="37"/>
    </row>
    <row r="31" spans="1:132" ht="20.25" customHeight="1" x14ac:dyDescent="0.2">
      <c r="A31" s="62" t="s">
        <v>28</v>
      </c>
      <c r="B31" s="221">
        <v>0</v>
      </c>
      <c r="C31" s="222">
        <v>0</v>
      </c>
      <c r="D31" s="222">
        <v>0</v>
      </c>
      <c r="E31" s="223">
        <v>0</v>
      </c>
      <c r="F31" s="224">
        <v>2</v>
      </c>
      <c r="G31" s="224">
        <v>12</v>
      </c>
      <c r="H31" s="224">
        <v>17</v>
      </c>
      <c r="I31" s="222">
        <v>12</v>
      </c>
      <c r="J31" s="225">
        <v>43</v>
      </c>
      <c r="K31" s="226">
        <v>43</v>
      </c>
      <c r="L31" s="221">
        <v>0</v>
      </c>
      <c r="M31" s="222">
        <v>0</v>
      </c>
      <c r="N31" s="225">
        <v>0</v>
      </c>
      <c r="O31" s="223">
        <v>0</v>
      </c>
      <c r="P31" s="224">
        <v>2</v>
      </c>
      <c r="Q31" s="224">
        <v>12</v>
      </c>
      <c r="R31" s="224">
        <v>17</v>
      </c>
      <c r="S31" s="222">
        <v>12</v>
      </c>
      <c r="T31" s="225">
        <v>43</v>
      </c>
      <c r="U31" s="227">
        <v>43</v>
      </c>
      <c r="V31" s="228">
        <v>0</v>
      </c>
      <c r="W31" s="222">
        <v>0</v>
      </c>
      <c r="X31" s="225">
        <v>0</v>
      </c>
      <c r="Y31" s="228">
        <v>0</v>
      </c>
      <c r="Z31" s="224">
        <v>0</v>
      </c>
      <c r="AA31" s="224">
        <v>0</v>
      </c>
      <c r="AB31" s="224">
        <v>0</v>
      </c>
      <c r="AC31" s="222">
        <v>0</v>
      </c>
      <c r="AD31" s="225">
        <v>0</v>
      </c>
      <c r="AE31" s="229">
        <v>0</v>
      </c>
      <c r="AF31" s="228">
        <v>0</v>
      </c>
      <c r="AG31" s="222">
        <v>0</v>
      </c>
      <c r="AH31" s="225">
        <v>0</v>
      </c>
      <c r="AI31" s="228">
        <v>1</v>
      </c>
      <c r="AJ31" s="224">
        <v>9</v>
      </c>
      <c r="AK31" s="224">
        <v>9</v>
      </c>
      <c r="AL31" s="224">
        <v>10</v>
      </c>
      <c r="AM31" s="222">
        <v>5</v>
      </c>
      <c r="AN31" s="225">
        <v>34</v>
      </c>
      <c r="AO31" s="229">
        <v>34</v>
      </c>
      <c r="AP31" s="228">
        <v>0</v>
      </c>
      <c r="AQ31" s="222">
        <v>0</v>
      </c>
      <c r="AR31" s="225">
        <v>0</v>
      </c>
      <c r="AS31" s="223">
        <v>1</v>
      </c>
      <c r="AT31" s="224">
        <v>9</v>
      </c>
      <c r="AU31" s="224">
        <v>9</v>
      </c>
      <c r="AV31" s="224">
        <v>9</v>
      </c>
      <c r="AW31" s="222">
        <v>5</v>
      </c>
      <c r="AX31" s="225">
        <v>33</v>
      </c>
      <c r="AY31" s="226">
        <v>33</v>
      </c>
      <c r="AZ31" s="221">
        <v>0</v>
      </c>
      <c r="BA31" s="222">
        <v>0</v>
      </c>
      <c r="BB31" s="222">
        <v>0</v>
      </c>
      <c r="BC31" s="223">
        <v>0</v>
      </c>
      <c r="BD31" s="224">
        <v>0</v>
      </c>
      <c r="BE31" s="224">
        <v>0</v>
      </c>
      <c r="BF31" s="224">
        <v>1</v>
      </c>
      <c r="BG31" s="222">
        <v>0</v>
      </c>
      <c r="BH31" s="225">
        <v>1</v>
      </c>
      <c r="BI31" s="227">
        <v>1</v>
      </c>
      <c r="BJ31" s="228">
        <v>0</v>
      </c>
      <c r="BK31" s="222">
        <v>0</v>
      </c>
      <c r="BL31" s="222">
        <v>0</v>
      </c>
      <c r="BM31" s="223">
        <v>0</v>
      </c>
      <c r="BN31" s="224">
        <v>0</v>
      </c>
      <c r="BO31" s="224">
        <v>0</v>
      </c>
      <c r="BP31" s="224">
        <v>0</v>
      </c>
      <c r="BQ31" s="222">
        <v>0</v>
      </c>
      <c r="BR31" s="225">
        <v>0</v>
      </c>
      <c r="BS31" s="226">
        <v>0</v>
      </c>
      <c r="BT31" s="221">
        <v>0</v>
      </c>
      <c r="BU31" s="222">
        <v>0</v>
      </c>
      <c r="BV31" s="222">
        <v>0</v>
      </c>
      <c r="BW31" s="223">
        <v>0</v>
      </c>
      <c r="BX31" s="224">
        <v>0</v>
      </c>
      <c r="BY31" s="224">
        <v>0</v>
      </c>
      <c r="BZ31" s="224">
        <v>0</v>
      </c>
      <c r="CA31" s="222">
        <v>0</v>
      </c>
      <c r="CB31" s="225">
        <v>0</v>
      </c>
      <c r="CC31" s="227">
        <v>0</v>
      </c>
      <c r="CD31" s="228">
        <v>0</v>
      </c>
      <c r="CE31" s="222">
        <v>0</v>
      </c>
      <c r="CF31" s="222">
        <v>0</v>
      </c>
      <c r="CG31" s="223">
        <v>0</v>
      </c>
      <c r="CH31" s="224">
        <v>0</v>
      </c>
      <c r="CI31" s="224">
        <v>0</v>
      </c>
      <c r="CJ31" s="224">
        <v>0</v>
      </c>
      <c r="CK31" s="222">
        <v>0</v>
      </c>
      <c r="CL31" s="225">
        <v>0</v>
      </c>
      <c r="CM31" s="227">
        <v>0</v>
      </c>
      <c r="CN31" s="228">
        <v>0</v>
      </c>
      <c r="CO31" s="222">
        <v>0</v>
      </c>
      <c r="CP31" s="222">
        <v>0</v>
      </c>
      <c r="CQ31" s="223">
        <v>0</v>
      </c>
      <c r="CR31" s="224">
        <v>0</v>
      </c>
      <c r="CS31" s="224">
        <v>0</v>
      </c>
      <c r="CT31" s="224">
        <v>0</v>
      </c>
      <c r="CU31" s="222">
        <v>0</v>
      </c>
      <c r="CV31" s="225">
        <v>0</v>
      </c>
      <c r="CW31" s="226">
        <v>0</v>
      </c>
      <c r="CX31" s="221">
        <v>0</v>
      </c>
      <c r="CY31" s="222">
        <v>0</v>
      </c>
      <c r="CZ31" s="222">
        <v>0</v>
      </c>
      <c r="DA31" s="223">
        <v>0</v>
      </c>
      <c r="DB31" s="224">
        <v>0</v>
      </c>
      <c r="DC31" s="224">
        <v>0</v>
      </c>
      <c r="DD31" s="224">
        <v>0</v>
      </c>
      <c r="DE31" s="222">
        <v>0</v>
      </c>
      <c r="DF31" s="225">
        <v>0</v>
      </c>
      <c r="DG31" s="227">
        <v>0</v>
      </c>
      <c r="DH31" s="228">
        <v>0</v>
      </c>
      <c r="DI31" s="222">
        <v>0</v>
      </c>
      <c r="DJ31" s="222">
        <v>0</v>
      </c>
      <c r="DK31" s="223">
        <v>0</v>
      </c>
      <c r="DL31" s="224">
        <v>0</v>
      </c>
      <c r="DM31" s="224">
        <v>0</v>
      </c>
      <c r="DN31" s="224">
        <v>0</v>
      </c>
      <c r="DO31" s="222">
        <v>0</v>
      </c>
      <c r="DP31" s="225">
        <v>0</v>
      </c>
      <c r="DQ31" s="227">
        <v>0</v>
      </c>
      <c r="DR31" s="228">
        <v>0</v>
      </c>
      <c r="DS31" s="222">
        <v>0</v>
      </c>
      <c r="DT31" s="222">
        <v>0</v>
      </c>
      <c r="DU31" s="223">
        <v>1</v>
      </c>
      <c r="DV31" s="224">
        <v>11</v>
      </c>
      <c r="DW31" s="224">
        <v>21</v>
      </c>
      <c r="DX31" s="224">
        <v>27</v>
      </c>
      <c r="DY31" s="222">
        <v>17</v>
      </c>
      <c r="DZ31" s="225">
        <v>77</v>
      </c>
      <c r="EA31" s="227">
        <v>77</v>
      </c>
      <c r="EB31" s="37"/>
    </row>
    <row r="32" spans="1:132" ht="20.25" customHeight="1" x14ac:dyDescent="0.2">
      <c r="A32" s="62" t="s">
        <v>29</v>
      </c>
      <c r="B32" s="221">
        <v>0</v>
      </c>
      <c r="C32" s="222">
        <v>0</v>
      </c>
      <c r="D32" s="222">
        <v>0</v>
      </c>
      <c r="E32" s="223">
        <v>0</v>
      </c>
      <c r="F32" s="224">
        <v>2</v>
      </c>
      <c r="G32" s="224">
        <v>20</v>
      </c>
      <c r="H32" s="224">
        <v>33</v>
      </c>
      <c r="I32" s="222">
        <v>21</v>
      </c>
      <c r="J32" s="225">
        <v>76</v>
      </c>
      <c r="K32" s="226">
        <v>76</v>
      </c>
      <c r="L32" s="221">
        <v>0</v>
      </c>
      <c r="M32" s="222">
        <v>0</v>
      </c>
      <c r="N32" s="225">
        <v>0</v>
      </c>
      <c r="O32" s="223">
        <v>0</v>
      </c>
      <c r="P32" s="224">
        <v>2</v>
      </c>
      <c r="Q32" s="224">
        <v>20</v>
      </c>
      <c r="R32" s="224">
        <v>33</v>
      </c>
      <c r="S32" s="222">
        <v>21</v>
      </c>
      <c r="T32" s="225">
        <v>76</v>
      </c>
      <c r="U32" s="227">
        <v>76</v>
      </c>
      <c r="V32" s="228">
        <v>0</v>
      </c>
      <c r="W32" s="222">
        <v>0</v>
      </c>
      <c r="X32" s="225">
        <v>0</v>
      </c>
      <c r="Y32" s="228">
        <v>0</v>
      </c>
      <c r="Z32" s="224">
        <v>0</v>
      </c>
      <c r="AA32" s="224">
        <v>0</v>
      </c>
      <c r="AB32" s="224">
        <v>0</v>
      </c>
      <c r="AC32" s="222">
        <v>0</v>
      </c>
      <c r="AD32" s="225">
        <v>0</v>
      </c>
      <c r="AE32" s="229">
        <v>0</v>
      </c>
      <c r="AF32" s="228">
        <v>0</v>
      </c>
      <c r="AG32" s="222">
        <v>0</v>
      </c>
      <c r="AH32" s="225">
        <v>0</v>
      </c>
      <c r="AI32" s="228">
        <v>3</v>
      </c>
      <c r="AJ32" s="224">
        <v>9</v>
      </c>
      <c r="AK32" s="224">
        <v>6</v>
      </c>
      <c r="AL32" s="224">
        <v>14</v>
      </c>
      <c r="AM32" s="222">
        <v>8</v>
      </c>
      <c r="AN32" s="225">
        <v>40</v>
      </c>
      <c r="AO32" s="229">
        <v>40</v>
      </c>
      <c r="AP32" s="228">
        <v>0</v>
      </c>
      <c r="AQ32" s="222">
        <v>0</v>
      </c>
      <c r="AR32" s="225">
        <v>0</v>
      </c>
      <c r="AS32" s="223">
        <v>3</v>
      </c>
      <c r="AT32" s="224">
        <v>8</v>
      </c>
      <c r="AU32" s="224">
        <v>6</v>
      </c>
      <c r="AV32" s="224">
        <v>14</v>
      </c>
      <c r="AW32" s="222">
        <v>7</v>
      </c>
      <c r="AX32" s="225">
        <v>38</v>
      </c>
      <c r="AY32" s="226">
        <v>38</v>
      </c>
      <c r="AZ32" s="221">
        <v>0</v>
      </c>
      <c r="BA32" s="222">
        <v>0</v>
      </c>
      <c r="BB32" s="222">
        <v>0</v>
      </c>
      <c r="BC32" s="223">
        <v>0</v>
      </c>
      <c r="BD32" s="224">
        <v>1</v>
      </c>
      <c r="BE32" s="224">
        <v>0</v>
      </c>
      <c r="BF32" s="224">
        <v>0</v>
      </c>
      <c r="BG32" s="222">
        <v>1</v>
      </c>
      <c r="BH32" s="225">
        <v>2</v>
      </c>
      <c r="BI32" s="227">
        <v>2</v>
      </c>
      <c r="BJ32" s="228">
        <v>0</v>
      </c>
      <c r="BK32" s="222">
        <v>0</v>
      </c>
      <c r="BL32" s="222">
        <v>0</v>
      </c>
      <c r="BM32" s="223">
        <v>0</v>
      </c>
      <c r="BN32" s="224">
        <v>0</v>
      </c>
      <c r="BO32" s="224">
        <v>0</v>
      </c>
      <c r="BP32" s="224">
        <v>0</v>
      </c>
      <c r="BQ32" s="222">
        <v>1</v>
      </c>
      <c r="BR32" s="225">
        <v>1</v>
      </c>
      <c r="BS32" s="226">
        <v>1</v>
      </c>
      <c r="BT32" s="221">
        <v>0</v>
      </c>
      <c r="BU32" s="222">
        <v>0</v>
      </c>
      <c r="BV32" s="222">
        <v>0</v>
      </c>
      <c r="BW32" s="223">
        <v>0</v>
      </c>
      <c r="BX32" s="224">
        <v>0</v>
      </c>
      <c r="BY32" s="224">
        <v>0</v>
      </c>
      <c r="BZ32" s="224">
        <v>0</v>
      </c>
      <c r="CA32" s="222">
        <v>1</v>
      </c>
      <c r="CB32" s="225">
        <v>1</v>
      </c>
      <c r="CC32" s="227">
        <v>1</v>
      </c>
      <c r="CD32" s="228">
        <v>0</v>
      </c>
      <c r="CE32" s="222">
        <v>0</v>
      </c>
      <c r="CF32" s="222">
        <v>0</v>
      </c>
      <c r="CG32" s="223">
        <v>0</v>
      </c>
      <c r="CH32" s="224">
        <v>0</v>
      </c>
      <c r="CI32" s="224">
        <v>0</v>
      </c>
      <c r="CJ32" s="224">
        <v>0</v>
      </c>
      <c r="CK32" s="222">
        <v>0</v>
      </c>
      <c r="CL32" s="225">
        <v>0</v>
      </c>
      <c r="CM32" s="227">
        <v>0</v>
      </c>
      <c r="CN32" s="228">
        <v>0</v>
      </c>
      <c r="CO32" s="222">
        <v>0</v>
      </c>
      <c r="CP32" s="222">
        <v>0</v>
      </c>
      <c r="CQ32" s="223">
        <v>0</v>
      </c>
      <c r="CR32" s="224">
        <v>0</v>
      </c>
      <c r="CS32" s="224">
        <v>0</v>
      </c>
      <c r="CT32" s="224">
        <v>1</v>
      </c>
      <c r="CU32" s="222">
        <v>2</v>
      </c>
      <c r="CV32" s="225">
        <v>3</v>
      </c>
      <c r="CW32" s="226">
        <v>3</v>
      </c>
      <c r="CX32" s="221">
        <v>0</v>
      </c>
      <c r="CY32" s="222">
        <v>0</v>
      </c>
      <c r="CZ32" s="222">
        <v>0</v>
      </c>
      <c r="DA32" s="223">
        <v>0</v>
      </c>
      <c r="DB32" s="224">
        <v>0</v>
      </c>
      <c r="DC32" s="224">
        <v>0</v>
      </c>
      <c r="DD32" s="224">
        <v>1</v>
      </c>
      <c r="DE32" s="222">
        <v>2</v>
      </c>
      <c r="DF32" s="225">
        <v>3</v>
      </c>
      <c r="DG32" s="227">
        <v>3</v>
      </c>
      <c r="DH32" s="228">
        <v>0</v>
      </c>
      <c r="DI32" s="222">
        <v>0</v>
      </c>
      <c r="DJ32" s="222">
        <v>0</v>
      </c>
      <c r="DK32" s="223">
        <v>0</v>
      </c>
      <c r="DL32" s="224">
        <v>0</v>
      </c>
      <c r="DM32" s="224">
        <v>0</v>
      </c>
      <c r="DN32" s="224">
        <v>0</v>
      </c>
      <c r="DO32" s="222">
        <v>0</v>
      </c>
      <c r="DP32" s="225">
        <v>0</v>
      </c>
      <c r="DQ32" s="227">
        <v>0</v>
      </c>
      <c r="DR32" s="228">
        <v>0</v>
      </c>
      <c r="DS32" s="222">
        <v>0</v>
      </c>
      <c r="DT32" s="222">
        <v>0</v>
      </c>
      <c r="DU32" s="223">
        <v>3</v>
      </c>
      <c r="DV32" s="224">
        <v>11</v>
      </c>
      <c r="DW32" s="224">
        <v>26</v>
      </c>
      <c r="DX32" s="224">
        <v>48</v>
      </c>
      <c r="DY32" s="222">
        <v>32</v>
      </c>
      <c r="DZ32" s="225">
        <v>120</v>
      </c>
      <c r="EA32" s="227">
        <v>120</v>
      </c>
      <c r="EB32" s="37"/>
    </row>
    <row r="33" spans="1:132" ht="20.25" customHeight="1" x14ac:dyDescent="0.2">
      <c r="A33" s="62" t="s">
        <v>30</v>
      </c>
      <c r="B33" s="221">
        <v>0</v>
      </c>
      <c r="C33" s="222">
        <v>0</v>
      </c>
      <c r="D33" s="222">
        <v>0</v>
      </c>
      <c r="E33" s="223">
        <v>1</v>
      </c>
      <c r="F33" s="224">
        <v>2</v>
      </c>
      <c r="G33" s="224">
        <v>22</v>
      </c>
      <c r="H33" s="224">
        <v>24</v>
      </c>
      <c r="I33" s="222">
        <v>18</v>
      </c>
      <c r="J33" s="225">
        <v>67</v>
      </c>
      <c r="K33" s="226">
        <v>67</v>
      </c>
      <c r="L33" s="221">
        <v>0</v>
      </c>
      <c r="M33" s="222">
        <v>0</v>
      </c>
      <c r="N33" s="225">
        <v>0</v>
      </c>
      <c r="O33" s="223">
        <v>1</v>
      </c>
      <c r="P33" s="224">
        <v>2</v>
      </c>
      <c r="Q33" s="224">
        <v>22</v>
      </c>
      <c r="R33" s="224">
        <v>24</v>
      </c>
      <c r="S33" s="222">
        <v>18</v>
      </c>
      <c r="T33" s="225">
        <v>67</v>
      </c>
      <c r="U33" s="227">
        <v>67</v>
      </c>
      <c r="V33" s="228">
        <v>0</v>
      </c>
      <c r="W33" s="222">
        <v>0</v>
      </c>
      <c r="X33" s="225">
        <v>0</v>
      </c>
      <c r="Y33" s="228">
        <v>0</v>
      </c>
      <c r="Z33" s="224">
        <v>0</v>
      </c>
      <c r="AA33" s="224">
        <v>0</v>
      </c>
      <c r="AB33" s="224">
        <v>0</v>
      </c>
      <c r="AC33" s="222">
        <v>0</v>
      </c>
      <c r="AD33" s="225">
        <v>0</v>
      </c>
      <c r="AE33" s="229">
        <v>0</v>
      </c>
      <c r="AF33" s="228">
        <v>0</v>
      </c>
      <c r="AG33" s="222">
        <v>0</v>
      </c>
      <c r="AH33" s="225">
        <v>0</v>
      </c>
      <c r="AI33" s="228">
        <v>4</v>
      </c>
      <c r="AJ33" s="224">
        <v>8</v>
      </c>
      <c r="AK33" s="224">
        <v>10</v>
      </c>
      <c r="AL33" s="224">
        <v>19</v>
      </c>
      <c r="AM33" s="222">
        <v>7</v>
      </c>
      <c r="AN33" s="225">
        <v>48</v>
      </c>
      <c r="AO33" s="229">
        <v>48</v>
      </c>
      <c r="AP33" s="228">
        <v>0</v>
      </c>
      <c r="AQ33" s="222">
        <v>0</v>
      </c>
      <c r="AR33" s="225">
        <v>0</v>
      </c>
      <c r="AS33" s="223">
        <v>4</v>
      </c>
      <c r="AT33" s="224">
        <v>8</v>
      </c>
      <c r="AU33" s="224">
        <v>9</v>
      </c>
      <c r="AV33" s="224">
        <v>19</v>
      </c>
      <c r="AW33" s="222">
        <v>7</v>
      </c>
      <c r="AX33" s="225">
        <v>47</v>
      </c>
      <c r="AY33" s="226">
        <v>47</v>
      </c>
      <c r="AZ33" s="221">
        <v>0</v>
      </c>
      <c r="BA33" s="222">
        <v>0</v>
      </c>
      <c r="BB33" s="222">
        <v>0</v>
      </c>
      <c r="BC33" s="223">
        <v>0</v>
      </c>
      <c r="BD33" s="224">
        <v>0</v>
      </c>
      <c r="BE33" s="224">
        <v>1</v>
      </c>
      <c r="BF33" s="224">
        <v>0</v>
      </c>
      <c r="BG33" s="222">
        <v>0</v>
      </c>
      <c r="BH33" s="225">
        <v>1</v>
      </c>
      <c r="BI33" s="227">
        <v>1</v>
      </c>
      <c r="BJ33" s="228">
        <v>0</v>
      </c>
      <c r="BK33" s="222">
        <v>0</v>
      </c>
      <c r="BL33" s="222">
        <v>0</v>
      </c>
      <c r="BM33" s="223">
        <v>0</v>
      </c>
      <c r="BN33" s="224">
        <v>0</v>
      </c>
      <c r="BO33" s="224">
        <v>0</v>
      </c>
      <c r="BP33" s="224">
        <v>0</v>
      </c>
      <c r="BQ33" s="222">
        <v>0</v>
      </c>
      <c r="BR33" s="225">
        <v>0</v>
      </c>
      <c r="BS33" s="226">
        <v>0</v>
      </c>
      <c r="BT33" s="221">
        <v>0</v>
      </c>
      <c r="BU33" s="222">
        <v>0</v>
      </c>
      <c r="BV33" s="222">
        <v>0</v>
      </c>
      <c r="BW33" s="223">
        <v>0</v>
      </c>
      <c r="BX33" s="224">
        <v>0</v>
      </c>
      <c r="BY33" s="224">
        <v>0</v>
      </c>
      <c r="BZ33" s="224">
        <v>0</v>
      </c>
      <c r="CA33" s="222">
        <v>0</v>
      </c>
      <c r="CB33" s="225">
        <v>0</v>
      </c>
      <c r="CC33" s="227">
        <v>0</v>
      </c>
      <c r="CD33" s="228">
        <v>0</v>
      </c>
      <c r="CE33" s="222">
        <v>0</v>
      </c>
      <c r="CF33" s="222">
        <v>0</v>
      </c>
      <c r="CG33" s="223">
        <v>0</v>
      </c>
      <c r="CH33" s="224">
        <v>0</v>
      </c>
      <c r="CI33" s="224">
        <v>0</v>
      </c>
      <c r="CJ33" s="224">
        <v>0</v>
      </c>
      <c r="CK33" s="222">
        <v>0</v>
      </c>
      <c r="CL33" s="225">
        <v>0</v>
      </c>
      <c r="CM33" s="227">
        <v>0</v>
      </c>
      <c r="CN33" s="228">
        <v>0</v>
      </c>
      <c r="CO33" s="222">
        <v>0</v>
      </c>
      <c r="CP33" s="222">
        <v>0</v>
      </c>
      <c r="CQ33" s="223">
        <v>0</v>
      </c>
      <c r="CR33" s="224">
        <v>1</v>
      </c>
      <c r="CS33" s="224">
        <v>0</v>
      </c>
      <c r="CT33" s="224">
        <v>0</v>
      </c>
      <c r="CU33" s="222">
        <v>2</v>
      </c>
      <c r="CV33" s="225">
        <v>3</v>
      </c>
      <c r="CW33" s="226">
        <v>3</v>
      </c>
      <c r="CX33" s="221">
        <v>0</v>
      </c>
      <c r="CY33" s="222">
        <v>0</v>
      </c>
      <c r="CZ33" s="222">
        <v>0</v>
      </c>
      <c r="DA33" s="223">
        <v>0</v>
      </c>
      <c r="DB33" s="224">
        <v>1</v>
      </c>
      <c r="DC33" s="224">
        <v>0</v>
      </c>
      <c r="DD33" s="224">
        <v>0</v>
      </c>
      <c r="DE33" s="222">
        <v>2</v>
      </c>
      <c r="DF33" s="225">
        <v>3</v>
      </c>
      <c r="DG33" s="227">
        <v>3</v>
      </c>
      <c r="DH33" s="228">
        <v>0</v>
      </c>
      <c r="DI33" s="222">
        <v>0</v>
      </c>
      <c r="DJ33" s="222">
        <v>0</v>
      </c>
      <c r="DK33" s="223">
        <v>0</v>
      </c>
      <c r="DL33" s="224">
        <v>0</v>
      </c>
      <c r="DM33" s="224">
        <v>0</v>
      </c>
      <c r="DN33" s="224">
        <v>0</v>
      </c>
      <c r="DO33" s="222">
        <v>0</v>
      </c>
      <c r="DP33" s="225">
        <v>0</v>
      </c>
      <c r="DQ33" s="227">
        <v>0</v>
      </c>
      <c r="DR33" s="228">
        <v>0</v>
      </c>
      <c r="DS33" s="222">
        <v>0</v>
      </c>
      <c r="DT33" s="222">
        <v>0</v>
      </c>
      <c r="DU33" s="223">
        <v>5</v>
      </c>
      <c r="DV33" s="224">
        <v>11</v>
      </c>
      <c r="DW33" s="224">
        <v>32</v>
      </c>
      <c r="DX33" s="224">
        <v>43</v>
      </c>
      <c r="DY33" s="222">
        <v>27</v>
      </c>
      <c r="DZ33" s="225">
        <v>118</v>
      </c>
      <c r="EA33" s="227">
        <v>118</v>
      </c>
      <c r="EB33" s="37"/>
    </row>
    <row r="34" spans="1:132" ht="20.25" customHeight="1" x14ac:dyDescent="0.2">
      <c r="A34" s="62" t="s">
        <v>31</v>
      </c>
      <c r="B34" s="221">
        <v>0</v>
      </c>
      <c r="C34" s="222">
        <v>0</v>
      </c>
      <c r="D34" s="222">
        <v>0</v>
      </c>
      <c r="E34" s="223">
        <v>0</v>
      </c>
      <c r="F34" s="224">
        <v>3</v>
      </c>
      <c r="G34" s="224">
        <v>26</v>
      </c>
      <c r="H34" s="224">
        <v>23</v>
      </c>
      <c r="I34" s="222">
        <v>22</v>
      </c>
      <c r="J34" s="225">
        <v>74</v>
      </c>
      <c r="K34" s="226">
        <v>74</v>
      </c>
      <c r="L34" s="221">
        <v>0</v>
      </c>
      <c r="M34" s="222">
        <v>0</v>
      </c>
      <c r="N34" s="225">
        <v>0</v>
      </c>
      <c r="O34" s="223">
        <v>0</v>
      </c>
      <c r="P34" s="224">
        <v>3</v>
      </c>
      <c r="Q34" s="224">
        <v>25</v>
      </c>
      <c r="R34" s="224">
        <v>23</v>
      </c>
      <c r="S34" s="222">
        <v>22</v>
      </c>
      <c r="T34" s="225">
        <v>73</v>
      </c>
      <c r="U34" s="227">
        <v>73</v>
      </c>
      <c r="V34" s="228">
        <v>0</v>
      </c>
      <c r="W34" s="222">
        <v>0</v>
      </c>
      <c r="X34" s="225">
        <v>0</v>
      </c>
      <c r="Y34" s="228">
        <v>0</v>
      </c>
      <c r="Z34" s="224">
        <v>0</v>
      </c>
      <c r="AA34" s="224">
        <v>1</v>
      </c>
      <c r="AB34" s="224">
        <v>0</v>
      </c>
      <c r="AC34" s="222">
        <v>0</v>
      </c>
      <c r="AD34" s="225">
        <v>1</v>
      </c>
      <c r="AE34" s="229">
        <v>1</v>
      </c>
      <c r="AF34" s="228">
        <v>0</v>
      </c>
      <c r="AG34" s="222">
        <v>0</v>
      </c>
      <c r="AH34" s="225">
        <v>0</v>
      </c>
      <c r="AI34" s="228">
        <v>2</v>
      </c>
      <c r="AJ34" s="224">
        <v>13</v>
      </c>
      <c r="AK34" s="224">
        <v>9</v>
      </c>
      <c r="AL34" s="224">
        <v>10</v>
      </c>
      <c r="AM34" s="222">
        <v>4</v>
      </c>
      <c r="AN34" s="225">
        <v>38</v>
      </c>
      <c r="AO34" s="229">
        <v>38</v>
      </c>
      <c r="AP34" s="228">
        <v>0</v>
      </c>
      <c r="AQ34" s="222">
        <v>0</v>
      </c>
      <c r="AR34" s="225">
        <v>0</v>
      </c>
      <c r="AS34" s="223">
        <v>2</v>
      </c>
      <c r="AT34" s="224">
        <v>13</v>
      </c>
      <c r="AU34" s="224">
        <v>9</v>
      </c>
      <c r="AV34" s="224">
        <v>10</v>
      </c>
      <c r="AW34" s="222">
        <v>4</v>
      </c>
      <c r="AX34" s="225">
        <v>38</v>
      </c>
      <c r="AY34" s="226">
        <v>38</v>
      </c>
      <c r="AZ34" s="221">
        <v>0</v>
      </c>
      <c r="BA34" s="222">
        <v>0</v>
      </c>
      <c r="BB34" s="222">
        <v>0</v>
      </c>
      <c r="BC34" s="223">
        <v>0</v>
      </c>
      <c r="BD34" s="224">
        <v>0</v>
      </c>
      <c r="BE34" s="224">
        <v>0</v>
      </c>
      <c r="BF34" s="224">
        <v>0</v>
      </c>
      <c r="BG34" s="222">
        <v>0</v>
      </c>
      <c r="BH34" s="225">
        <v>0</v>
      </c>
      <c r="BI34" s="227">
        <v>0</v>
      </c>
      <c r="BJ34" s="228">
        <v>0</v>
      </c>
      <c r="BK34" s="222">
        <v>0</v>
      </c>
      <c r="BL34" s="222">
        <v>0</v>
      </c>
      <c r="BM34" s="223">
        <v>0</v>
      </c>
      <c r="BN34" s="224">
        <v>0</v>
      </c>
      <c r="BO34" s="224">
        <v>0</v>
      </c>
      <c r="BP34" s="224">
        <v>1</v>
      </c>
      <c r="BQ34" s="222">
        <v>0</v>
      </c>
      <c r="BR34" s="225">
        <v>1</v>
      </c>
      <c r="BS34" s="226">
        <v>1</v>
      </c>
      <c r="BT34" s="221">
        <v>0</v>
      </c>
      <c r="BU34" s="222">
        <v>0</v>
      </c>
      <c r="BV34" s="222">
        <v>0</v>
      </c>
      <c r="BW34" s="223">
        <v>0</v>
      </c>
      <c r="BX34" s="224">
        <v>0</v>
      </c>
      <c r="BY34" s="224">
        <v>0</v>
      </c>
      <c r="BZ34" s="224">
        <v>1</v>
      </c>
      <c r="CA34" s="222">
        <v>0</v>
      </c>
      <c r="CB34" s="225">
        <v>1</v>
      </c>
      <c r="CC34" s="227">
        <v>1</v>
      </c>
      <c r="CD34" s="228">
        <v>0</v>
      </c>
      <c r="CE34" s="222">
        <v>0</v>
      </c>
      <c r="CF34" s="222">
        <v>0</v>
      </c>
      <c r="CG34" s="223">
        <v>0</v>
      </c>
      <c r="CH34" s="224">
        <v>0</v>
      </c>
      <c r="CI34" s="224">
        <v>0</v>
      </c>
      <c r="CJ34" s="224">
        <v>0</v>
      </c>
      <c r="CK34" s="222">
        <v>0</v>
      </c>
      <c r="CL34" s="225">
        <v>0</v>
      </c>
      <c r="CM34" s="227">
        <v>0</v>
      </c>
      <c r="CN34" s="228">
        <v>0</v>
      </c>
      <c r="CO34" s="222">
        <v>0</v>
      </c>
      <c r="CP34" s="222">
        <v>0</v>
      </c>
      <c r="CQ34" s="223">
        <v>0</v>
      </c>
      <c r="CR34" s="224">
        <v>0</v>
      </c>
      <c r="CS34" s="224">
        <v>0</v>
      </c>
      <c r="CT34" s="224">
        <v>0</v>
      </c>
      <c r="CU34" s="222">
        <v>1</v>
      </c>
      <c r="CV34" s="225">
        <v>1</v>
      </c>
      <c r="CW34" s="226">
        <v>1</v>
      </c>
      <c r="CX34" s="221">
        <v>0</v>
      </c>
      <c r="CY34" s="222">
        <v>0</v>
      </c>
      <c r="CZ34" s="222">
        <v>0</v>
      </c>
      <c r="DA34" s="223">
        <v>0</v>
      </c>
      <c r="DB34" s="224">
        <v>0</v>
      </c>
      <c r="DC34" s="224">
        <v>0</v>
      </c>
      <c r="DD34" s="224">
        <v>0</v>
      </c>
      <c r="DE34" s="222">
        <v>1</v>
      </c>
      <c r="DF34" s="225">
        <v>1</v>
      </c>
      <c r="DG34" s="227">
        <v>1</v>
      </c>
      <c r="DH34" s="228">
        <v>0</v>
      </c>
      <c r="DI34" s="222">
        <v>0</v>
      </c>
      <c r="DJ34" s="222">
        <v>0</v>
      </c>
      <c r="DK34" s="223">
        <v>0</v>
      </c>
      <c r="DL34" s="224">
        <v>0</v>
      </c>
      <c r="DM34" s="224">
        <v>0</v>
      </c>
      <c r="DN34" s="224">
        <v>0</v>
      </c>
      <c r="DO34" s="222">
        <v>0</v>
      </c>
      <c r="DP34" s="225">
        <v>0</v>
      </c>
      <c r="DQ34" s="227">
        <v>0</v>
      </c>
      <c r="DR34" s="228">
        <v>0</v>
      </c>
      <c r="DS34" s="222">
        <v>0</v>
      </c>
      <c r="DT34" s="222">
        <v>0</v>
      </c>
      <c r="DU34" s="223">
        <v>2</v>
      </c>
      <c r="DV34" s="224">
        <v>16</v>
      </c>
      <c r="DW34" s="224">
        <v>35</v>
      </c>
      <c r="DX34" s="224">
        <v>33</v>
      </c>
      <c r="DY34" s="222">
        <v>27</v>
      </c>
      <c r="DZ34" s="225">
        <v>113</v>
      </c>
      <c r="EA34" s="227">
        <v>113</v>
      </c>
      <c r="EB34" s="37"/>
    </row>
    <row r="35" spans="1:132" ht="20.25" customHeight="1" x14ac:dyDescent="0.2">
      <c r="A35" s="62" t="s">
        <v>32</v>
      </c>
      <c r="B35" s="221">
        <v>0</v>
      </c>
      <c r="C35" s="222">
        <v>0</v>
      </c>
      <c r="D35" s="222">
        <v>0</v>
      </c>
      <c r="E35" s="223">
        <v>1</v>
      </c>
      <c r="F35" s="224">
        <v>1</v>
      </c>
      <c r="G35" s="224">
        <v>9</v>
      </c>
      <c r="H35" s="224">
        <v>22</v>
      </c>
      <c r="I35" s="222">
        <v>9</v>
      </c>
      <c r="J35" s="225">
        <v>42</v>
      </c>
      <c r="K35" s="226">
        <v>42</v>
      </c>
      <c r="L35" s="221">
        <v>0</v>
      </c>
      <c r="M35" s="222">
        <v>0</v>
      </c>
      <c r="N35" s="225">
        <v>0</v>
      </c>
      <c r="O35" s="223">
        <v>1</v>
      </c>
      <c r="P35" s="224">
        <v>1</v>
      </c>
      <c r="Q35" s="224">
        <v>9</v>
      </c>
      <c r="R35" s="224">
        <v>22</v>
      </c>
      <c r="S35" s="222">
        <v>7</v>
      </c>
      <c r="T35" s="225">
        <v>40</v>
      </c>
      <c r="U35" s="227">
        <v>40</v>
      </c>
      <c r="V35" s="228">
        <v>0</v>
      </c>
      <c r="W35" s="222">
        <v>0</v>
      </c>
      <c r="X35" s="225">
        <v>0</v>
      </c>
      <c r="Y35" s="228">
        <v>0</v>
      </c>
      <c r="Z35" s="224">
        <v>0</v>
      </c>
      <c r="AA35" s="224">
        <v>0</v>
      </c>
      <c r="AB35" s="224">
        <v>0</v>
      </c>
      <c r="AC35" s="222">
        <v>2</v>
      </c>
      <c r="AD35" s="225">
        <v>2</v>
      </c>
      <c r="AE35" s="229">
        <v>2</v>
      </c>
      <c r="AF35" s="228">
        <v>0</v>
      </c>
      <c r="AG35" s="222">
        <v>0</v>
      </c>
      <c r="AH35" s="225">
        <v>0</v>
      </c>
      <c r="AI35" s="228">
        <v>3</v>
      </c>
      <c r="AJ35" s="224">
        <v>8</v>
      </c>
      <c r="AK35" s="224">
        <v>14</v>
      </c>
      <c r="AL35" s="224">
        <v>12</v>
      </c>
      <c r="AM35" s="222">
        <v>7</v>
      </c>
      <c r="AN35" s="225">
        <v>44</v>
      </c>
      <c r="AO35" s="229">
        <v>44</v>
      </c>
      <c r="AP35" s="228">
        <v>0</v>
      </c>
      <c r="AQ35" s="222">
        <v>0</v>
      </c>
      <c r="AR35" s="225">
        <v>0</v>
      </c>
      <c r="AS35" s="223">
        <v>3</v>
      </c>
      <c r="AT35" s="224">
        <v>8</v>
      </c>
      <c r="AU35" s="224">
        <v>14</v>
      </c>
      <c r="AV35" s="224">
        <v>12</v>
      </c>
      <c r="AW35" s="222">
        <v>7</v>
      </c>
      <c r="AX35" s="225">
        <v>44</v>
      </c>
      <c r="AY35" s="226">
        <v>44</v>
      </c>
      <c r="AZ35" s="221">
        <v>0</v>
      </c>
      <c r="BA35" s="222">
        <v>0</v>
      </c>
      <c r="BB35" s="222">
        <v>0</v>
      </c>
      <c r="BC35" s="223">
        <v>0</v>
      </c>
      <c r="BD35" s="224">
        <v>0</v>
      </c>
      <c r="BE35" s="224">
        <v>0</v>
      </c>
      <c r="BF35" s="224">
        <v>0</v>
      </c>
      <c r="BG35" s="222">
        <v>0</v>
      </c>
      <c r="BH35" s="225">
        <v>0</v>
      </c>
      <c r="BI35" s="227">
        <v>0</v>
      </c>
      <c r="BJ35" s="228">
        <v>0</v>
      </c>
      <c r="BK35" s="222">
        <v>0</v>
      </c>
      <c r="BL35" s="222">
        <v>0</v>
      </c>
      <c r="BM35" s="223">
        <v>0</v>
      </c>
      <c r="BN35" s="224">
        <v>0</v>
      </c>
      <c r="BO35" s="224">
        <v>0</v>
      </c>
      <c r="BP35" s="224">
        <v>0</v>
      </c>
      <c r="BQ35" s="222">
        <v>0</v>
      </c>
      <c r="BR35" s="225">
        <v>0</v>
      </c>
      <c r="BS35" s="226">
        <v>0</v>
      </c>
      <c r="BT35" s="221">
        <v>0</v>
      </c>
      <c r="BU35" s="222">
        <v>0</v>
      </c>
      <c r="BV35" s="222">
        <v>0</v>
      </c>
      <c r="BW35" s="223">
        <v>0</v>
      </c>
      <c r="BX35" s="224">
        <v>0</v>
      </c>
      <c r="BY35" s="224">
        <v>0</v>
      </c>
      <c r="BZ35" s="224">
        <v>0</v>
      </c>
      <c r="CA35" s="222">
        <v>0</v>
      </c>
      <c r="CB35" s="225">
        <v>0</v>
      </c>
      <c r="CC35" s="227">
        <v>0</v>
      </c>
      <c r="CD35" s="228">
        <v>0</v>
      </c>
      <c r="CE35" s="222">
        <v>0</v>
      </c>
      <c r="CF35" s="222">
        <v>0</v>
      </c>
      <c r="CG35" s="223">
        <v>0</v>
      </c>
      <c r="CH35" s="224">
        <v>0</v>
      </c>
      <c r="CI35" s="224">
        <v>0</v>
      </c>
      <c r="CJ35" s="224">
        <v>0</v>
      </c>
      <c r="CK35" s="222">
        <v>0</v>
      </c>
      <c r="CL35" s="225">
        <v>0</v>
      </c>
      <c r="CM35" s="227">
        <v>0</v>
      </c>
      <c r="CN35" s="228">
        <v>0</v>
      </c>
      <c r="CO35" s="222">
        <v>0</v>
      </c>
      <c r="CP35" s="222">
        <v>0</v>
      </c>
      <c r="CQ35" s="223">
        <v>0</v>
      </c>
      <c r="CR35" s="224">
        <v>0</v>
      </c>
      <c r="CS35" s="224">
        <v>0</v>
      </c>
      <c r="CT35" s="224">
        <v>0</v>
      </c>
      <c r="CU35" s="222">
        <v>0</v>
      </c>
      <c r="CV35" s="225">
        <v>0</v>
      </c>
      <c r="CW35" s="226">
        <v>0</v>
      </c>
      <c r="CX35" s="221">
        <v>0</v>
      </c>
      <c r="CY35" s="222">
        <v>0</v>
      </c>
      <c r="CZ35" s="222">
        <v>0</v>
      </c>
      <c r="DA35" s="223">
        <v>0</v>
      </c>
      <c r="DB35" s="224">
        <v>0</v>
      </c>
      <c r="DC35" s="224">
        <v>0</v>
      </c>
      <c r="DD35" s="224">
        <v>0</v>
      </c>
      <c r="DE35" s="222">
        <v>0</v>
      </c>
      <c r="DF35" s="225">
        <v>0</v>
      </c>
      <c r="DG35" s="227">
        <v>0</v>
      </c>
      <c r="DH35" s="228">
        <v>0</v>
      </c>
      <c r="DI35" s="222">
        <v>0</v>
      </c>
      <c r="DJ35" s="222">
        <v>0</v>
      </c>
      <c r="DK35" s="223">
        <v>0</v>
      </c>
      <c r="DL35" s="224">
        <v>0</v>
      </c>
      <c r="DM35" s="224">
        <v>0</v>
      </c>
      <c r="DN35" s="224">
        <v>0</v>
      </c>
      <c r="DO35" s="222">
        <v>0</v>
      </c>
      <c r="DP35" s="225">
        <v>0</v>
      </c>
      <c r="DQ35" s="227">
        <v>0</v>
      </c>
      <c r="DR35" s="228">
        <v>0</v>
      </c>
      <c r="DS35" s="222">
        <v>0</v>
      </c>
      <c r="DT35" s="222">
        <v>0</v>
      </c>
      <c r="DU35" s="223">
        <v>4</v>
      </c>
      <c r="DV35" s="224">
        <v>9</v>
      </c>
      <c r="DW35" s="224">
        <v>23</v>
      </c>
      <c r="DX35" s="224">
        <v>34</v>
      </c>
      <c r="DY35" s="222">
        <v>16</v>
      </c>
      <c r="DZ35" s="225">
        <v>86</v>
      </c>
      <c r="EA35" s="227">
        <v>86</v>
      </c>
      <c r="EB35" s="37"/>
    </row>
    <row r="36" spans="1:132" ht="20.25" customHeight="1" x14ac:dyDescent="0.2">
      <c r="A36" s="62" t="s">
        <v>33</v>
      </c>
      <c r="B36" s="221">
        <v>0</v>
      </c>
      <c r="C36" s="222">
        <v>0</v>
      </c>
      <c r="D36" s="222">
        <v>0</v>
      </c>
      <c r="E36" s="223">
        <v>0</v>
      </c>
      <c r="F36" s="224">
        <v>8</v>
      </c>
      <c r="G36" s="224">
        <v>29</v>
      </c>
      <c r="H36" s="224">
        <v>26</v>
      </c>
      <c r="I36" s="222">
        <v>26</v>
      </c>
      <c r="J36" s="225">
        <v>89</v>
      </c>
      <c r="K36" s="226">
        <v>89</v>
      </c>
      <c r="L36" s="221">
        <v>0</v>
      </c>
      <c r="M36" s="222">
        <v>0</v>
      </c>
      <c r="N36" s="225">
        <v>0</v>
      </c>
      <c r="O36" s="223">
        <v>0</v>
      </c>
      <c r="P36" s="224">
        <v>8</v>
      </c>
      <c r="Q36" s="224">
        <v>29</v>
      </c>
      <c r="R36" s="224">
        <v>26</v>
      </c>
      <c r="S36" s="222">
        <v>26</v>
      </c>
      <c r="T36" s="225">
        <v>89</v>
      </c>
      <c r="U36" s="227">
        <v>89</v>
      </c>
      <c r="V36" s="228">
        <v>0</v>
      </c>
      <c r="W36" s="222">
        <v>0</v>
      </c>
      <c r="X36" s="225">
        <v>0</v>
      </c>
      <c r="Y36" s="228">
        <v>0</v>
      </c>
      <c r="Z36" s="224">
        <v>0</v>
      </c>
      <c r="AA36" s="224">
        <v>0</v>
      </c>
      <c r="AB36" s="224">
        <v>0</v>
      </c>
      <c r="AC36" s="222">
        <v>0</v>
      </c>
      <c r="AD36" s="225">
        <v>0</v>
      </c>
      <c r="AE36" s="229">
        <v>0</v>
      </c>
      <c r="AF36" s="228">
        <v>0</v>
      </c>
      <c r="AG36" s="222">
        <v>0</v>
      </c>
      <c r="AH36" s="225">
        <v>0</v>
      </c>
      <c r="AI36" s="228">
        <v>10</v>
      </c>
      <c r="AJ36" s="224">
        <v>8</v>
      </c>
      <c r="AK36" s="224">
        <v>12</v>
      </c>
      <c r="AL36" s="224">
        <v>15</v>
      </c>
      <c r="AM36" s="222">
        <v>7</v>
      </c>
      <c r="AN36" s="225">
        <v>52</v>
      </c>
      <c r="AO36" s="229">
        <v>52</v>
      </c>
      <c r="AP36" s="228">
        <v>0</v>
      </c>
      <c r="AQ36" s="222">
        <v>0</v>
      </c>
      <c r="AR36" s="225">
        <v>0</v>
      </c>
      <c r="AS36" s="223">
        <v>10</v>
      </c>
      <c r="AT36" s="224">
        <v>8</v>
      </c>
      <c r="AU36" s="224">
        <v>12</v>
      </c>
      <c r="AV36" s="224">
        <v>15</v>
      </c>
      <c r="AW36" s="222">
        <v>7</v>
      </c>
      <c r="AX36" s="225">
        <v>52</v>
      </c>
      <c r="AY36" s="226">
        <v>52</v>
      </c>
      <c r="AZ36" s="221">
        <v>0</v>
      </c>
      <c r="BA36" s="222">
        <v>0</v>
      </c>
      <c r="BB36" s="222">
        <v>0</v>
      </c>
      <c r="BC36" s="223">
        <v>0</v>
      </c>
      <c r="BD36" s="224">
        <v>0</v>
      </c>
      <c r="BE36" s="224">
        <v>0</v>
      </c>
      <c r="BF36" s="224">
        <v>0</v>
      </c>
      <c r="BG36" s="222">
        <v>0</v>
      </c>
      <c r="BH36" s="225">
        <v>0</v>
      </c>
      <c r="BI36" s="227">
        <v>0</v>
      </c>
      <c r="BJ36" s="228">
        <v>0</v>
      </c>
      <c r="BK36" s="222">
        <v>0</v>
      </c>
      <c r="BL36" s="222">
        <v>0</v>
      </c>
      <c r="BM36" s="223">
        <v>0</v>
      </c>
      <c r="BN36" s="224">
        <v>0</v>
      </c>
      <c r="BO36" s="224">
        <v>0</v>
      </c>
      <c r="BP36" s="224">
        <v>0</v>
      </c>
      <c r="BQ36" s="222">
        <v>0</v>
      </c>
      <c r="BR36" s="225">
        <v>0</v>
      </c>
      <c r="BS36" s="226">
        <v>0</v>
      </c>
      <c r="BT36" s="221">
        <v>0</v>
      </c>
      <c r="BU36" s="222">
        <v>0</v>
      </c>
      <c r="BV36" s="222">
        <v>0</v>
      </c>
      <c r="BW36" s="223">
        <v>0</v>
      </c>
      <c r="BX36" s="224">
        <v>0</v>
      </c>
      <c r="BY36" s="224">
        <v>0</v>
      </c>
      <c r="BZ36" s="224">
        <v>0</v>
      </c>
      <c r="CA36" s="222">
        <v>0</v>
      </c>
      <c r="CB36" s="225">
        <v>0</v>
      </c>
      <c r="CC36" s="227">
        <v>0</v>
      </c>
      <c r="CD36" s="228">
        <v>0</v>
      </c>
      <c r="CE36" s="222">
        <v>0</v>
      </c>
      <c r="CF36" s="222">
        <v>0</v>
      </c>
      <c r="CG36" s="223">
        <v>0</v>
      </c>
      <c r="CH36" s="224">
        <v>0</v>
      </c>
      <c r="CI36" s="224">
        <v>0</v>
      </c>
      <c r="CJ36" s="224">
        <v>0</v>
      </c>
      <c r="CK36" s="222">
        <v>0</v>
      </c>
      <c r="CL36" s="225">
        <v>0</v>
      </c>
      <c r="CM36" s="227">
        <v>0</v>
      </c>
      <c r="CN36" s="228">
        <v>0</v>
      </c>
      <c r="CO36" s="222">
        <v>0</v>
      </c>
      <c r="CP36" s="222">
        <v>0</v>
      </c>
      <c r="CQ36" s="223">
        <v>2</v>
      </c>
      <c r="CR36" s="224">
        <v>5</v>
      </c>
      <c r="CS36" s="224">
        <v>8</v>
      </c>
      <c r="CT36" s="224">
        <v>4</v>
      </c>
      <c r="CU36" s="222">
        <v>4</v>
      </c>
      <c r="CV36" s="225">
        <v>23</v>
      </c>
      <c r="CW36" s="226">
        <v>23</v>
      </c>
      <c r="CX36" s="221">
        <v>0</v>
      </c>
      <c r="CY36" s="222">
        <v>0</v>
      </c>
      <c r="CZ36" s="222">
        <v>0</v>
      </c>
      <c r="DA36" s="223">
        <v>2</v>
      </c>
      <c r="DB36" s="224">
        <v>5</v>
      </c>
      <c r="DC36" s="224">
        <v>8</v>
      </c>
      <c r="DD36" s="224">
        <v>4</v>
      </c>
      <c r="DE36" s="222">
        <v>4</v>
      </c>
      <c r="DF36" s="225">
        <v>23</v>
      </c>
      <c r="DG36" s="227">
        <v>23</v>
      </c>
      <c r="DH36" s="228">
        <v>0</v>
      </c>
      <c r="DI36" s="222">
        <v>0</v>
      </c>
      <c r="DJ36" s="222">
        <v>0</v>
      </c>
      <c r="DK36" s="223">
        <v>0</v>
      </c>
      <c r="DL36" s="224">
        <v>0</v>
      </c>
      <c r="DM36" s="224">
        <v>0</v>
      </c>
      <c r="DN36" s="224">
        <v>0</v>
      </c>
      <c r="DO36" s="222">
        <v>0</v>
      </c>
      <c r="DP36" s="225">
        <v>0</v>
      </c>
      <c r="DQ36" s="227">
        <v>0</v>
      </c>
      <c r="DR36" s="228">
        <v>0</v>
      </c>
      <c r="DS36" s="222">
        <v>0</v>
      </c>
      <c r="DT36" s="222">
        <v>0</v>
      </c>
      <c r="DU36" s="223">
        <v>12</v>
      </c>
      <c r="DV36" s="224">
        <v>21</v>
      </c>
      <c r="DW36" s="224">
        <v>49</v>
      </c>
      <c r="DX36" s="224">
        <v>45</v>
      </c>
      <c r="DY36" s="222">
        <v>37</v>
      </c>
      <c r="DZ36" s="225">
        <v>164</v>
      </c>
      <c r="EA36" s="227">
        <v>164</v>
      </c>
      <c r="EB36" s="37"/>
    </row>
    <row r="37" spans="1:132" ht="20.25" customHeight="1" x14ac:dyDescent="0.2">
      <c r="A37" s="62" t="s">
        <v>34</v>
      </c>
      <c r="B37" s="221">
        <v>0</v>
      </c>
      <c r="C37" s="222">
        <v>0</v>
      </c>
      <c r="D37" s="222">
        <v>0</v>
      </c>
      <c r="E37" s="223">
        <v>0</v>
      </c>
      <c r="F37" s="224">
        <v>0</v>
      </c>
      <c r="G37" s="224">
        <v>5</v>
      </c>
      <c r="H37" s="224">
        <v>21</v>
      </c>
      <c r="I37" s="222">
        <v>16</v>
      </c>
      <c r="J37" s="225">
        <v>42</v>
      </c>
      <c r="K37" s="226">
        <v>42</v>
      </c>
      <c r="L37" s="221">
        <v>0</v>
      </c>
      <c r="M37" s="222">
        <v>0</v>
      </c>
      <c r="N37" s="225">
        <v>0</v>
      </c>
      <c r="O37" s="223">
        <v>0</v>
      </c>
      <c r="P37" s="224">
        <v>0</v>
      </c>
      <c r="Q37" s="224">
        <v>5</v>
      </c>
      <c r="R37" s="224">
        <v>21</v>
      </c>
      <c r="S37" s="222">
        <v>16</v>
      </c>
      <c r="T37" s="225">
        <v>42</v>
      </c>
      <c r="U37" s="227">
        <v>42</v>
      </c>
      <c r="V37" s="228">
        <v>0</v>
      </c>
      <c r="W37" s="222">
        <v>0</v>
      </c>
      <c r="X37" s="225">
        <v>0</v>
      </c>
      <c r="Y37" s="228">
        <v>0</v>
      </c>
      <c r="Z37" s="224">
        <v>0</v>
      </c>
      <c r="AA37" s="224">
        <v>0</v>
      </c>
      <c r="AB37" s="224">
        <v>0</v>
      </c>
      <c r="AC37" s="222">
        <v>0</v>
      </c>
      <c r="AD37" s="225">
        <v>0</v>
      </c>
      <c r="AE37" s="229">
        <v>0</v>
      </c>
      <c r="AF37" s="228">
        <v>0</v>
      </c>
      <c r="AG37" s="222">
        <v>0</v>
      </c>
      <c r="AH37" s="225">
        <v>0</v>
      </c>
      <c r="AI37" s="228">
        <v>5</v>
      </c>
      <c r="AJ37" s="224">
        <v>10</v>
      </c>
      <c r="AK37" s="224">
        <v>11</v>
      </c>
      <c r="AL37" s="224">
        <v>9</v>
      </c>
      <c r="AM37" s="222">
        <v>5</v>
      </c>
      <c r="AN37" s="225">
        <v>40</v>
      </c>
      <c r="AO37" s="229">
        <v>40</v>
      </c>
      <c r="AP37" s="228">
        <v>0</v>
      </c>
      <c r="AQ37" s="222">
        <v>0</v>
      </c>
      <c r="AR37" s="225">
        <v>0</v>
      </c>
      <c r="AS37" s="223">
        <v>5</v>
      </c>
      <c r="AT37" s="224">
        <v>10</v>
      </c>
      <c r="AU37" s="224">
        <v>11</v>
      </c>
      <c r="AV37" s="224">
        <v>9</v>
      </c>
      <c r="AW37" s="222">
        <v>5</v>
      </c>
      <c r="AX37" s="225">
        <v>40</v>
      </c>
      <c r="AY37" s="226">
        <v>40</v>
      </c>
      <c r="AZ37" s="221">
        <v>0</v>
      </c>
      <c r="BA37" s="222">
        <v>0</v>
      </c>
      <c r="BB37" s="222">
        <v>0</v>
      </c>
      <c r="BC37" s="223">
        <v>0</v>
      </c>
      <c r="BD37" s="224">
        <v>0</v>
      </c>
      <c r="BE37" s="224">
        <v>0</v>
      </c>
      <c r="BF37" s="224">
        <v>0</v>
      </c>
      <c r="BG37" s="222">
        <v>0</v>
      </c>
      <c r="BH37" s="225">
        <v>0</v>
      </c>
      <c r="BI37" s="227">
        <v>0</v>
      </c>
      <c r="BJ37" s="228">
        <v>0</v>
      </c>
      <c r="BK37" s="222">
        <v>0</v>
      </c>
      <c r="BL37" s="222">
        <v>0</v>
      </c>
      <c r="BM37" s="223">
        <v>0</v>
      </c>
      <c r="BN37" s="224">
        <v>0</v>
      </c>
      <c r="BO37" s="224">
        <v>0</v>
      </c>
      <c r="BP37" s="224">
        <v>0</v>
      </c>
      <c r="BQ37" s="222">
        <v>0</v>
      </c>
      <c r="BR37" s="225">
        <v>0</v>
      </c>
      <c r="BS37" s="226">
        <v>0</v>
      </c>
      <c r="BT37" s="221">
        <v>0</v>
      </c>
      <c r="BU37" s="222">
        <v>0</v>
      </c>
      <c r="BV37" s="222">
        <v>0</v>
      </c>
      <c r="BW37" s="223">
        <v>0</v>
      </c>
      <c r="BX37" s="224">
        <v>0</v>
      </c>
      <c r="BY37" s="224">
        <v>0</v>
      </c>
      <c r="BZ37" s="224">
        <v>0</v>
      </c>
      <c r="CA37" s="222">
        <v>0</v>
      </c>
      <c r="CB37" s="225">
        <v>0</v>
      </c>
      <c r="CC37" s="227">
        <v>0</v>
      </c>
      <c r="CD37" s="228">
        <v>0</v>
      </c>
      <c r="CE37" s="222">
        <v>0</v>
      </c>
      <c r="CF37" s="222">
        <v>0</v>
      </c>
      <c r="CG37" s="223">
        <v>0</v>
      </c>
      <c r="CH37" s="224">
        <v>0</v>
      </c>
      <c r="CI37" s="224">
        <v>0</v>
      </c>
      <c r="CJ37" s="224">
        <v>0</v>
      </c>
      <c r="CK37" s="222">
        <v>0</v>
      </c>
      <c r="CL37" s="225">
        <v>0</v>
      </c>
      <c r="CM37" s="227">
        <v>0</v>
      </c>
      <c r="CN37" s="228">
        <v>0</v>
      </c>
      <c r="CO37" s="222">
        <v>0</v>
      </c>
      <c r="CP37" s="222">
        <v>0</v>
      </c>
      <c r="CQ37" s="223">
        <v>0</v>
      </c>
      <c r="CR37" s="224">
        <v>1</v>
      </c>
      <c r="CS37" s="224">
        <v>0</v>
      </c>
      <c r="CT37" s="224">
        <v>2</v>
      </c>
      <c r="CU37" s="222">
        <v>0</v>
      </c>
      <c r="CV37" s="225">
        <v>3</v>
      </c>
      <c r="CW37" s="226">
        <v>3</v>
      </c>
      <c r="CX37" s="221">
        <v>0</v>
      </c>
      <c r="CY37" s="222">
        <v>0</v>
      </c>
      <c r="CZ37" s="222">
        <v>0</v>
      </c>
      <c r="DA37" s="223">
        <v>0</v>
      </c>
      <c r="DB37" s="224">
        <v>1</v>
      </c>
      <c r="DC37" s="224">
        <v>0</v>
      </c>
      <c r="DD37" s="224">
        <v>2</v>
      </c>
      <c r="DE37" s="222">
        <v>0</v>
      </c>
      <c r="DF37" s="225">
        <v>3</v>
      </c>
      <c r="DG37" s="227">
        <v>3</v>
      </c>
      <c r="DH37" s="228">
        <v>0</v>
      </c>
      <c r="DI37" s="222">
        <v>0</v>
      </c>
      <c r="DJ37" s="222">
        <v>0</v>
      </c>
      <c r="DK37" s="223">
        <v>0</v>
      </c>
      <c r="DL37" s="224">
        <v>0</v>
      </c>
      <c r="DM37" s="224">
        <v>0</v>
      </c>
      <c r="DN37" s="224">
        <v>0</v>
      </c>
      <c r="DO37" s="222">
        <v>0</v>
      </c>
      <c r="DP37" s="225">
        <v>0</v>
      </c>
      <c r="DQ37" s="227">
        <v>0</v>
      </c>
      <c r="DR37" s="228">
        <v>0</v>
      </c>
      <c r="DS37" s="222">
        <v>0</v>
      </c>
      <c r="DT37" s="222">
        <v>0</v>
      </c>
      <c r="DU37" s="223">
        <v>5</v>
      </c>
      <c r="DV37" s="224">
        <v>11</v>
      </c>
      <c r="DW37" s="224">
        <v>16</v>
      </c>
      <c r="DX37" s="224">
        <v>32</v>
      </c>
      <c r="DY37" s="222">
        <v>21</v>
      </c>
      <c r="DZ37" s="225">
        <v>85</v>
      </c>
      <c r="EA37" s="227">
        <v>85</v>
      </c>
      <c r="EB37" s="37"/>
    </row>
    <row r="38" spans="1:132" ht="20.25" customHeight="1" x14ac:dyDescent="0.2">
      <c r="A38" s="62" t="s">
        <v>35</v>
      </c>
      <c r="B38" s="221">
        <v>0</v>
      </c>
      <c r="C38" s="222">
        <v>0</v>
      </c>
      <c r="D38" s="222">
        <v>0</v>
      </c>
      <c r="E38" s="223">
        <v>1</v>
      </c>
      <c r="F38" s="224">
        <v>2</v>
      </c>
      <c r="G38" s="224">
        <v>29</v>
      </c>
      <c r="H38" s="224">
        <v>49</v>
      </c>
      <c r="I38" s="222">
        <v>35</v>
      </c>
      <c r="J38" s="225">
        <v>116</v>
      </c>
      <c r="K38" s="226">
        <v>116</v>
      </c>
      <c r="L38" s="221">
        <v>0</v>
      </c>
      <c r="M38" s="222">
        <v>0</v>
      </c>
      <c r="N38" s="225">
        <v>0</v>
      </c>
      <c r="O38" s="223">
        <v>1</v>
      </c>
      <c r="P38" s="224">
        <v>2</v>
      </c>
      <c r="Q38" s="224">
        <v>29</v>
      </c>
      <c r="R38" s="224">
        <v>49</v>
      </c>
      <c r="S38" s="222">
        <v>35</v>
      </c>
      <c r="T38" s="225">
        <v>116</v>
      </c>
      <c r="U38" s="227">
        <v>116</v>
      </c>
      <c r="V38" s="228">
        <v>0</v>
      </c>
      <c r="W38" s="222">
        <v>0</v>
      </c>
      <c r="X38" s="225">
        <v>0</v>
      </c>
      <c r="Y38" s="228">
        <v>0</v>
      </c>
      <c r="Z38" s="224">
        <v>0</v>
      </c>
      <c r="AA38" s="224">
        <v>0</v>
      </c>
      <c r="AB38" s="224">
        <v>0</v>
      </c>
      <c r="AC38" s="222">
        <v>0</v>
      </c>
      <c r="AD38" s="225">
        <v>0</v>
      </c>
      <c r="AE38" s="229">
        <v>0</v>
      </c>
      <c r="AF38" s="228">
        <v>0</v>
      </c>
      <c r="AG38" s="222">
        <v>0</v>
      </c>
      <c r="AH38" s="225">
        <v>0</v>
      </c>
      <c r="AI38" s="228">
        <v>27</v>
      </c>
      <c r="AJ38" s="224">
        <v>29</v>
      </c>
      <c r="AK38" s="224">
        <v>27</v>
      </c>
      <c r="AL38" s="224">
        <v>17</v>
      </c>
      <c r="AM38" s="222">
        <v>9</v>
      </c>
      <c r="AN38" s="225">
        <v>109</v>
      </c>
      <c r="AO38" s="229">
        <v>109</v>
      </c>
      <c r="AP38" s="228">
        <v>0</v>
      </c>
      <c r="AQ38" s="222">
        <v>0</v>
      </c>
      <c r="AR38" s="225">
        <v>0</v>
      </c>
      <c r="AS38" s="223">
        <v>27</v>
      </c>
      <c r="AT38" s="224">
        <v>29</v>
      </c>
      <c r="AU38" s="224">
        <v>25</v>
      </c>
      <c r="AV38" s="224">
        <v>16</v>
      </c>
      <c r="AW38" s="222">
        <v>9</v>
      </c>
      <c r="AX38" s="225">
        <v>106</v>
      </c>
      <c r="AY38" s="226">
        <v>106</v>
      </c>
      <c r="AZ38" s="221">
        <v>0</v>
      </c>
      <c r="BA38" s="222">
        <v>0</v>
      </c>
      <c r="BB38" s="222">
        <v>0</v>
      </c>
      <c r="BC38" s="223">
        <v>0</v>
      </c>
      <c r="BD38" s="224">
        <v>0</v>
      </c>
      <c r="BE38" s="224">
        <v>2</v>
      </c>
      <c r="BF38" s="224">
        <v>1</v>
      </c>
      <c r="BG38" s="222">
        <v>0</v>
      </c>
      <c r="BH38" s="225">
        <v>3</v>
      </c>
      <c r="BI38" s="227">
        <v>3</v>
      </c>
      <c r="BJ38" s="228">
        <v>0</v>
      </c>
      <c r="BK38" s="222">
        <v>0</v>
      </c>
      <c r="BL38" s="222">
        <v>0</v>
      </c>
      <c r="BM38" s="223">
        <v>0</v>
      </c>
      <c r="BN38" s="224">
        <v>0</v>
      </c>
      <c r="BO38" s="224">
        <v>0</v>
      </c>
      <c r="BP38" s="224">
        <v>0</v>
      </c>
      <c r="BQ38" s="222">
        <v>0</v>
      </c>
      <c r="BR38" s="225">
        <v>0</v>
      </c>
      <c r="BS38" s="226">
        <v>0</v>
      </c>
      <c r="BT38" s="221">
        <v>0</v>
      </c>
      <c r="BU38" s="222">
        <v>0</v>
      </c>
      <c r="BV38" s="222">
        <v>0</v>
      </c>
      <c r="BW38" s="223">
        <v>0</v>
      </c>
      <c r="BX38" s="224">
        <v>0</v>
      </c>
      <c r="BY38" s="224">
        <v>0</v>
      </c>
      <c r="BZ38" s="224">
        <v>0</v>
      </c>
      <c r="CA38" s="222">
        <v>0</v>
      </c>
      <c r="CB38" s="225">
        <v>0</v>
      </c>
      <c r="CC38" s="227">
        <v>0</v>
      </c>
      <c r="CD38" s="228">
        <v>0</v>
      </c>
      <c r="CE38" s="222">
        <v>0</v>
      </c>
      <c r="CF38" s="222">
        <v>0</v>
      </c>
      <c r="CG38" s="223">
        <v>0</v>
      </c>
      <c r="CH38" s="224">
        <v>0</v>
      </c>
      <c r="CI38" s="224">
        <v>0</v>
      </c>
      <c r="CJ38" s="224">
        <v>0</v>
      </c>
      <c r="CK38" s="222">
        <v>0</v>
      </c>
      <c r="CL38" s="225">
        <v>0</v>
      </c>
      <c r="CM38" s="227">
        <v>0</v>
      </c>
      <c r="CN38" s="228">
        <v>0</v>
      </c>
      <c r="CO38" s="222">
        <v>0</v>
      </c>
      <c r="CP38" s="222">
        <v>0</v>
      </c>
      <c r="CQ38" s="223">
        <v>4</v>
      </c>
      <c r="CR38" s="224">
        <v>2</v>
      </c>
      <c r="CS38" s="224">
        <v>4</v>
      </c>
      <c r="CT38" s="224">
        <v>9</v>
      </c>
      <c r="CU38" s="222">
        <v>9</v>
      </c>
      <c r="CV38" s="225">
        <v>28</v>
      </c>
      <c r="CW38" s="226">
        <v>28</v>
      </c>
      <c r="CX38" s="221">
        <v>0</v>
      </c>
      <c r="CY38" s="222">
        <v>0</v>
      </c>
      <c r="CZ38" s="222">
        <v>0</v>
      </c>
      <c r="DA38" s="223">
        <v>4</v>
      </c>
      <c r="DB38" s="224">
        <v>1</v>
      </c>
      <c r="DC38" s="224">
        <v>4</v>
      </c>
      <c r="DD38" s="224">
        <v>9</v>
      </c>
      <c r="DE38" s="222">
        <v>8</v>
      </c>
      <c r="DF38" s="225">
        <v>26</v>
      </c>
      <c r="DG38" s="227">
        <v>26</v>
      </c>
      <c r="DH38" s="228">
        <v>0</v>
      </c>
      <c r="DI38" s="222">
        <v>0</v>
      </c>
      <c r="DJ38" s="222">
        <v>0</v>
      </c>
      <c r="DK38" s="223">
        <v>0</v>
      </c>
      <c r="DL38" s="224">
        <v>1</v>
      </c>
      <c r="DM38" s="224">
        <v>0</v>
      </c>
      <c r="DN38" s="224">
        <v>0</v>
      </c>
      <c r="DO38" s="222">
        <v>1</v>
      </c>
      <c r="DP38" s="225">
        <v>2</v>
      </c>
      <c r="DQ38" s="227">
        <v>2</v>
      </c>
      <c r="DR38" s="228">
        <v>0</v>
      </c>
      <c r="DS38" s="222">
        <v>0</v>
      </c>
      <c r="DT38" s="222">
        <v>0</v>
      </c>
      <c r="DU38" s="223">
        <v>32</v>
      </c>
      <c r="DV38" s="224">
        <v>33</v>
      </c>
      <c r="DW38" s="224">
        <v>59</v>
      </c>
      <c r="DX38" s="224">
        <v>74</v>
      </c>
      <c r="DY38" s="222">
        <v>53</v>
      </c>
      <c r="DZ38" s="225">
        <v>251</v>
      </c>
      <c r="EA38" s="227">
        <v>251</v>
      </c>
      <c r="EB38" s="37"/>
    </row>
    <row r="39" spans="1:132" ht="20.25" customHeight="1" x14ac:dyDescent="0.2">
      <c r="A39" s="62" t="s">
        <v>36</v>
      </c>
      <c r="B39" s="221">
        <v>0</v>
      </c>
      <c r="C39" s="222">
        <v>0</v>
      </c>
      <c r="D39" s="222">
        <v>0</v>
      </c>
      <c r="E39" s="223">
        <v>0</v>
      </c>
      <c r="F39" s="224">
        <v>3</v>
      </c>
      <c r="G39" s="224">
        <v>48</v>
      </c>
      <c r="H39" s="224">
        <v>88</v>
      </c>
      <c r="I39" s="222">
        <v>81</v>
      </c>
      <c r="J39" s="225">
        <v>220</v>
      </c>
      <c r="K39" s="226">
        <v>220</v>
      </c>
      <c r="L39" s="221">
        <v>0</v>
      </c>
      <c r="M39" s="222">
        <v>0</v>
      </c>
      <c r="N39" s="225">
        <v>0</v>
      </c>
      <c r="O39" s="223">
        <v>0</v>
      </c>
      <c r="P39" s="224">
        <v>3</v>
      </c>
      <c r="Q39" s="224">
        <v>48</v>
      </c>
      <c r="R39" s="224">
        <v>84</v>
      </c>
      <c r="S39" s="222">
        <v>80</v>
      </c>
      <c r="T39" s="225">
        <v>215</v>
      </c>
      <c r="U39" s="227">
        <v>215</v>
      </c>
      <c r="V39" s="228">
        <v>0</v>
      </c>
      <c r="W39" s="222">
        <v>0</v>
      </c>
      <c r="X39" s="225">
        <v>0</v>
      </c>
      <c r="Y39" s="228">
        <v>0</v>
      </c>
      <c r="Z39" s="224">
        <v>0</v>
      </c>
      <c r="AA39" s="224">
        <v>0</v>
      </c>
      <c r="AB39" s="224">
        <v>4</v>
      </c>
      <c r="AC39" s="222">
        <v>1</v>
      </c>
      <c r="AD39" s="225">
        <v>5</v>
      </c>
      <c r="AE39" s="229">
        <v>5</v>
      </c>
      <c r="AF39" s="228">
        <v>0</v>
      </c>
      <c r="AG39" s="222">
        <v>0</v>
      </c>
      <c r="AH39" s="225">
        <v>0</v>
      </c>
      <c r="AI39" s="228">
        <v>20</v>
      </c>
      <c r="AJ39" s="224">
        <v>26</v>
      </c>
      <c r="AK39" s="224">
        <v>36</v>
      </c>
      <c r="AL39" s="224">
        <v>33</v>
      </c>
      <c r="AM39" s="222">
        <v>20</v>
      </c>
      <c r="AN39" s="225">
        <v>135</v>
      </c>
      <c r="AO39" s="229">
        <v>135</v>
      </c>
      <c r="AP39" s="228">
        <v>0</v>
      </c>
      <c r="AQ39" s="222">
        <v>0</v>
      </c>
      <c r="AR39" s="225">
        <v>0</v>
      </c>
      <c r="AS39" s="223">
        <v>20</v>
      </c>
      <c r="AT39" s="224">
        <v>26</v>
      </c>
      <c r="AU39" s="224">
        <v>36</v>
      </c>
      <c r="AV39" s="224">
        <v>32</v>
      </c>
      <c r="AW39" s="222">
        <v>20</v>
      </c>
      <c r="AX39" s="225">
        <v>134</v>
      </c>
      <c r="AY39" s="226">
        <v>134</v>
      </c>
      <c r="AZ39" s="221">
        <v>0</v>
      </c>
      <c r="BA39" s="222">
        <v>0</v>
      </c>
      <c r="BB39" s="222">
        <v>0</v>
      </c>
      <c r="BC39" s="223">
        <v>0</v>
      </c>
      <c r="BD39" s="224">
        <v>0</v>
      </c>
      <c r="BE39" s="224">
        <v>0</v>
      </c>
      <c r="BF39" s="224">
        <v>1</v>
      </c>
      <c r="BG39" s="222">
        <v>0</v>
      </c>
      <c r="BH39" s="225">
        <v>1</v>
      </c>
      <c r="BI39" s="227">
        <v>1</v>
      </c>
      <c r="BJ39" s="228">
        <v>0</v>
      </c>
      <c r="BK39" s="222">
        <v>0</v>
      </c>
      <c r="BL39" s="222">
        <v>0</v>
      </c>
      <c r="BM39" s="223">
        <v>0</v>
      </c>
      <c r="BN39" s="224">
        <v>0</v>
      </c>
      <c r="BO39" s="224">
        <v>0</v>
      </c>
      <c r="BP39" s="224">
        <v>1</v>
      </c>
      <c r="BQ39" s="222">
        <v>1</v>
      </c>
      <c r="BR39" s="225">
        <v>2</v>
      </c>
      <c r="BS39" s="226">
        <v>2</v>
      </c>
      <c r="BT39" s="221">
        <v>0</v>
      </c>
      <c r="BU39" s="222">
        <v>0</v>
      </c>
      <c r="BV39" s="222">
        <v>0</v>
      </c>
      <c r="BW39" s="223">
        <v>0</v>
      </c>
      <c r="BX39" s="224">
        <v>0</v>
      </c>
      <c r="BY39" s="224">
        <v>0</v>
      </c>
      <c r="BZ39" s="224">
        <v>1</v>
      </c>
      <c r="CA39" s="222">
        <v>1</v>
      </c>
      <c r="CB39" s="225">
        <v>2</v>
      </c>
      <c r="CC39" s="227">
        <v>2</v>
      </c>
      <c r="CD39" s="228">
        <v>0</v>
      </c>
      <c r="CE39" s="222">
        <v>0</v>
      </c>
      <c r="CF39" s="222">
        <v>0</v>
      </c>
      <c r="CG39" s="223">
        <v>0</v>
      </c>
      <c r="CH39" s="224">
        <v>0</v>
      </c>
      <c r="CI39" s="224">
        <v>0</v>
      </c>
      <c r="CJ39" s="224">
        <v>0</v>
      </c>
      <c r="CK39" s="222">
        <v>0</v>
      </c>
      <c r="CL39" s="225">
        <v>0</v>
      </c>
      <c r="CM39" s="227">
        <v>0</v>
      </c>
      <c r="CN39" s="228">
        <v>0</v>
      </c>
      <c r="CO39" s="222">
        <v>0</v>
      </c>
      <c r="CP39" s="222">
        <v>0</v>
      </c>
      <c r="CQ39" s="223">
        <v>0</v>
      </c>
      <c r="CR39" s="224">
        <v>0</v>
      </c>
      <c r="CS39" s="224">
        <v>0</v>
      </c>
      <c r="CT39" s="224">
        <v>4</v>
      </c>
      <c r="CU39" s="222">
        <v>1</v>
      </c>
      <c r="CV39" s="225">
        <v>5</v>
      </c>
      <c r="CW39" s="226">
        <v>5</v>
      </c>
      <c r="CX39" s="221">
        <v>0</v>
      </c>
      <c r="CY39" s="222">
        <v>0</v>
      </c>
      <c r="CZ39" s="222">
        <v>0</v>
      </c>
      <c r="DA39" s="223">
        <v>0</v>
      </c>
      <c r="DB39" s="224">
        <v>0</v>
      </c>
      <c r="DC39" s="224">
        <v>0</v>
      </c>
      <c r="DD39" s="224">
        <v>3</v>
      </c>
      <c r="DE39" s="222">
        <v>1</v>
      </c>
      <c r="DF39" s="225">
        <v>4</v>
      </c>
      <c r="DG39" s="227">
        <v>4</v>
      </c>
      <c r="DH39" s="228">
        <v>0</v>
      </c>
      <c r="DI39" s="222">
        <v>0</v>
      </c>
      <c r="DJ39" s="222">
        <v>0</v>
      </c>
      <c r="DK39" s="223">
        <v>0</v>
      </c>
      <c r="DL39" s="224">
        <v>0</v>
      </c>
      <c r="DM39" s="224">
        <v>0</v>
      </c>
      <c r="DN39" s="224">
        <v>1</v>
      </c>
      <c r="DO39" s="222">
        <v>0</v>
      </c>
      <c r="DP39" s="225">
        <v>1</v>
      </c>
      <c r="DQ39" s="227">
        <v>1</v>
      </c>
      <c r="DR39" s="228">
        <v>0</v>
      </c>
      <c r="DS39" s="222">
        <v>0</v>
      </c>
      <c r="DT39" s="222">
        <v>0</v>
      </c>
      <c r="DU39" s="223">
        <v>20</v>
      </c>
      <c r="DV39" s="224">
        <v>29</v>
      </c>
      <c r="DW39" s="224">
        <v>84</v>
      </c>
      <c r="DX39" s="224">
        <v>126</v>
      </c>
      <c r="DY39" s="222">
        <v>102</v>
      </c>
      <c r="DZ39" s="225">
        <v>361</v>
      </c>
      <c r="EA39" s="227">
        <v>361</v>
      </c>
      <c r="EB39" s="37"/>
    </row>
    <row r="40" spans="1:132" ht="20.25" customHeight="1" thickBot="1" x14ac:dyDescent="0.25">
      <c r="A40" s="63" t="s">
        <v>37</v>
      </c>
      <c r="B40" s="230">
        <v>0</v>
      </c>
      <c r="C40" s="231">
        <v>0</v>
      </c>
      <c r="D40" s="231">
        <v>0</v>
      </c>
      <c r="E40" s="232">
        <v>0</v>
      </c>
      <c r="F40" s="233">
        <v>0</v>
      </c>
      <c r="G40" s="233">
        <v>9</v>
      </c>
      <c r="H40" s="233">
        <v>9</v>
      </c>
      <c r="I40" s="231">
        <v>6</v>
      </c>
      <c r="J40" s="234">
        <v>24</v>
      </c>
      <c r="K40" s="235">
        <v>24</v>
      </c>
      <c r="L40" s="230">
        <v>0</v>
      </c>
      <c r="M40" s="231">
        <v>0</v>
      </c>
      <c r="N40" s="234">
        <v>0</v>
      </c>
      <c r="O40" s="232">
        <v>0</v>
      </c>
      <c r="P40" s="233">
        <v>0</v>
      </c>
      <c r="Q40" s="233">
        <v>9</v>
      </c>
      <c r="R40" s="233">
        <v>9</v>
      </c>
      <c r="S40" s="231">
        <v>6</v>
      </c>
      <c r="T40" s="234">
        <v>24</v>
      </c>
      <c r="U40" s="236">
        <v>24</v>
      </c>
      <c r="V40" s="237">
        <v>0</v>
      </c>
      <c r="W40" s="231">
        <v>0</v>
      </c>
      <c r="X40" s="234">
        <v>0</v>
      </c>
      <c r="Y40" s="237">
        <v>0</v>
      </c>
      <c r="Z40" s="233">
        <v>0</v>
      </c>
      <c r="AA40" s="233">
        <v>0</v>
      </c>
      <c r="AB40" s="233">
        <v>0</v>
      </c>
      <c r="AC40" s="231">
        <v>0</v>
      </c>
      <c r="AD40" s="234">
        <v>0</v>
      </c>
      <c r="AE40" s="238">
        <v>0</v>
      </c>
      <c r="AF40" s="237">
        <v>0</v>
      </c>
      <c r="AG40" s="231">
        <v>0</v>
      </c>
      <c r="AH40" s="234">
        <v>0</v>
      </c>
      <c r="AI40" s="237">
        <v>2</v>
      </c>
      <c r="AJ40" s="233">
        <v>1</v>
      </c>
      <c r="AK40" s="233">
        <v>4</v>
      </c>
      <c r="AL40" s="233">
        <v>3</v>
      </c>
      <c r="AM40" s="231">
        <v>0</v>
      </c>
      <c r="AN40" s="234">
        <v>10</v>
      </c>
      <c r="AO40" s="238">
        <v>10</v>
      </c>
      <c r="AP40" s="237">
        <v>0</v>
      </c>
      <c r="AQ40" s="231">
        <v>0</v>
      </c>
      <c r="AR40" s="234">
        <v>0</v>
      </c>
      <c r="AS40" s="232">
        <v>2</v>
      </c>
      <c r="AT40" s="233">
        <v>1</v>
      </c>
      <c r="AU40" s="233">
        <v>4</v>
      </c>
      <c r="AV40" s="233">
        <v>3</v>
      </c>
      <c r="AW40" s="231">
        <v>0</v>
      </c>
      <c r="AX40" s="234">
        <v>10</v>
      </c>
      <c r="AY40" s="235">
        <v>10</v>
      </c>
      <c r="AZ40" s="230">
        <v>0</v>
      </c>
      <c r="BA40" s="231">
        <v>0</v>
      </c>
      <c r="BB40" s="231">
        <v>0</v>
      </c>
      <c r="BC40" s="232">
        <v>0</v>
      </c>
      <c r="BD40" s="233">
        <v>0</v>
      </c>
      <c r="BE40" s="233">
        <v>0</v>
      </c>
      <c r="BF40" s="233">
        <v>0</v>
      </c>
      <c r="BG40" s="231">
        <v>0</v>
      </c>
      <c r="BH40" s="234">
        <v>0</v>
      </c>
      <c r="BI40" s="236">
        <v>0</v>
      </c>
      <c r="BJ40" s="237">
        <v>0</v>
      </c>
      <c r="BK40" s="231">
        <v>0</v>
      </c>
      <c r="BL40" s="231">
        <v>0</v>
      </c>
      <c r="BM40" s="232">
        <v>0</v>
      </c>
      <c r="BN40" s="233">
        <v>0</v>
      </c>
      <c r="BO40" s="233">
        <v>0</v>
      </c>
      <c r="BP40" s="233">
        <v>1</v>
      </c>
      <c r="BQ40" s="231">
        <v>0</v>
      </c>
      <c r="BR40" s="234">
        <v>1</v>
      </c>
      <c r="BS40" s="235">
        <v>1</v>
      </c>
      <c r="BT40" s="230">
        <v>0</v>
      </c>
      <c r="BU40" s="231">
        <v>0</v>
      </c>
      <c r="BV40" s="231">
        <v>0</v>
      </c>
      <c r="BW40" s="232">
        <v>0</v>
      </c>
      <c r="BX40" s="233">
        <v>0</v>
      </c>
      <c r="BY40" s="233">
        <v>0</v>
      </c>
      <c r="BZ40" s="233">
        <v>1</v>
      </c>
      <c r="CA40" s="231">
        <v>0</v>
      </c>
      <c r="CB40" s="234">
        <v>1</v>
      </c>
      <c r="CC40" s="236">
        <v>1</v>
      </c>
      <c r="CD40" s="237">
        <v>0</v>
      </c>
      <c r="CE40" s="231">
        <v>0</v>
      </c>
      <c r="CF40" s="231">
        <v>0</v>
      </c>
      <c r="CG40" s="232">
        <v>0</v>
      </c>
      <c r="CH40" s="233">
        <v>0</v>
      </c>
      <c r="CI40" s="233">
        <v>0</v>
      </c>
      <c r="CJ40" s="233">
        <v>0</v>
      </c>
      <c r="CK40" s="231">
        <v>0</v>
      </c>
      <c r="CL40" s="234">
        <v>0</v>
      </c>
      <c r="CM40" s="236">
        <v>0</v>
      </c>
      <c r="CN40" s="237">
        <v>0</v>
      </c>
      <c r="CO40" s="231">
        <v>0</v>
      </c>
      <c r="CP40" s="231">
        <v>0</v>
      </c>
      <c r="CQ40" s="232">
        <v>0</v>
      </c>
      <c r="CR40" s="233">
        <v>0</v>
      </c>
      <c r="CS40" s="233">
        <v>0</v>
      </c>
      <c r="CT40" s="233">
        <v>0</v>
      </c>
      <c r="CU40" s="231">
        <v>1</v>
      </c>
      <c r="CV40" s="234">
        <v>1</v>
      </c>
      <c r="CW40" s="235">
        <v>1</v>
      </c>
      <c r="CX40" s="230">
        <v>0</v>
      </c>
      <c r="CY40" s="231">
        <v>0</v>
      </c>
      <c r="CZ40" s="231">
        <v>0</v>
      </c>
      <c r="DA40" s="232">
        <v>0</v>
      </c>
      <c r="DB40" s="233">
        <v>0</v>
      </c>
      <c r="DC40" s="233">
        <v>0</v>
      </c>
      <c r="DD40" s="233">
        <v>0</v>
      </c>
      <c r="DE40" s="231">
        <v>1</v>
      </c>
      <c r="DF40" s="234">
        <v>1</v>
      </c>
      <c r="DG40" s="236">
        <v>1</v>
      </c>
      <c r="DH40" s="237">
        <v>0</v>
      </c>
      <c r="DI40" s="231">
        <v>0</v>
      </c>
      <c r="DJ40" s="231">
        <v>0</v>
      </c>
      <c r="DK40" s="232">
        <v>0</v>
      </c>
      <c r="DL40" s="233">
        <v>0</v>
      </c>
      <c r="DM40" s="233">
        <v>0</v>
      </c>
      <c r="DN40" s="233">
        <v>0</v>
      </c>
      <c r="DO40" s="231">
        <v>0</v>
      </c>
      <c r="DP40" s="234">
        <v>0</v>
      </c>
      <c r="DQ40" s="236">
        <v>0</v>
      </c>
      <c r="DR40" s="237">
        <v>0</v>
      </c>
      <c r="DS40" s="231">
        <v>0</v>
      </c>
      <c r="DT40" s="231">
        <v>0</v>
      </c>
      <c r="DU40" s="232">
        <v>2</v>
      </c>
      <c r="DV40" s="233">
        <v>1</v>
      </c>
      <c r="DW40" s="233">
        <v>13</v>
      </c>
      <c r="DX40" s="233">
        <v>13</v>
      </c>
      <c r="DY40" s="231">
        <v>7</v>
      </c>
      <c r="DZ40" s="234">
        <v>36</v>
      </c>
      <c r="EA40" s="236">
        <v>36</v>
      </c>
      <c r="EB40" s="37"/>
    </row>
    <row r="41" spans="1:132" x14ac:dyDescent="0.2">
      <c r="B41" s="38"/>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7"/>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row>
    <row r="42" spans="1:132" x14ac:dyDescent="0.2">
      <c r="B42" s="38"/>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7"/>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row>
    <row r="43" spans="1:132" x14ac:dyDescent="0.2">
      <c r="B43" s="38"/>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7"/>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row>
    <row r="44" spans="1:132" x14ac:dyDescent="0.2">
      <c r="B44" s="38"/>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7"/>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row>
    <row r="45" spans="1:132" x14ac:dyDescent="0.2">
      <c r="B45" s="38"/>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7"/>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row>
    <row r="46" spans="1:132" x14ac:dyDescent="0.2">
      <c r="B46" s="3"/>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row>
    <row r="47" spans="1:132" x14ac:dyDescent="0.2">
      <c r="B47" s="3"/>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row>
    <row r="48" spans="1:132" x14ac:dyDescent="0.2">
      <c r="B48" s="3"/>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row>
    <row r="49" spans="2:31" x14ac:dyDescent="0.2">
      <c r="B49" s="3"/>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row>
    <row r="50" spans="2:31" x14ac:dyDescent="0.2">
      <c r="B50" s="3"/>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row>
    <row r="51" spans="2:31" x14ac:dyDescent="0.2">
      <c r="B51" s="3"/>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row>
    <row r="52" spans="2:31" x14ac:dyDescent="0.2">
      <c r="B52" s="3"/>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row>
    <row r="53" spans="2:31" x14ac:dyDescent="0.2">
      <c r="B53" s="3"/>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row>
    <row r="54" spans="2:31" x14ac:dyDescent="0.2">
      <c r="B54" s="3"/>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row>
    <row r="55" spans="2:31" x14ac:dyDescent="0.2">
      <c r="B55" s="3"/>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row>
    <row r="56" spans="2:31" x14ac:dyDescent="0.2">
      <c r="B56" s="3"/>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row>
    <row r="57" spans="2:31" x14ac:dyDescent="0.2">
      <c r="B57" s="3"/>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row>
    <row r="58" spans="2:31" x14ac:dyDescent="0.2">
      <c r="B58" s="3"/>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row>
    <row r="59" spans="2:31" x14ac:dyDescent="0.2">
      <c r="B59" s="3"/>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row>
    <row r="60" spans="2:31" x14ac:dyDescent="0.2">
      <c r="B60" s="3"/>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row>
    <row r="61" spans="2:31" x14ac:dyDescent="0.2">
      <c r="B61" s="3"/>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row>
    <row r="62" spans="2:31" x14ac:dyDescent="0.2">
      <c r="B62" s="3"/>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row>
    <row r="63" spans="2:31" x14ac:dyDescent="0.2">
      <c r="B63" s="3"/>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row>
    <row r="64" spans="2:31" x14ac:dyDescent="0.2">
      <c r="B64" s="3"/>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row>
    <row r="65" spans="2:31" x14ac:dyDescent="0.2">
      <c r="B65" s="3"/>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row>
    <row r="66" spans="2:31" x14ac:dyDescent="0.2">
      <c r="B66" s="3"/>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row>
    <row r="67" spans="2:31" x14ac:dyDescent="0.2">
      <c r="B67" s="3"/>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row>
    <row r="68" spans="2:31" x14ac:dyDescent="0.2">
      <c r="B68" s="3"/>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row>
    <row r="69" spans="2:31" x14ac:dyDescent="0.2">
      <c r="B69" s="3"/>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row>
    <row r="70" spans="2:31" x14ac:dyDescent="0.2">
      <c r="B70" s="3"/>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row>
    <row r="71" spans="2:31" x14ac:dyDescent="0.2">
      <c r="B71" s="3"/>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row>
    <row r="72" spans="2:31" x14ac:dyDescent="0.2">
      <c r="B72" s="3"/>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row>
    <row r="73" spans="2:31" x14ac:dyDescent="0.2">
      <c r="B73" s="3"/>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row>
    <row r="74" spans="2:31" x14ac:dyDescent="0.2">
      <c r="B74" s="3"/>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row>
    <row r="75" spans="2:31" x14ac:dyDescent="0.2">
      <c r="B75" s="3"/>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row>
    <row r="76" spans="2:31" x14ac:dyDescent="0.2">
      <c r="B76" s="3"/>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row>
    <row r="77" spans="2:31" x14ac:dyDescent="0.2">
      <c r="B77" s="3"/>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row>
    <row r="78" spans="2:31" x14ac:dyDescent="0.2">
      <c r="B78" s="3"/>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row>
    <row r="79" spans="2:31" x14ac:dyDescent="0.2">
      <c r="B79" s="3"/>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row>
    <row r="80" spans="2:31" x14ac:dyDescent="0.2">
      <c r="B80" s="3"/>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row>
    <row r="81" spans="2:31" x14ac:dyDescent="0.2">
      <c r="B81" s="3"/>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row>
    <row r="82" spans="2:31" x14ac:dyDescent="0.2">
      <c r="B82" s="3"/>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row>
    <row r="83" spans="2:31" x14ac:dyDescent="0.2">
      <c r="B83" s="3"/>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row>
    <row r="84" spans="2:31" x14ac:dyDescent="0.2">
      <c r="B84" s="3"/>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row>
    <row r="85" spans="2:31" x14ac:dyDescent="0.2">
      <c r="B85" s="3"/>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row>
    <row r="86" spans="2:31" x14ac:dyDescent="0.2">
      <c r="B86" s="3"/>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row>
    <row r="87" spans="2:31" x14ac:dyDescent="0.2">
      <c r="B87" s="3"/>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row>
    <row r="88" spans="2:31" x14ac:dyDescent="0.2">
      <c r="B88" s="3"/>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row>
    <row r="89" spans="2:31" x14ac:dyDescent="0.2">
      <c r="B89" s="3"/>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row>
    <row r="90" spans="2:31" x14ac:dyDescent="0.2">
      <c r="B90" s="3"/>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row>
    <row r="91" spans="2:31" x14ac:dyDescent="0.2">
      <c r="B91" s="3"/>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row>
    <row r="92" spans="2:31" x14ac:dyDescent="0.2">
      <c r="B92" s="3"/>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row>
    <row r="93" spans="2:31" x14ac:dyDescent="0.2">
      <c r="B93" s="3"/>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row>
    <row r="94" spans="2:31" x14ac:dyDescent="0.2">
      <c r="B94" s="3"/>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row>
    <row r="95" spans="2:31" x14ac:dyDescent="0.2">
      <c r="B95" s="3"/>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row>
    <row r="96" spans="2:31" x14ac:dyDescent="0.2">
      <c r="B96" s="3"/>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row>
    <row r="97" spans="2:31" x14ac:dyDescent="0.2">
      <c r="B97" s="3"/>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row>
    <row r="98" spans="2:31" x14ac:dyDescent="0.2">
      <c r="B98" s="3"/>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row>
    <row r="99" spans="2:31" x14ac:dyDescent="0.2">
      <c r="B99" s="3"/>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row>
    <row r="100" spans="2:31" x14ac:dyDescent="0.2">
      <c r="B100" s="3"/>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row>
    <row r="101" spans="2:31" x14ac:dyDescent="0.2">
      <c r="B101" s="3"/>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row>
    <row r="102" spans="2:31" x14ac:dyDescent="0.2">
      <c r="B102" s="3"/>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row>
    <row r="103" spans="2:31" x14ac:dyDescent="0.2">
      <c r="B103" s="3"/>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row>
    <row r="104" spans="2:31" x14ac:dyDescent="0.2">
      <c r="B104" s="3"/>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row>
    <row r="105" spans="2:31" x14ac:dyDescent="0.2">
      <c r="B105" s="3"/>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row>
    <row r="106" spans="2:31" x14ac:dyDescent="0.2">
      <c r="B106" s="3"/>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row>
    <row r="107" spans="2:31" x14ac:dyDescent="0.2">
      <c r="B107" s="3"/>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row>
    <row r="108" spans="2:31" x14ac:dyDescent="0.2">
      <c r="B108" s="3"/>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row>
    <row r="109" spans="2:31" x14ac:dyDescent="0.2">
      <c r="B109" s="3"/>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row>
    <row r="110" spans="2:31" x14ac:dyDescent="0.2">
      <c r="B110" s="3"/>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row>
    <row r="111" spans="2:31" x14ac:dyDescent="0.2">
      <c r="B111" s="3"/>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row>
    <row r="112" spans="2:31" x14ac:dyDescent="0.2">
      <c r="B112" s="3"/>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row>
    <row r="113" spans="2:31" x14ac:dyDescent="0.2">
      <c r="B113" s="3"/>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row>
    <row r="114" spans="2:31" x14ac:dyDescent="0.2">
      <c r="B114" s="3"/>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row>
    <row r="115" spans="2:31" x14ac:dyDescent="0.2">
      <c r="B115" s="3"/>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row>
    <row r="116" spans="2:31" x14ac:dyDescent="0.2">
      <c r="B116" s="3"/>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row>
    <row r="117" spans="2:31" x14ac:dyDescent="0.2">
      <c r="B117" s="3"/>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row>
    <row r="118" spans="2:31" x14ac:dyDescent="0.2">
      <c r="B118" s="3"/>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row>
    <row r="119" spans="2:31" x14ac:dyDescent="0.2">
      <c r="B119" s="3"/>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row>
    <row r="120" spans="2:31" x14ac:dyDescent="0.2">
      <c r="B120" s="3"/>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row>
    <row r="121" spans="2:31" x14ac:dyDescent="0.2">
      <c r="B121" s="3"/>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row>
    <row r="122" spans="2:31" x14ac:dyDescent="0.2">
      <c r="B122" s="3"/>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row>
    <row r="123" spans="2:31" x14ac:dyDescent="0.2">
      <c r="B123" s="3"/>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row>
    <row r="124" spans="2:31" x14ac:dyDescent="0.2">
      <c r="B124" s="3"/>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row>
    <row r="125" spans="2:31" x14ac:dyDescent="0.2">
      <c r="B125" s="3"/>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row>
    <row r="126" spans="2:31" x14ac:dyDescent="0.2">
      <c r="B126" s="3"/>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row>
    <row r="127" spans="2:31" x14ac:dyDescent="0.2">
      <c r="B127" s="3"/>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row>
    <row r="128" spans="2:31" x14ac:dyDescent="0.2">
      <c r="B128" s="3"/>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row>
    <row r="129" spans="2:31" x14ac:dyDescent="0.2">
      <c r="B129" s="3"/>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row>
    <row r="130" spans="2:31" x14ac:dyDescent="0.2">
      <c r="B130" s="3"/>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row>
    <row r="131" spans="2:31" x14ac:dyDescent="0.2">
      <c r="B131" s="3"/>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row>
    <row r="132" spans="2:31" x14ac:dyDescent="0.2">
      <c r="B132" s="3"/>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row>
    <row r="133" spans="2:31" x14ac:dyDescent="0.2">
      <c r="B133" s="3"/>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row>
    <row r="134" spans="2:31" x14ac:dyDescent="0.2">
      <c r="B134" s="3"/>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row>
    <row r="135" spans="2:31" x14ac:dyDescent="0.2">
      <c r="B135" s="3"/>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row>
    <row r="136" spans="2:31" x14ac:dyDescent="0.2">
      <c r="B136" s="3"/>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row>
    <row r="137" spans="2:31" x14ac:dyDescent="0.2">
      <c r="B137" s="3"/>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row>
    <row r="138" spans="2:31" x14ac:dyDescent="0.2">
      <c r="B138" s="3"/>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row>
    <row r="139" spans="2:31" x14ac:dyDescent="0.2">
      <c r="B139" s="3"/>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row>
    <row r="140" spans="2:31" x14ac:dyDescent="0.2">
      <c r="B140" s="3"/>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row>
    <row r="141" spans="2:31" x14ac:dyDescent="0.2">
      <c r="B141" s="3"/>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row>
    <row r="142" spans="2:31" x14ac:dyDescent="0.2">
      <c r="B142" s="3"/>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row>
    <row r="143" spans="2:31" x14ac:dyDescent="0.2">
      <c r="B143" s="3"/>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row>
    <row r="144" spans="2:31" x14ac:dyDescent="0.2">
      <c r="B144" s="3"/>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row>
    <row r="145" spans="2:31" x14ac:dyDescent="0.2">
      <c r="B145" s="3"/>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row>
    <row r="146" spans="2:31" x14ac:dyDescent="0.2">
      <c r="B146" s="3"/>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row>
    <row r="147" spans="2:31" x14ac:dyDescent="0.2">
      <c r="B147" s="3"/>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row>
    <row r="148" spans="2:31" x14ac:dyDescent="0.2">
      <c r="B148" s="3"/>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row>
    <row r="149" spans="2:31" x14ac:dyDescent="0.2">
      <c r="B149" s="3"/>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row>
    <row r="150" spans="2:31" x14ac:dyDescent="0.2">
      <c r="B150" s="3"/>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row>
    <row r="151" spans="2:31" x14ac:dyDescent="0.2">
      <c r="B151" s="3"/>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row>
    <row r="152" spans="2:31" x14ac:dyDescent="0.2">
      <c r="B152" s="3"/>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row>
    <row r="153" spans="2:31" x14ac:dyDescent="0.2">
      <c r="B153" s="3"/>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row>
    <row r="154" spans="2:31" x14ac:dyDescent="0.2">
      <c r="B154" s="3"/>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row>
    <row r="155" spans="2:31" x14ac:dyDescent="0.2">
      <c r="B155" s="3"/>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row>
    <row r="156" spans="2:31" x14ac:dyDescent="0.2">
      <c r="B156" s="3"/>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row>
    <row r="157" spans="2:31" x14ac:dyDescent="0.2">
      <c r="B157" s="3"/>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row>
    <row r="158" spans="2:31" x14ac:dyDescent="0.2">
      <c r="B158" s="3"/>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row>
    <row r="159" spans="2:31" x14ac:dyDescent="0.2">
      <c r="B159" s="3"/>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row>
    <row r="160" spans="2:31" x14ac:dyDescent="0.2">
      <c r="B160" s="3"/>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row>
    <row r="161" spans="2:31" x14ac:dyDescent="0.2">
      <c r="B161" s="3"/>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row>
    <row r="162" spans="2:31" x14ac:dyDescent="0.2">
      <c r="B162" s="3"/>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row>
    <row r="163" spans="2:31" x14ac:dyDescent="0.2">
      <c r="B163" s="3"/>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row>
    <row r="164" spans="2:31" x14ac:dyDescent="0.2">
      <c r="B164" s="3"/>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row>
    <row r="165" spans="2:31" x14ac:dyDescent="0.2">
      <c r="B165" s="3"/>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row>
    <row r="166" spans="2:31" x14ac:dyDescent="0.2">
      <c r="B166" s="3"/>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row>
    <row r="167" spans="2:31" x14ac:dyDescent="0.2">
      <c r="B167" s="3"/>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row>
    <row r="168" spans="2:31" x14ac:dyDescent="0.2">
      <c r="B168" s="3"/>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row>
    <row r="169" spans="2:31" x14ac:dyDescent="0.2">
      <c r="B169" s="3"/>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row>
    <row r="170" spans="2:31" x14ac:dyDescent="0.2">
      <c r="B170" s="3"/>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row>
    <row r="171" spans="2:31" x14ac:dyDescent="0.2">
      <c r="B171" s="3"/>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row>
    <row r="172" spans="2:31" x14ac:dyDescent="0.2">
      <c r="B172" s="3"/>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row>
    <row r="173" spans="2:31" x14ac:dyDescent="0.2">
      <c r="B173" s="3"/>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row>
    <row r="174" spans="2:31" x14ac:dyDescent="0.2">
      <c r="B174" s="3"/>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row>
    <row r="175" spans="2:31" x14ac:dyDescent="0.2">
      <c r="B175" s="3"/>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row>
    <row r="176" spans="2:31" x14ac:dyDescent="0.2">
      <c r="B176" s="3"/>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row>
    <row r="177" spans="2:31" x14ac:dyDescent="0.2">
      <c r="B177" s="3"/>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row>
    <row r="178" spans="2:31" x14ac:dyDescent="0.2">
      <c r="B178" s="3"/>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row>
    <row r="179" spans="2:31" x14ac:dyDescent="0.2">
      <c r="B179" s="3"/>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row>
    <row r="180" spans="2:31" x14ac:dyDescent="0.2">
      <c r="B180" s="3"/>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row>
    <row r="181" spans="2:31" x14ac:dyDescent="0.2">
      <c r="B181" s="3"/>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row>
    <row r="182" spans="2:31" x14ac:dyDescent="0.2">
      <c r="B182" s="3"/>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row>
    <row r="183" spans="2:31" x14ac:dyDescent="0.2">
      <c r="B183" s="3"/>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row>
    <row r="184" spans="2:31" x14ac:dyDescent="0.2">
      <c r="B184" s="3"/>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row>
    <row r="185" spans="2:31" x14ac:dyDescent="0.2">
      <c r="B185" s="3"/>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row>
    <row r="186" spans="2:31" x14ac:dyDescent="0.2">
      <c r="B186" s="3"/>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row>
    <row r="187" spans="2:31" x14ac:dyDescent="0.2">
      <c r="B187" s="3"/>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row>
    <row r="188" spans="2:31" x14ac:dyDescent="0.2">
      <c r="B188" s="3"/>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row>
    <row r="189" spans="2:31" x14ac:dyDescent="0.2">
      <c r="B189" s="3"/>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row>
    <row r="190" spans="2:31" x14ac:dyDescent="0.2">
      <c r="B190" s="3"/>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row>
    <row r="191" spans="2:31" x14ac:dyDescent="0.2">
      <c r="B191" s="3"/>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row>
    <row r="192" spans="2:31" x14ac:dyDescent="0.2">
      <c r="B192" s="3"/>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row>
    <row r="193" spans="2:31" x14ac:dyDescent="0.2">
      <c r="B193" s="3"/>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row>
    <row r="194" spans="2:31" x14ac:dyDescent="0.2">
      <c r="B194" s="3"/>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row>
    <row r="195" spans="2:31" x14ac:dyDescent="0.2">
      <c r="B195" s="3"/>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row>
    <row r="196" spans="2:31" x14ac:dyDescent="0.2">
      <c r="B196" s="3"/>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row>
    <row r="197" spans="2:31" x14ac:dyDescent="0.2">
      <c r="B197" s="3"/>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row>
    <row r="198" spans="2:31" x14ac:dyDescent="0.2">
      <c r="B198" s="3"/>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row>
    <row r="199" spans="2:31" x14ac:dyDescent="0.2">
      <c r="B199" s="3"/>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row>
    <row r="200" spans="2:31" x14ac:dyDescent="0.2">
      <c r="B200" s="3"/>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row>
    <row r="201" spans="2:31" x14ac:dyDescent="0.2">
      <c r="B201" s="3"/>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row>
    <row r="202" spans="2:31" x14ac:dyDescent="0.2">
      <c r="B202" s="3"/>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row>
    <row r="203" spans="2:31" x14ac:dyDescent="0.2">
      <c r="B203" s="3"/>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row>
    <row r="204" spans="2:31" x14ac:dyDescent="0.2">
      <c r="B204" s="3"/>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row>
    <row r="205" spans="2:31" x14ac:dyDescent="0.2">
      <c r="B205" s="3"/>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row>
    <row r="206" spans="2:31" x14ac:dyDescent="0.2">
      <c r="B206" s="3"/>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row>
    <row r="207" spans="2:31" x14ac:dyDescent="0.2">
      <c r="B207" s="3"/>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row>
    <row r="208" spans="2:31" x14ac:dyDescent="0.2">
      <c r="B208" s="3"/>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row>
    <row r="209" spans="2:31" x14ac:dyDescent="0.2">
      <c r="B209" s="3"/>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row>
    <row r="210" spans="2:31" x14ac:dyDescent="0.2">
      <c r="B210" s="3"/>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row>
    <row r="211" spans="2:31" x14ac:dyDescent="0.2">
      <c r="B211" s="3"/>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row>
    <row r="212" spans="2:31" x14ac:dyDescent="0.2">
      <c r="B212" s="3"/>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row>
    <row r="213" spans="2:31" x14ac:dyDescent="0.2">
      <c r="B213" s="3"/>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row>
    <row r="214" spans="2:31" x14ac:dyDescent="0.2">
      <c r="B214" s="3"/>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row>
    <row r="215" spans="2:31" x14ac:dyDescent="0.2">
      <c r="B215" s="3"/>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row>
    <row r="216" spans="2:31" x14ac:dyDescent="0.2">
      <c r="B216" s="3"/>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row>
    <row r="217" spans="2:31" x14ac:dyDescent="0.2">
      <c r="B217" s="3"/>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row>
    <row r="218" spans="2:31" x14ac:dyDescent="0.2">
      <c r="B218" s="3"/>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row>
    <row r="219" spans="2:31" x14ac:dyDescent="0.2">
      <c r="B219" s="3"/>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row>
  </sheetData>
  <mergeCells count="58">
    <mergeCell ref="DR5:DT5"/>
    <mergeCell ref="DU5:DZ5"/>
    <mergeCell ref="EA5:EA6"/>
    <mergeCell ref="CC5:CC6"/>
    <mergeCell ref="CD5:CF5"/>
    <mergeCell ref="CG5:CL5"/>
    <mergeCell ref="CM5:CM6"/>
    <mergeCell ref="CN5:CP5"/>
    <mergeCell ref="CQ5:CV5"/>
    <mergeCell ref="CW5:CW6"/>
    <mergeCell ref="CX5:CZ5"/>
    <mergeCell ref="DA5:DF5"/>
    <mergeCell ref="DG5:DG6"/>
    <mergeCell ref="DH5:DJ5"/>
    <mergeCell ref="DK5:DP5"/>
    <mergeCell ref="DQ5:DQ6"/>
    <mergeCell ref="BT5:BV5"/>
    <mergeCell ref="BW5:CB5"/>
    <mergeCell ref="AZ5:BB5"/>
    <mergeCell ref="BC5:BH5"/>
    <mergeCell ref="BI5:BI6"/>
    <mergeCell ref="BJ5:BL5"/>
    <mergeCell ref="V5:X5"/>
    <mergeCell ref="Y5:AD5"/>
    <mergeCell ref="AE5:AE6"/>
    <mergeCell ref="BM5:BR5"/>
    <mergeCell ref="BS5:BS6"/>
    <mergeCell ref="BJ3:CM3"/>
    <mergeCell ref="DR3:EA4"/>
    <mergeCell ref="B4:K4"/>
    <mergeCell ref="L4:U4"/>
    <mergeCell ref="V4:AE4"/>
    <mergeCell ref="AF4:AO4"/>
    <mergeCell ref="AP4:AY4"/>
    <mergeCell ref="AZ4:BI4"/>
    <mergeCell ref="BJ4:BS4"/>
    <mergeCell ref="BT4:CC4"/>
    <mergeCell ref="CD4:CM4"/>
    <mergeCell ref="CN3:DQ3"/>
    <mergeCell ref="CN4:CW4"/>
    <mergeCell ref="CX4:DG4"/>
    <mergeCell ref="DH4:DQ4"/>
    <mergeCell ref="F1:G1"/>
    <mergeCell ref="A3:A5"/>
    <mergeCell ref="B3:AE3"/>
    <mergeCell ref="AF3:BI3"/>
    <mergeCell ref="AF5:AH5"/>
    <mergeCell ref="AI5:AN5"/>
    <mergeCell ref="AO5:AO6"/>
    <mergeCell ref="AP5:AR5"/>
    <mergeCell ref="AS5:AX5"/>
    <mergeCell ref="AY5:AY6"/>
    <mergeCell ref="B5:D5"/>
    <mergeCell ref="E5:J5"/>
    <mergeCell ref="K5:K6"/>
    <mergeCell ref="L5:N5"/>
    <mergeCell ref="O5:T5"/>
    <mergeCell ref="U5:U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1" max="1048575" man="1"/>
    <brk id="61" max="1048575" man="1"/>
    <brk id="121"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4" width="7.88671875" style="43" customWidth="1"/>
    <col min="5" max="5" width="8.109375" style="43" customWidth="1"/>
    <col min="6"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101" width="9" style="43"/>
    <col min="102" max="147" width="9" style="44"/>
    <col min="148" max="148" width="7.77734375" style="44" customWidth="1"/>
    <col min="149" max="158" width="9" style="44"/>
    <col min="159" max="159" width="8.109375" style="44" customWidth="1"/>
    <col min="160" max="16384" width="9" style="44"/>
  </cols>
  <sheetData>
    <row r="1" spans="1:298" ht="17.25" customHeight="1" x14ac:dyDescent="0.2">
      <c r="A1" s="12" t="s">
        <v>164</v>
      </c>
      <c r="E1" s="517">
        <f>第１表!F2</f>
        <v>4</v>
      </c>
      <c r="F1" s="517"/>
      <c r="G1" s="282">
        <f>第１表!G2</f>
        <v>3</v>
      </c>
      <c r="H1" s="499">
        <f>G1</f>
        <v>3</v>
      </c>
      <c r="I1" s="499"/>
    </row>
    <row r="2" spans="1:298" ht="16.5" customHeight="1" thickBot="1" x14ac:dyDescent="0.25">
      <c r="A2" s="20" t="s">
        <v>130</v>
      </c>
    </row>
    <row r="3" spans="1:298" ht="22.5" customHeight="1" thickBot="1" x14ac:dyDescent="0.25">
      <c r="A3" s="500" t="s">
        <v>38</v>
      </c>
      <c r="B3" s="512" t="s">
        <v>96</v>
      </c>
      <c r="C3" s="512"/>
      <c r="D3" s="512"/>
      <c r="E3" s="512"/>
      <c r="F3" s="512"/>
      <c r="G3" s="512"/>
      <c r="H3" s="512"/>
      <c r="I3" s="512"/>
      <c r="J3" s="512"/>
      <c r="K3" s="512"/>
      <c r="L3" s="512"/>
      <c r="M3" s="512"/>
      <c r="N3" s="512"/>
      <c r="O3" s="512"/>
      <c r="P3" s="512"/>
      <c r="Q3" s="512"/>
      <c r="R3" s="512"/>
      <c r="S3" s="512"/>
      <c r="T3" s="512"/>
      <c r="U3" s="512"/>
      <c r="V3" s="512"/>
      <c r="W3" s="512"/>
      <c r="X3" s="512"/>
      <c r="Y3" s="512"/>
      <c r="Z3" s="512"/>
      <c r="AA3" s="512"/>
      <c r="AB3" s="512"/>
      <c r="AC3" s="512"/>
      <c r="AD3" s="512"/>
      <c r="AE3" s="512"/>
      <c r="AF3" s="512"/>
      <c r="AG3" s="512"/>
      <c r="AH3" s="512"/>
      <c r="AI3" s="512"/>
      <c r="AJ3" s="512"/>
      <c r="AK3" s="512"/>
      <c r="AL3" s="512"/>
      <c r="AM3" s="512"/>
      <c r="AN3" s="512"/>
      <c r="AO3" s="512"/>
      <c r="AP3" s="512"/>
      <c r="AQ3" s="512"/>
      <c r="AR3" s="512"/>
      <c r="AS3" s="512"/>
      <c r="AT3" s="512"/>
      <c r="AU3" s="512"/>
      <c r="AV3" s="512"/>
      <c r="AW3" s="512"/>
      <c r="AX3" s="512"/>
      <c r="AY3" s="512"/>
      <c r="AZ3" s="512"/>
      <c r="BA3" s="512"/>
      <c r="BB3" s="512"/>
      <c r="BC3" s="512"/>
      <c r="BD3" s="512"/>
      <c r="BE3" s="512"/>
      <c r="BF3" s="512"/>
      <c r="BG3" s="512"/>
      <c r="BH3" s="512"/>
      <c r="BI3" s="512"/>
      <c r="BJ3" s="512"/>
      <c r="BK3" s="512"/>
      <c r="BL3" s="512"/>
      <c r="BM3" s="512"/>
      <c r="BN3" s="512"/>
      <c r="BO3" s="512"/>
      <c r="BP3" s="512"/>
      <c r="BQ3" s="512"/>
      <c r="BR3" s="512"/>
      <c r="BS3" s="512"/>
      <c r="BT3" s="512"/>
      <c r="BU3" s="512"/>
      <c r="BV3" s="512"/>
      <c r="BW3" s="512"/>
      <c r="BX3" s="512"/>
      <c r="BY3" s="512"/>
      <c r="BZ3" s="512"/>
      <c r="CA3" s="512"/>
      <c r="CB3" s="512"/>
      <c r="CC3" s="512"/>
      <c r="CD3" s="512"/>
      <c r="CE3" s="512"/>
      <c r="CF3" s="512"/>
      <c r="CG3" s="512"/>
      <c r="CH3" s="512"/>
      <c r="CI3" s="512"/>
      <c r="CJ3" s="512"/>
      <c r="CK3" s="512"/>
      <c r="CL3" s="512"/>
      <c r="CM3" s="512"/>
      <c r="CN3" s="512"/>
      <c r="CO3" s="512"/>
      <c r="CP3" s="512"/>
      <c r="CQ3" s="512"/>
      <c r="CR3" s="512"/>
      <c r="CS3" s="512"/>
      <c r="CT3" s="512"/>
      <c r="CU3" s="512"/>
      <c r="CV3" s="513"/>
      <c r="CW3" s="512" t="s">
        <v>103</v>
      </c>
      <c r="CX3" s="512"/>
      <c r="CY3" s="512"/>
      <c r="CZ3" s="512"/>
      <c r="DA3" s="512"/>
      <c r="DB3" s="512"/>
      <c r="DC3" s="512"/>
      <c r="DD3" s="512"/>
      <c r="DE3" s="512"/>
      <c r="DF3" s="512"/>
      <c r="DG3" s="512"/>
      <c r="DH3" s="512"/>
      <c r="DI3" s="512"/>
      <c r="DJ3" s="512"/>
      <c r="DK3" s="512"/>
      <c r="DL3" s="512"/>
      <c r="DM3" s="512"/>
      <c r="DN3" s="512"/>
      <c r="DO3" s="512"/>
      <c r="DP3" s="512"/>
      <c r="DQ3" s="512"/>
      <c r="DR3" s="512"/>
      <c r="DS3" s="512"/>
      <c r="DT3" s="512"/>
      <c r="DU3" s="512"/>
      <c r="DV3" s="512"/>
      <c r="DW3" s="512"/>
      <c r="DX3" s="512"/>
      <c r="DY3" s="512"/>
      <c r="DZ3" s="512"/>
      <c r="EA3" s="512"/>
      <c r="EB3" s="512"/>
      <c r="EC3" s="512"/>
      <c r="ED3" s="512"/>
      <c r="EE3" s="512"/>
      <c r="EF3" s="512"/>
      <c r="EG3" s="512"/>
      <c r="EH3" s="512"/>
      <c r="EI3" s="512"/>
      <c r="EJ3" s="512"/>
      <c r="EK3" s="512"/>
      <c r="EL3" s="512"/>
      <c r="EM3" s="512"/>
      <c r="EN3" s="512"/>
      <c r="EO3" s="512"/>
      <c r="EP3" s="512"/>
      <c r="EQ3" s="512"/>
      <c r="ER3" s="512"/>
      <c r="ES3" s="512"/>
      <c r="ET3" s="512"/>
      <c r="EU3" s="512"/>
      <c r="EV3" s="512"/>
      <c r="EW3" s="512"/>
      <c r="EX3" s="512"/>
      <c r="EY3" s="512"/>
      <c r="EZ3" s="512"/>
      <c r="FA3" s="512"/>
      <c r="FB3" s="512"/>
      <c r="FC3" s="512"/>
      <c r="FD3" s="512"/>
      <c r="FE3" s="512"/>
      <c r="FF3" s="512"/>
      <c r="FG3" s="512"/>
      <c r="FH3" s="512"/>
      <c r="FI3" s="512"/>
      <c r="FJ3" s="512"/>
      <c r="FK3" s="512"/>
      <c r="FL3" s="512"/>
      <c r="FM3" s="512"/>
      <c r="FN3" s="512"/>
      <c r="FO3" s="512"/>
      <c r="FP3" s="512"/>
      <c r="FQ3" s="512"/>
      <c r="FR3" s="512"/>
      <c r="FS3" s="512"/>
      <c r="FT3" s="512"/>
      <c r="FU3" s="512"/>
      <c r="FV3" s="512"/>
      <c r="FW3" s="512"/>
      <c r="FX3" s="512"/>
      <c r="FY3" s="512"/>
      <c r="FZ3" s="512"/>
      <c r="GA3" s="512"/>
      <c r="GB3" s="512"/>
      <c r="GC3" s="512"/>
      <c r="GD3" s="512"/>
      <c r="GE3" s="512"/>
      <c r="GF3" s="512"/>
      <c r="GG3" s="512"/>
      <c r="GH3" s="512"/>
      <c r="GI3" s="512"/>
      <c r="GJ3" s="512"/>
      <c r="GK3" s="512"/>
      <c r="GL3" s="512"/>
      <c r="GM3" s="512"/>
      <c r="GN3" s="512"/>
      <c r="GO3" s="512"/>
      <c r="GP3" s="512"/>
      <c r="GQ3" s="513"/>
      <c r="GR3" s="512" t="s">
        <v>104</v>
      </c>
      <c r="GS3" s="512"/>
      <c r="GT3" s="512"/>
      <c r="GU3" s="512"/>
      <c r="GV3" s="512"/>
      <c r="GW3" s="512"/>
      <c r="GX3" s="512"/>
      <c r="GY3" s="512"/>
      <c r="GZ3" s="512"/>
      <c r="HA3" s="512"/>
      <c r="HB3" s="512"/>
      <c r="HC3" s="512"/>
      <c r="HD3" s="512"/>
      <c r="HE3" s="512"/>
      <c r="HF3" s="512"/>
      <c r="HG3" s="512"/>
      <c r="HH3" s="512"/>
      <c r="HI3" s="512"/>
      <c r="HJ3" s="512"/>
      <c r="HK3" s="512"/>
      <c r="HL3" s="512"/>
      <c r="HM3" s="512"/>
      <c r="HN3" s="512"/>
      <c r="HO3" s="512"/>
      <c r="HP3" s="512"/>
      <c r="HQ3" s="512"/>
      <c r="HR3" s="512"/>
      <c r="HS3" s="512"/>
      <c r="HT3" s="512"/>
      <c r="HU3" s="512"/>
      <c r="HV3" s="512"/>
      <c r="HW3" s="512"/>
      <c r="HX3" s="512"/>
      <c r="HY3" s="512"/>
      <c r="HZ3" s="512"/>
      <c r="IA3" s="512"/>
      <c r="IB3" s="512"/>
      <c r="IC3" s="512"/>
      <c r="ID3" s="512"/>
      <c r="IE3" s="512"/>
      <c r="IF3" s="512"/>
      <c r="IG3" s="512"/>
      <c r="IH3" s="512"/>
      <c r="II3" s="512"/>
      <c r="IJ3" s="512"/>
      <c r="IK3" s="512"/>
      <c r="IL3" s="512"/>
      <c r="IM3" s="512"/>
      <c r="IN3" s="512"/>
      <c r="IO3" s="512"/>
      <c r="IP3" s="512"/>
      <c r="IQ3" s="512"/>
      <c r="IR3" s="512"/>
      <c r="IS3" s="512"/>
      <c r="IT3" s="512"/>
      <c r="IU3" s="512"/>
      <c r="IV3" s="512"/>
      <c r="IW3" s="512"/>
      <c r="IX3" s="512"/>
      <c r="IY3" s="512"/>
      <c r="IZ3" s="512"/>
      <c r="JA3" s="512"/>
      <c r="JB3" s="512"/>
      <c r="JC3" s="512"/>
      <c r="JD3" s="512"/>
      <c r="JE3" s="512"/>
      <c r="JF3" s="512"/>
      <c r="JG3" s="512"/>
      <c r="JH3" s="512"/>
      <c r="JI3" s="512"/>
      <c r="JJ3" s="512"/>
      <c r="JK3" s="512"/>
      <c r="JL3" s="512"/>
      <c r="JM3" s="512"/>
      <c r="JN3" s="512"/>
      <c r="JO3" s="512"/>
      <c r="JP3" s="512"/>
      <c r="JQ3" s="512"/>
      <c r="JR3" s="512"/>
      <c r="JS3" s="512"/>
      <c r="JT3" s="512"/>
      <c r="JU3" s="512"/>
      <c r="JV3" s="512"/>
      <c r="JW3" s="512"/>
      <c r="JX3" s="512"/>
      <c r="JY3" s="512"/>
      <c r="JZ3" s="512"/>
      <c r="KA3" s="512"/>
      <c r="KB3" s="512"/>
      <c r="KC3" s="512"/>
      <c r="KD3" s="512"/>
      <c r="KE3" s="512"/>
      <c r="KF3" s="512"/>
      <c r="KG3" s="512"/>
      <c r="KH3" s="512"/>
      <c r="KI3" s="512"/>
      <c r="KJ3" s="512"/>
      <c r="KK3" s="512"/>
      <c r="KL3" s="513"/>
    </row>
    <row r="4" spans="1:298" ht="27.75" customHeight="1" thickBot="1" x14ac:dyDescent="0.25">
      <c r="A4" s="518"/>
      <c r="B4" s="514" t="s">
        <v>39</v>
      </c>
      <c r="C4" s="515"/>
      <c r="D4" s="515"/>
      <c r="E4" s="515"/>
      <c r="F4" s="515"/>
      <c r="G4" s="515"/>
      <c r="H4" s="515"/>
      <c r="I4" s="515"/>
      <c r="J4" s="515"/>
      <c r="K4" s="515"/>
      <c r="L4" s="515"/>
      <c r="M4" s="515"/>
      <c r="N4" s="515"/>
      <c r="O4" s="515"/>
      <c r="P4" s="515"/>
      <c r="Q4" s="515"/>
      <c r="R4" s="515"/>
      <c r="S4" s="515"/>
      <c r="T4" s="515"/>
      <c r="U4" s="515"/>
      <c r="V4" s="515"/>
      <c r="W4" s="515"/>
      <c r="X4" s="515"/>
      <c r="Y4" s="515"/>
      <c r="Z4" s="515"/>
      <c r="AA4" s="515"/>
      <c r="AB4" s="515"/>
      <c r="AC4" s="515"/>
      <c r="AD4" s="515"/>
      <c r="AE4" s="515"/>
      <c r="AF4" s="515"/>
      <c r="AG4" s="515"/>
      <c r="AH4" s="515"/>
      <c r="AI4" s="515"/>
      <c r="AJ4" s="515"/>
      <c r="AK4" s="515"/>
      <c r="AL4" s="515"/>
      <c r="AM4" s="515"/>
      <c r="AN4" s="515"/>
      <c r="AO4" s="515"/>
      <c r="AP4" s="515"/>
      <c r="AQ4" s="515"/>
      <c r="AR4" s="515"/>
      <c r="AS4" s="515"/>
      <c r="AT4" s="515"/>
      <c r="AU4" s="515"/>
      <c r="AV4" s="515"/>
      <c r="AW4" s="515"/>
      <c r="AX4" s="515"/>
      <c r="AY4" s="515"/>
      <c r="AZ4" s="515"/>
      <c r="BA4" s="515"/>
      <c r="BB4" s="515"/>
      <c r="BC4" s="515"/>
      <c r="BD4" s="515"/>
      <c r="BE4" s="515"/>
      <c r="BF4" s="515"/>
      <c r="BG4" s="515"/>
      <c r="BH4" s="515"/>
      <c r="BI4" s="515"/>
      <c r="BJ4" s="515"/>
      <c r="BK4" s="515"/>
      <c r="BL4" s="515"/>
      <c r="BM4" s="515"/>
      <c r="BN4" s="515"/>
      <c r="BO4" s="515"/>
      <c r="BP4" s="515"/>
      <c r="BQ4" s="515"/>
      <c r="BR4" s="515"/>
      <c r="BS4" s="515"/>
      <c r="BT4" s="515"/>
      <c r="BU4" s="515"/>
      <c r="BV4" s="515"/>
      <c r="BW4" s="515"/>
      <c r="BX4" s="515"/>
      <c r="BY4" s="515"/>
      <c r="BZ4" s="516"/>
      <c r="CA4" s="500" t="s">
        <v>40</v>
      </c>
      <c r="CB4" s="501"/>
      <c r="CC4" s="501"/>
      <c r="CD4" s="501"/>
      <c r="CE4" s="501"/>
      <c r="CF4" s="501"/>
      <c r="CG4" s="501"/>
      <c r="CH4" s="501"/>
      <c r="CI4" s="501"/>
      <c r="CJ4" s="501"/>
      <c r="CK4" s="502"/>
      <c r="CL4" s="500" t="s">
        <v>41</v>
      </c>
      <c r="CM4" s="501"/>
      <c r="CN4" s="501"/>
      <c r="CO4" s="501"/>
      <c r="CP4" s="501"/>
      <c r="CQ4" s="501"/>
      <c r="CR4" s="501"/>
      <c r="CS4" s="501"/>
      <c r="CT4" s="501"/>
      <c r="CU4" s="501"/>
      <c r="CV4" s="502"/>
      <c r="CW4" s="514" t="s">
        <v>39</v>
      </c>
      <c r="CX4" s="515"/>
      <c r="CY4" s="515"/>
      <c r="CZ4" s="515"/>
      <c r="DA4" s="515"/>
      <c r="DB4" s="515"/>
      <c r="DC4" s="515"/>
      <c r="DD4" s="515"/>
      <c r="DE4" s="515"/>
      <c r="DF4" s="515"/>
      <c r="DG4" s="515"/>
      <c r="DH4" s="515"/>
      <c r="DI4" s="515"/>
      <c r="DJ4" s="515"/>
      <c r="DK4" s="515"/>
      <c r="DL4" s="515"/>
      <c r="DM4" s="515"/>
      <c r="DN4" s="515"/>
      <c r="DO4" s="515"/>
      <c r="DP4" s="515"/>
      <c r="DQ4" s="515"/>
      <c r="DR4" s="515"/>
      <c r="DS4" s="515"/>
      <c r="DT4" s="515"/>
      <c r="DU4" s="515"/>
      <c r="DV4" s="515"/>
      <c r="DW4" s="515"/>
      <c r="DX4" s="515"/>
      <c r="DY4" s="515"/>
      <c r="DZ4" s="515"/>
      <c r="EA4" s="515"/>
      <c r="EB4" s="515"/>
      <c r="EC4" s="515"/>
      <c r="ED4" s="515"/>
      <c r="EE4" s="515"/>
      <c r="EF4" s="515"/>
      <c r="EG4" s="515"/>
      <c r="EH4" s="515"/>
      <c r="EI4" s="515"/>
      <c r="EJ4" s="515"/>
      <c r="EK4" s="515"/>
      <c r="EL4" s="515"/>
      <c r="EM4" s="515"/>
      <c r="EN4" s="515"/>
      <c r="EO4" s="515"/>
      <c r="EP4" s="515"/>
      <c r="EQ4" s="515"/>
      <c r="ER4" s="515"/>
      <c r="ES4" s="515"/>
      <c r="ET4" s="515"/>
      <c r="EU4" s="515"/>
      <c r="EV4" s="515"/>
      <c r="EW4" s="515"/>
      <c r="EX4" s="515"/>
      <c r="EY4" s="515"/>
      <c r="EZ4" s="515"/>
      <c r="FA4" s="515"/>
      <c r="FB4" s="515"/>
      <c r="FC4" s="515"/>
      <c r="FD4" s="515"/>
      <c r="FE4" s="515"/>
      <c r="FF4" s="515"/>
      <c r="FG4" s="515"/>
      <c r="FH4" s="515"/>
      <c r="FI4" s="515"/>
      <c r="FJ4" s="515"/>
      <c r="FK4" s="515"/>
      <c r="FL4" s="515"/>
      <c r="FM4" s="515"/>
      <c r="FN4" s="515"/>
      <c r="FO4" s="515"/>
      <c r="FP4" s="515"/>
      <c r="FQ4" s="515"/>
      <c r="FR4" s="515"/>
      <c r="FS4" s="515"/>
      <c r="FT4" s="515"/>
      <c r="FU4" s="516"/>
      <c r="FV4" s="500" t="s">
        <v>40</v>
      </c>
      <c r="FW4" s="501"/>
      <c r="FX4" s="501"/>
      <c r="FY4" s="501"/>
      <c r="FZ4" s="501"/>
      <c r="GA4" s="501"/>
      <c r="GB4" s="501"/>
      <c r="GC4" s="501"/>
      <c r="GD4" s="501"/>
      <c r="GE4" s="501"/>
      <c r="GF4" s="502"/>
      <c r="GG4" s="500" t="s">
        <v>41</v>
      </c>
      <c r="GH4" s="501"/>
      <c r="GI4" s="501"/>
      <c r="GJ4" s="501"/>
      <c r="GK4" s="501"/>
      <c r="GL4" s="501"/>
      <c r="GM4" s="501"/>
      <c r="GN4" s="501"/>
      <c r="GO4" s="501"/>
      <c r="GP4" s="501"/>
      <c r="GQ4" s="502"/>
      <c r="GR4" s="514" t="s">
        <v>39</v>
      </c>
      <c r="GS4" s="515"/>
      <c r="GT4" s="515"/>
      <c r="GU4" s="515"/>
      <c r="GV4" s="515"/>
      <c r="GW4" s="515"/>
      <c r="GX4" s="515"/>
      <c r="GY4" s="515"/>
      <c r="GZ4" s="515"/>
      <c r="HA4" s="515"/>
      <c r="HB4" s="515"/>
      <c r="HC4" s="515"/>
      <c r="HD4" s="515"/>
      <c r="HE4" s="515"/>
      <c r="HF4" s="515"/>
      <c r="HG4" s="515"/>
      <c r="HH4" s="515"/>
      <c r="HI4" s="515"/>
      <c r="HJ4" s="515"/>
      <c r="HK4" s="515"/>
      <c r="HL4" s="515"/>
      <c r="HM4" s="515"/>
      <c r="HN4" s="515"/>
      <c r="HO4" s="515"/>
      <c r="HP4" s="515"/>
      <c r="HQ4" s="515"/>
      <c r="HR4" s="515"/>
      <c r="HS4" s="515"/>
      <c r="HT4" s="515"/>
      <c r="HU4" s="515"/>
      <c r="HV4" s="515"/>
      <c r="HW4" s="515"/>
      <c r="HX4" s="515"/>
      <c r="HY4" s="515"/>
      <c r="HZ4" s="515"/>
      <c r="IA4" s="515"/>
      <c r="IB4" s="515"/>
      <c r="IC4" s="515"/>
      <c r="ID4" s="515"/>
      <c r="IE4" s="515"/>
      <c r="IF4" s="515"/>
      <c r="IG4" s="515"/>
      <c r="IH4" s="515"/>
      <c r="II4" s="515"/>
      <c r="IJ4" s="515"/>
      <c r="IK4" s="515"/>
      <c r="IL4" s="515"/>
      <c r="IM4" s="515"/>
      <c r="IN4" s="515"/>
      <c r="IO4" s="515"/>
      <c r="IP4" s="515"/>
      <c r="IQ4" s="515"/>
      <c r="IR4" s="515"/>
      <c r="IS4" s="515"/>
      <c r="IT4" s="515"/>
      <c r="IU4" s="515"/>
      <c r="IV4" s="515"/>
      <c r="IW4" s="515"/>
      <c r="IX4" s="515"/>
      <c r="IY4" s="515"/>
      <c r="IZ4" s="515"/>
      <c r="JA4" s="515"/>
      <c r="JB4" s="515"/>
      <c r="JC4" s="515"/>
      <c r="JD4" s="515"/>
      <c r="JE4" s="515"/>
      <c r="JF4" s="515"/>
      <c r="JG4" s="515"/>
      <c r="JH4" s="515"/>
      <c r="JI4" s="515"/>
      <c r="JJ4" s="515"/>
      <c r="JK4" s="515"/>
      <c r="JL4" s="515"/>
      <c r="JM4" s="515"/>
      <c r="JN4" s="515"/>
      <c r="JO4" s="515"/>
      <c r="JP4" s="516"/>
      <c r="JQ4" s="500" t="s">
        <v>40</v>
      </c>
      <c r="JR4" s="501"/>
      <c r="JS4" s="501"/>
      <c r="JT4" s="501"/>
      <c r="JU4" s="501"/>
      <c r="JV4" s="501"/>
      <c r="JW4" s="501"/>
      <c r="JX4" s="501"/>
      <c r="JY4" s="501"/>
      <c r="JZ4" s="501"/>
      <c r="KA4" s="502"/>
      <c r="KB4" s="500" t="s">
        <v>41</v>
      </c>
      <c r="KC4" s="501"/>
      <c r="KD4" s="501"/>
      <c r="KE4" s="501"/>
      <c r="KF4" s="501"/>
      <c r="KG4" s="501"/>
      <c r="KH4" s="501"/>
      <c r="KI4" s="501"/>
      <c r="KJ4" s="501"/>
      <c r="KK4" s="501"/>
      <c r="KL4" s="502"/>
    </row>
    <row r="5" spans="1:298" ht="27.75" customHeight="1" thickBot="1" x14ac:dyDescent="0.25">
      <c r="A5" s="506"/>
      <c r="B5" s="506"/>
      <c r="C5" s="507"/>
      <c r="D5" s="507"/>
      <c r="E5" s="507"/>
      <c r="F5" s="507"/>
      <c r="G5" s="507"/>
      <c r="H5" s="507"/>
      <c r="I5" s="507"/>
      <c r="J5" s="507"/>
      <c r="K5" s="507"/>
      <c r="L5" s="508"/>
      <c r="M5" s="509" t="s">
        <v>97</v>
      </c>
      <c r="N5" s="510"/>
      <c r="O5" s="510"/>
      <c r="P5" s="510"/>
      <c r="Q5" s="510"/>
      <c r="R5" s="510"/>
      <c r="S5" s="510"/>
      <c r="T5" s="510"/>
      <c r="U5" s="510"/>
      <c r="V5" s="510"/>
      <c r="W5" s="511"/>
      <c r="X5" s="509" t="s">
        <v>98</v>
      </c>
      <c r="Y5" s="510"/>
      <c r="Z5" s="510"/>
      <c r="AA5" s="510"/>
      <c r="AB5" s="510"/>
      <c r="AC5" s="510"/>
      <c r="AD5" s="510"/>
      <c r="AE5" s="510"/>
      <c r="AF5" s="510"/>
      <c r="AG5" s="510"/>
      <c r="AH5" s="511"/>
      <c r="AI5" s="509" t="s">
        <v>99</v>
      </c>
      <c r="AJ5" s="510"/>
      <c r="AK5" s="510"/>
      <c r="AL5" s="510"/>
      <c r="AM5" s="510"/>
      <c r="AN5" s="510"/>
      <c r="AO5" s="510"/>
      <c r="AP5" s="510"/>
      <c r="AQ5" s="510"/>
      <c r="AR5" s="510"/>
      <c r="AS5" s="511"/>
      <c r="AT5" s="509" t="s">
        <v>100</v>
      </c>
      <c r="AU5" s="510"/>
      <c r="AV5" s="510"/>
      <c r="AW5" s="510"/>
      <c r="AX5" s="510"/>
      <c r="AY5" s="510"/>
      <c r="AZ5" s="510"/>
      <c r="BA5" s="510"/>
      <c r="BB5" s="510"/>
      <c r="BC5" s="510"/>
      <c r="BD5" s="511"/>
      <c r="BE5" s="509" t="s">
        <v>101</v>
      </c>
      <c r="BF5" s="510"/>
      <c r="BG5" s="510"/>
      <c r="BH5" s="510"/>
      <c r="BI5" s="510"/>
      <c r="BJ5" s="510"/>
      <c r="BK5" s="510"/>
      <c r="BL5" s="510"/>
      <c r="BM5" s="510"/>
      <c r="BN5" s="510"/>
      <c r="BO5" s="511"/>
      <c r="BP5" s="509" t="s">
        <v>102</v>
      </c>
      <c r="BQ5" s="510"/>
      <c r="BR5" s="510"/>
      <c r="BS5" s="510"/>
      <c r="BT5" s="510"/>
      <c r="BU5" s="510"/>
      <c r="BV5" s="510"/>
      <c r="BW5" s="510"/>
      <c r="BX5" s="510"/>
      <c r="BY5" s="510"/>
      <c r="BZ5" s="511"/>
      <c r="CA5" s="503"/>
      <c r="CB5" s="504"/>
      <c r="CC5" s="504"/>
      <c r="CD5" s="504"/>
      <c r="CE5" s="504"/>
      <c r="CF5" s="504"/>
      <c r="CG5" s="504"/>
      <c r="CH5" s="504"/>
      <c r="CI5" s="504"/>
      <c r="CJ5" s="504"/>
      <c r="CK5" s="505"/>
      <c r="CL5" s="503"/>
      <c r="CM5" s="504"/>
      <c r="CN5" s="504"/>
      <c r="CO5" s="504"/>
      <c r="CP5" s="504"/>
      <c r="CQ5" s="504"/>
      <c r="CR5" s="504"/>
      <c r="CS5" s="504"/>
      <c r="CT5" s="504"/>
      <c r="CU5" s="504"/>
      <c r="CV5" s="505"/>
      <c r="CW5" s="506"/>
      <c r="CX5" s="507"/>
      <c r="CY5" s="507"/>
      <c r="CZ5" s="507"/>
      <c r="DA5" s="507"/>
      <c r="DB5" s="507"/>
      <c r="DC5" s="507"/>
      <c r="DD5" s="507"/>
      <c r="DE5" s="507"/>
      <c r="DF5" s="507"/>
      <c r="DG5" s="508"/>
      <c r="DH5" s="509" t="s">
        <v>97</v>
      </c>
      <c r="DI5" s="510"/>
      <c r="DJ5" s="510"/>
      <c r="DK5" s="510"/>
      <c r="DL5" s="510"/>
      <c r="DM5" s="510"/>
      <c r="DN5" s="510"/>
      <c r="DO5" s="510"/>
      <c r="DP5" s="510"/>
      <c r="DQ5" s="510"/>
      <c r="DR5" s="511"/>
      <c r="DS5" s="509" t="s">
        <v>98</v>
      </c>
      <c r="DT5" s="510"/>
      <c r="DU5" s="510"/>
      <c r="DV5" s="510"/>
      <c r="DW5" s="510"/>
      <c r="DX5" s="510"/>
      <c r="DY5" s="510"/>
      <c r="DZ5" s="510"/>
      <c r="EA5" s="510"/>
      <c r="EB5" s="510"/>
      <c r="EC5" s="511"/>
      <c r="ED5" s="509" t="s">
        <v>99</v>
      </c>
      <c r="EE5" s="510"/>
      <c r="EF5" s="510"/>
      <c r="EG5" s="510"/>
      <c r="EH5" s="510"/>
      <c r="EI5" s="510"/>
      <c r="EJ5" s="510"/>
      <c r="EK5" s="510"/>
      <c r="EL5" s="510"/>
      <c r="EM5" s="510"/>
      <c r="EN5" s="511"/>
      <c r="EO5" s="509" t="s">
        <v>100</v>
      </c>
      <c r="EP5" s="510"/>
      <c r="EQ5" s="510"/>
      <c r="ER5" s="510"/>
      <c r="ES5" s="510"/>
      <c r="ET5" s="510"/>
      <c r="EU5" s="510"/>
      <c r="EV5" s="510"/>
      <c r="EW5" s="510"/>
      <c r="EX5" s="510"/>
      <c r="EY5" s="511"/>
      <c r="EZ5" s="509" t="s">
        <v>101</v>
      </c>
      <c r="FA5" s="510"/>
      <c r="FB5" s="510"/>
      <c r="FC5" s="510"/>
      <c r="FD5" s="510"/>
      <c r="FE5" s="510"/>
      <c r="FF5" s="510"/>
      <c r="FG5" s="510"/>
      <c r="FH5" s="510"/>
      <c r="FI5" s="510"/>
      <c r="FJ5" s="511"/>
      <c r="FK5" s="509" t="s">
        <v>102</v>
      </c>
      <c r="FL5" s="510"/>
      <c r="FM5" s="510"/>
      <c r="FN5" s="510"/>
      <c r="FO5" s="510"/>
      <c r="FP5" s="510"/>
      <c r="FQ5" s="510"/>
      <c r="FR5" s="510"/>
      <c r="FS5" s="510"/>
      <c r="FT5" s="510"/>
      <c r="FU5" s="511"/>
      <c r="FV5" s="503"/>
      <c r="FW5" s="504"/>
      <c r="FX5" s="504"/>
      <c r="FY5" s="504"/>
      <c r="FZ5" s="504"/>
      <c r="GA5" s="504"/>
      <c r="GB5" s="504"/>
      <c r="GC5" s="504"/>
      <c r="GD5" s="504"/>
      <c r="GE5" s="504"/>
      <c r="GF5" s="505"/>
      <c r="GG5" s="503"/>
      <c r="GH5" s="504"/>
      <c r="GI5" s="504"/>
      <c r="GJ5" s="504"/>
      <c r="GK5" s="504"/>
      <c r="GL5" s="504"/>
      <c r="GM5" s="504"/>
      <c r="GN5" s="504"/>
      <c r="GO5" s="504"/>
      <c r="GP5" s="504"/>
      <c r="GQ5" s="505"/>
      <c r="GR5" s="506"/>
      <c r="GS5" s="507"/>
      <c r="GT5" s="507"/>
      <c r="GU5" s="507"/>
      <c r="GV5" s="507"/>
      <c r="GW5" s="507"/>
      <c r="GX5" s="507"/>
      <c r="GY5" s="507"/>
      <c r="GZ5" s="507"/>
      <c r="HA5" s="507"/>
      <c r="HB5" s="508"/>
      <c r="HC5" s="509" t="s">
        <v>97</v>
      </c>
      <c r="HD5" s="510"/>
      <c r="HE5" s="510"/>
      <c r="HF5" s="510"/>
      <c r="HG5" s="510"/>
      <c r="HH5" s="510"/>
      <c r="HI5" s="510"/>
      <c r="HJ5" s="510"/>
      <c r="HK5" s="510"/>
      <c r="HL5" s="510"/>
      <c r="HM5" s="511"/>
      <c r="HN5" s="509" t="s">
        <v>98</v>
      </c>
      <c r="HO5" s="510"/>
      <c r="HP5" s="510"/>
      <c r="HQ5" s="510"/>
      <c r="HR5" s="510"/>
      <c r="HS5" s="510"/>
      <c r="HT5" s="510"/>
      <c r="HU5" s="510"/>
      <c r="HV5" s="510"/>
      <c r="HW5" s="510"/>
      <c r="HX5" s="511"/>
      <c r="HY5" s="509" t="s">
        <v>99</v>
      </c>
      <c r="HZ5" s="510"/>
      <c r="IA5" s="510"/>
      <c r="IB5" s="510"/>
      <c r="IC5" s="510"/>
      <c r="ID5" s="510"/>
      <c r="IE5" s="510"/>
      <c r="IF5" s="510"/>
      <c r="IG5" s="510"/>
      <c r="IH5" s="510"/>
      <c r="II5" s="511"/>
      <c r="IJ5" s="509" t="s">
        <v>100</v>
      </c>
      <c r="IK5" s="510"/>
      <c r="IL5" s="510"/>
      <c r="IM5" s="510"/>
      <c r="IN5" s="510"/>
      <c r="IO5" s="510"/>
      <c r="IP5" s="510"/>
      <c r="IQ5" s="510"/>
      <c r="IR5" s="510"/>
      <c r="IS5" s="510"/>
      <c r="IT5" s="511"/>
      <c r="IU5" s="509" t="s">
        <v>101</v>
      </c>
      <c r="IV5" s="510"/>
      <c r="IW5" s="510"/>
      <c r="IX5" s="510"/>
      <c r="IY5" s="510"/>
      <c r="IZ5" s="510"/>
      <c r="JA5" s="510"/>
      <c r="JB5" s="510"/>
      <c r="JC5" s="510"/>
      <c r="JD5" s="510"/>
      <c r="JE5" s="511"/>
      <c r="JF5" s="509" t="s">
        <v>102</v>
      </c>
      <c r="JG5" s="510"/>
      <c r="JH5" s="510"/>
      <c r="JI5" s="510"/>
      <c r="JJ5" s="510"/>
      <c r="JK5" s="510"/>
      <c r="JL5" s="510"/>
      <c r="JM5" s="510"/>
      <c r="JN5" s="510"/>
      <c r="JO5" s="510"/>
      <c r="JP5" s="511"/>
      <c r="JQ5" s="503"/>
      <c r="JR5" s="504"/>
      <c r="JS5" s="504"/>
      <c r="JT5" s="504"/>
      <c r="JU5" s="504"/>
      <c r="JV5" s="504"/>
      <c r="JW5" s="504"/>
      <c r="JX5" s="504"/>
      <c r="JY5" s="504"/>
      <c r="JZ5" s="504"/>
      <c r="KA5" s="505"/>
      <c r="KB5" s="503"/>
      <c r="KC5" s="504"/>
      <c r="KD5" s="504"/>
      <c r="KE5" s="504"/>
      <c r="KF5" s="504"/>
      <c r="KG5" s="504"/>
      <c r="KH5" s="504"/>
      <c r="KI5" s="504"/>
      <c r="KJ5" s="504"/>
      <c r="KK5" s="504"/>
      <c r="KL5" s="505"/>
    </row>
    <row r="6" spans="1:298" ht="44.25" customHeight="1" thickBot="1" x14ac:dyDescent="0.25">
      <c r="A6" s="352" t="s">
        <v>42</v>
      </c>
      <c r="B6" s="51" t="s">
        <v>43</v>
      </c>
      <c r="C6" s="47" t="s">
        <v>44</v>
      </c>
      <c r="D6" s="48" t="s">
        <v>45</v>
      </c>
      <c r="E6" s="52" t="s">
        <v>46</v>
      </c>
      <c r="F6" s="47" t="s">
        <v>47</v>
      </c>
      <c r="G6" s="47" t="s">
        <v>48</v>
      </c>
      <c r="H6" s="47" t="s">
        <v>49</v>
      </c>
      <c r="I6" s="47" t="s">
        <v>50</v>
      </c>
      <c r="J6" s="47" t="s">
        <v>51</v>
      </c>
      <c r="K6" s="48" t="s">
        <v>45</v>
      </c>
      <c r="L6" s="53" t="s">
        <v>52</v>
      </c>
      <c r="M6" s="400" t="s">
        <v>43</v>
      </c>
      <c r="N6" s="401" t="s">
        <v>44</v>
      </c>
      <c r="O6" s="402" t="s">
        <v>45</v>
      </c>
      <c r="P6" s="403" t="s">
        <v>46</v>
      </c>
      <c r="Q6" s="401" t="s">
        <v>47</v>
      </c>
      <c r="R6" s="401" t="s">
        <v>48</v>
      </c>
      <c r="S6" s="401" t="s">
        <v>49</v>
      </c>
      <c r="T6" s="401" t="s">
        <v>50</v>
      </c>
      <c r="U6" s="401" t="s">
        <v>51</v>
      </c>
      <c r="V6" s="402" t="s">
        <v>45</v>
      </c>
      <c r="W6" s="399" t="s">
        <v>52</v>
      </c>
      <c r="X6" s="400" t="s">
        <v>43</v>
      </c>
      <c r="Y6" s="401" t="s">
        <v>44</v>
      </c>
      <c r="Z6" s="402" t="s">
        <v>45</v>
      </c>
      <c r="AA6" s="403" t="s">
        <v>46</v>
      </c>
      <c r="AB6" s="401" t="s">
        <v>47</v>
      </c>
      <c r="AC6" s="401" t="s">
        <v>48</v>
      </c>
      <c r="AD6" s="401" t="s">
        <v>49</v>
      </c>
      <c r="AE6" s="401" t="s">
        <v>50</v>
      </c>
      <c r="AF6" s="401" t="s">
        <v>51</v>
      </c>
      <c r="AG6" s="402" t="s">
        <v>45</v>
      </c>
      <c r="AH6" s="404" t="s">
        <v>52</v>
      </c>
      <c r="AI6" s="400" t="s">
        <v>43</v>
      </c>
      <c r="AJ6" s="401" t="s">
        <v>44</v>
      </c>
      <c r="AK6" s="402" t="s">
        <v>45</v>
      </c>
      <c r="AL6" s="403" t="s">
        <v>46</v>
      </c>
      <c r="AM6" s="401" t="s">
        <v>47</v>
      </c>
      <c r="AN6" s="401" t="s">
        <v>48</v>
      </c>
      <c r="AO6" s="401" t="s">
        <v>49</v>
      </c>
      <c r="AP6" s="401" t="s">
        <v>50</v>
      </c>
      <c r="AQ6" s="401" t="s">
        <v>51</v>
      </c>
      <c r="AR6" s="402" t="s">
        <v>45</v>
      </c>
      <c r="AS6" s="404" t="s">
        <v>52</v>
      </c>
      <c r="AT6" s="400" t="s">
        <v>43</v>
      </c>
      <c r="AU6" s="401" t="s">
        <v>44</v>
      </c>
      <c r="AV6" s="402" t="s">
        <v>45</v>
      </c>
      <c r="AW6" s="403" t="s">
        <v>46</v>
      </c>
      <c r="AX6" s="401" t="s">
        <v>47</v>
      </c>
      <c r="AY6" s="401" t="s">
        <v>48</v>
      </c>
      <c r="AZ6" s="401" t="s">
        <v>49</v>
      </c>
      <c r="BA6" s="401" t="s">
        <v>50</v>
      </c>
      <c r="BB6" s="401" t="s">
        <v>51</v>
      </c>
      <c r="BC6" s="402" t="s">
        <v>45</v>
      </c>
      <c r="BD6" s="404" t="s">
        <v>52</v>
      </c>
      <c r="BE6" s="400" t="s">
        <v>43</v>
      </c>
      <c r="BF6" s="401" t="s">
        <v>44</v>
      </c>
      <c r="BG6" s="402" t="s">
        <v>45</v>
      </c>
      <c r="BH6" s="403" t="s">
        <v>46</v>
      </c>
      <c r="BI6" s="401" t="s">
        <v>47</v>
      </c>
      <c r="BJ6" s="401" t="s">
        <v>48</v>
      </c>
      <c r="BK6" s="401" t="s">
        <v>49</v>
      </c>
      <c r="BL6" s="401" t="s">
        <v>50</v>
      </c>
      <c r="BM6" s="401" t="s">
        <v>51</v>
      </c>
      <c r="BN6" s="402" t="s">
        <v>45</v>
      </c>
      <c r="BO6" s="404" t="s">
        <v>52</v>
      </c>
      <c r="BP6" s="400" t="s">
        <v>43</v>
      </c>
      <c r="BQ6" s="401" t="s">
        <v>44</v>
      </c>
      <c r="BR6" s="402" t="s">
        <v>45</v>
      </c>
      <c r="BS6" s="403" t="s">
        <v>46</v>
      </c>
      <c r="BT6" s="401" t="s">
        <v>47</v>
      </c>
      <c r="BU6" s="401" t="s">
        <v>48</v>
      </c>
      <c r="BV6" s="401" t="s">
        <v>49</v>
      </c>
      <c r="BW6" s="401" t="s">
        <v>50</v>
      </c>
      <c r="BX6" s="401" t="s">
        <v>51</v>
      </c>
      <c r="BY6" s="402" t="s">
        <v>45</v>
      </c>
      <c r="BZ6" s="404" t="s">
        <v>52</v>
      </c>
      <c r="CA6" s="400" t="s">
        <v>43</v>
      </c>
      <c r="CB6" s="401" t="s">
        <v>44</v>
      </c>
      <c r="CC6" s="402" t="s">
        <v>45</v>
      </c>
      <c r="CD6" s="403" t="s">
        <v>46</v>
      </c>
      <c r="CE6" s="401" t="s">
        <v>47</v>
      </c>
      <c r="CF6" s="401" t="s">
        <v>48</v>
      </c>
      <c r="CG6" s="401" t="s">
        <v>49</v>
      </c>
      <c r="CH6" s="401" t="s">
        <v>50</v>
      </c>
      <c r="CI6" s="401" t="s">
        <v>51</v>
      </c>
      <c r="CJ6" s="402" t="s">
        <v>45</v>
      </c>
      <c r="CK6" s="404" t="s">
        <v>52</v>
      </c>
      <c r="CL6" s="400" t="s">
        <v>43</v>
      </c>
      <c r="CM6" s="401" t="s">
        <v>44</v>
      </c>
      <c r="CN6" s="402" t="s">
        <v>45</v>
      </c>
      <c r="CO6" s="403" t="s">
        <v>46</v>
      </c>
      <c r="CP6" s="401" t="s">
        <v>47</v>
      </c>
      <c r="CQ6" s="401" t="s">
        <v>48</v>
      </c>
      <c r="CR6" s="401" t="s">
        <v>49</v>
      </c>
      <c r="CS6" s="401" t="s">
        <v>50</v>
      </c>
      <c r="CT6" s="401" t="s">
        <v>51</v>
      </c>
      <c r="CU6" s="402" t="s">
        <v>45</v>
      </c>
      <c r="CV6" s="404" t="s">
        <v>52</v>
      </c>
      <c r="CW6" s="51" t="s">
        <v>43</v>
      </c>
      <c r="CX6" s="47" t="s">
        <v>44</v>
      </c>
      <c r="CY6" s="48" t="s">
        <v>45</v>
      </c>
      <c r="CZ6" s="52" t="s">
        <v>46</v>
      </c>
      <c r="DA6" s="47" t="s">
        <v>47</v>
      </c>
      <c r="DB6" s="47" t="s">
        <v>48</v>
      </c>
      <c r="DC6" s="47" t="s">
        <v>49</v>
      </c>
      <c r="DD6" s="47" t="s">
        <v>50</v>
      </c>
      <c r="DE6" s="47" t="s">
        <v>51</v>
      </c>
      <c r="DF6" s="48" t="s">
        <v>45</v>
      </c>
      <c r="DG6" s="53" t="s">
        <v>52</v>
      </c>
      <c r="DH6" s="400" t="s">
        <v>43</v>
      </c>
      <c r="DI6" s="401" t="s">
        <v>44</v>
      </c>
      <c r="DJ6" s="402" t="s">
        <v>45</v>
      </c>
      <c r="DK6" s="403" t="s">
        <v>46</v>
      </c>
      <c r="DL6" s="401" t="s">
        <v>47</v>
      </c>
      <c r="DM6" s="401" t="s">
        <v>48</v>
      </c>
      <c r="DN6" s="401" t="s">
        <v>49</v>
      </c>
      <c r="DO6" s="401" t="s">
        <v>50</v>
      </c>
      <c r="DP6" s="401" t="s">
        <v>51</v>
      </c>
      <c r="DQ6" s="402" t="s">
        <v>45</v>
      </c>
      <c r="DR6" s="404" t="s">
        <v>52</v>
      </c>
      <c r="DS6" s="400" t="s">
        <v>43</v>
      </c>
      <c r="DT6" s="401" t="s">
        <v>44</v>
      </c>
      <c r="DU6" s="402" t="s">
        <v>45</v>
      </c>
      <c r="DV6" s="403" t="s">
        <v>46</v>
      </c>
      <c r="DW6" s="401" t="s">
        <v>47</v>
      </c>
      <c r="DX6" s="401" t="s">
        <v>48</v>
      </c>
      <c r="DY6" s="401" t="s">
        <v>49</v>
      </c>
      <c r="DZ6" s="401" t="s">
        <v>50</v>
      </c>
      <c r="EA6" s="401" t="s">
        <v>51</v>
      </c>
      <c r="EB6" s="402" t="s">
        <v>45</v>
      </c>
      <c r="EC6" s="404" t="s">
        <v>52</v>
      </c>
      <c r="ED6" s="400" t="s">
        <v>43</v>
      </c>
      <c r="EE6" s="401" t="s">
        <v>44</v>
      </c>
      <c r="EF6" s="402" t="s">
        <v>45</v>
      </c>
      <c r="EG6" s="403" t="s">
        <v>46</v>
      </c>
      <c r="EH6" s="401" t="s">
        <v>47</v>
      </c>
      <c r="EI6" s="401" t="s">
        <v>48</v>
      </c>
      <c r="EJ6" s="401" t="s">
        <v>49</v>
      </c>
      <c r="EK6" s="401" t="s">
        <v>50</v>
      </c>
      <c r="EL6" s="401" t="s">
        <v>51</v>
      </c>
      <c r="EM6" s="402" t="s">
        <v>45</v>
      </c>
      <c r="EN6" s="404" t="s">
        <v>52</v>
      </c>
      <c r="EO6" s="400" t="s">
        <v>43</v>
      </c>
      <c r="EP6" s="401" t="s">
        <v>44</v>
      </c>
      <c r="EQ6" s="402" t="s">
        <v>45</v>
      </c>
      <c r="ER6" s="403" t="s">
        <v>46</v>
      </c>
      <c r="ES6" s="401" t="s">
        <v>47</v>
      </c>
      <c r="ET6" s="401" t="s">
        <v>48</v>
      </c>
      <c r="EU6" s="401" t="s">
        <v>49</v>
      </c>
      <c r="EV6" s="401" t="s">
        <v>50</v>
      </c>
      <c r="EW6" s="401" t="s">
        <v>51</v>
      </c>
      <c r="EX6" s="402" t="s">
        <v>45</v>
      </c>
      <c r="EY6" s="404" t="s">
        <v>52</v>
      </c>
      <c r="EZ6" s="400" t="s">
        <v>43</v>
      </c>
      <c r="FA6" s="401" t="s">
        <v>44</v>
      </c>
      <c r="FB6" s="402" t="s">
        <v>45</v>
      </c>
      <c r="FC6" s="403" t="s">
        <v>46</v>
      </c>
      <c r="FD6" s="401" t="s">
        <v>47</v>
      </c>
      <c r="FE6" s="401" t="s">
        <v>48</v>
      </c>
      <c r="FF6" s="401" t="s">
        <v>49</v>
      </c>
      <c r="FG6" s="401" t="s">
        <v>50</v>
      </c>
      <c r="FH6" s="401" t="s">
        <v>51</v>
      </c>
      <c r="FI6" s="402" t="s">
        <v>45</v>
      </c>
      <c r="FJ6" s="404" t="s">
        <v>52</v>
      </c>
      <c r="FK6" s="400" t="s">
        <v>43</v>
      </c>
      <c r="FL6" s="401" t="s">
        <v>44</v>
      </c>
      <c r="FM6" s="402" t="s">
        <v>45</v>
      </c>
      <c r="FN6" s="403" t="s">
        <v>46</v>
      </c>
      <c r="FO6" s="401" t="s">
        <v>47</v>
      </c>
      <c r="FP6" s="401" t="s">
        <v>48</v>
      </c>
      <c r="FQ6" s="401" t="s">
        <v>49</v>
      </c>
      <c r="FR6" s="401" t="s">
        <v>50</v>
      </c>
      <c r="FS6" s="401" t="s">
        <v>51</v>
      </c>
      <c r="FT6" s="402" t="s">
        <v>45</v>
      </c>
      <c r="FU6" s="404" t="s">
        <v>52</v>
      </c>
      <c r="FV6" s="400" t="s">
        <v>43</v>
      </c>
      <c r="FW6" s="401" t="s">
        <v>44</v>
      </c>
      <c r="FX6" s="402" t="s">
        <v>45</v>
      </c>
      <c r="FY6" s="403" t="s">
        <v>46</v>
      </c>
      <c r="FZ6" s="401" t="s">
        <v>47</v>
      </c>
      <c r="GA6" s="401" t="s">
        <v>48</v>
      </c>
      <c r="GB6" s="401" t="s">
        <v>49</v>
      </c>
      <c r="GC6" s="401" t="s">
        <v>50</v>
      </c>
      <c r="GD6" s="401" t="s">
        <v>51</v>
      </c>
      <c r="GE6" s="402" t="s">
        <v>45</v>
      </c>
      <c r="GF6" s="404" t="s">
        <v>52</v>
      </c>
      <c r="GG6" s="400" t="s">
        <v>43</v>
      </c>
      <c r="GH6" s="401" t="s">
        <v>44</v>
      </c>
      <c r="GI6" s="402" t="s">
        <v>45</v>
      </c>
      <c r="GJ6" s="403" t="s">
        <v>46</v>
      </c>
      <c r="GK6" s="401" t="s">
        <v>47</v>
      </c>
      <c r="GL6" s="401" t="s">
        <v>48</v>
      </c>
      <c r="GM6" s="401" t="s">
        <v>49</v>
      </c>
      <c r="GN6" s="401" t="s">
        <v>50</v>
      </c>
      <c r="GO6" s="401" t="s">
        <v>51</v>
      </c>
      <c r="GP6" s="402" t="s">
        <v>45</v>
      </c>
      <c r="GQ6" s="404" t="s">
        <v>52</v>
      </c>
      <c r="GR6" s="51" t="s">
        <v>43</v>
      </c>
      <c r="GS6" s="47" t="s">
        <v>44</v>
      </c>
      <c r="GT6" s="48" t="s">
        <v>45</v>
      </c>
      <c r="GU6" s="52" t="s">
        <v>46</v>
      </c>
      <c r="GV6" s="47" t="s">
        <v>47</v>
      </c>
      <c r="GW6" s="47" t="s">
        <v>48</v>
      </c>
      <c r="GX6" s="47" t="s">
        <v>49</v>
      </c>
      <c r="GY6" s="47" t="s">
        <v>50</v>
      </c>
      <c r="GZ6" s="47" t="s">
        <v>51</v>
      </c>
      <c r="HA6" s="48" t="s">
        <v>45</v>
      </c>
      <c r="HB6" s="53" t="s">
        <v>52</v>
      </c>
      <c r="HC6" s="400" t="s">
        <v>43</v>
      </c>
      <c r="HD6" s="401" t="s">
        <v>44</v>
      </c>
      <c r="HE6" s="402" t="s">
        <v>45</v>
      </c>
      <c r="HF6" s="403" t="s">
        <v>46</v>
      </c>
      <c r="HG6" s="401" t="s">
        <v>47</v>
      </c>
      <c r="HH6" s="401" t="s">
        <v>48</v>
      </c>
      <c r="HI6" s="401" t="s">
        <v>49</v>
      </c>
      <c r="HJ6" s="401" t="s">
        <v>50</v>
      </c>
      <c r="HK6" s="401" t="s">
        <v>51</v>
      </c>
      <c r="HL6" s="402" t="s">
        <v>45</v>
      </c>
      <c r="HM6" s="404" t="s">
        <v>52</v>
      </c>
      <c r="HN6" s="400" t="s">
        <v>43</v>
      </c>
      <c r="HO6" s="401" t="s">
        <v>44</v>
      </c>
      <c r="HP6" s="402" t="s">
        <v>45</v>
      </c>
      <c r="HQ6" s="403" t="s">
        <v>46</v>
      </c>
      <c r="HR6" s="401" t="s">
        <v>47</v>
      </c>
      <c r="HS6" s="401" t="s">
        <v>48</v>
      </c>
      <c r="HT6" s="401" t="s">
        <v>49</v>
      </c>
      <c r="HU6" s="401" t="s">
        <v>50</v>
      </c>
      <c r="HV6" s="401" t="s">
        <v>51</v>
      </c>
      <c r="HW6" s="402" t="s">
        <v>45</v>
      </c>
      <c r="HX6" s="404" t="s">
        <v>52</v>
      </c>
      <c r="HY6" s="400" t="s">
        <v>43</v>
      </c>
      <c r="HZ6" s="401" t="s">
        <v>44</v>
      </c>
      <c r="IA6" s="402" t="s">
        <v>45</v>
      </c>
      <c r="IB6" s="403" t="s">
        <v>46</v>
      </c>
      <c r="IC6" s="401" t="s">
        <v>47</v>
      </c>
      <c r="ID6" s="401" t="s">
        <v>48</v>
      </c>
      <c r="IE6" s="401" t="s">
        <v>49</v>
      </c>
      <c r="IF6" s="401" t="s">
        <v>50</v>
      </c>
      <c r="IG6" s="401" t="s">
        <v>51</v>
      </c>
      <c r="IH6" s="402" t="s">
        <v>45</v>
      </c>
      <c r="II6" s="404" t="s">
        <v>52</v>
      </c>
      <c r="IJ6" s="400" t="s">
        <v>43</v>
      </c>
      <c r="IK6" s="401" t="s">
        <v>44</v>
      </c>
      <c r="IL6" s="402" t="s">
        <v>45</v>
      </c>
      <c r="IM6" s="403" t="s">
        <v>46</v>
      </c>
      <c r="IN6" s="401" t="s">
        <v>47</v>
      </c>
      <c r="IO6" s="401" t="s">
        <v>48</v>
      </c>
      <c r="IP6" s="401" t="s">
        <v>49</v>
      </c>
      <c r="IQ6" s="401" t="s">
        <v>50</v>
      </c>
      <c r="IR6" s="401" t="s">
        <v>51</v>
      </c>
      <c r="IS6" s="402" t="s">
        <v>45</v>
      </c>
      <c r="IT6" s="404" t="s">
        <v>52</v>
      </c>
      <c r="IU6" s="400" t="s">
        <v>43</v>
      </c>
      <c r="IV6" s="401" t="s">
        <v>44</v>
      </c>
      <c r="IW6" s="402" t="s">
        <v>45</v>
      </c>
      <c r="IX6" s="403" t="s">
        <v>46</v>
      </c>
      <c r="IY6" s="401" t="s">
        <v>47</v>
      </c>
      <c r="IZ6" s="401" t="s">
        <v>48</v>
      </c>
      <c r="JA6" s="401" t="s">
        <v>49</v>
      </c>
      <c r="JB6" s="401" t="s">
        <v>50</v>
      </c>
      <c r="JC6" s="401" t="s">
        <v>51</v>
      </c>
      <c r="JD6" s="402" t="s">
        <v>45</v>
      </c>
      <c r="JE6" s="404" t="s">
        <v>52</v>
      </c>
      <c r="JF6" s="400" t="s">
        <v>43</v>
      </c>
      <c r="JG6" s="401" t="s">
        <v>44</v>
      </c>
      <c r="JH6" s="402" t="s">
        <v>45</v>
      </c>
      <c r="JI6" s="403" t="s">
        <v>46</v>
      </c>
      <c r="JJ6" s="401" t="s">
        <v>47</v>
      </c>
      <c r="JK6" s="401" t="s">
        <v>48</v>
      </c>
      <c r="JL6" s="401" t="s">
        <v>49</v>
      </c>
      <c r="JM6" s="401" t="s">
        <v>50</v>
      </c>
      <c r="JN6" s="401" t="s">
        <v>51</v>
      </c>
      <c r="JO6" s="402" t="s">
        <v>45</v>
      </c>
      <c r="JP6" s="404" t="s">
        <v>52</v>
      </c>
      <c r="JQ6" s="400" t="s">
        <v>43</v>
      </c>
      <c r="JR6" s="401" t="s">
        <v>44</v>
      </c>
      <c r="JS6" s="402" t="s">
        <v>45</v>
      </c>
      <c r="JT6" s="403" t="s">
        <v>46</v>
      </c>
      <c r="JU6" s="401" t="s">
        <v>47</v>
      </c>
      <c r="JV6" s="401" t="s">
        <v>48</v>
      </c>
      <c r="JW6" s="401" t="s">
        <v>49</v>
      </c>
      <c r="JX6" s="401" t="s">
        <v>50</v>
      </c>
      <c r="JY6" s="401" t="s">
        <v>51</v>
      </c>
      <c r="JZ6" s="402" t="s">
        <v>45</v>
      </c>
      <c r="KA6" s="404" t="s">
        <v>52</v>
      </c>
      <c r="KB6" s="400" t="s">
        <v>43</v>
      </c>
      <c r="KC6" s="401" t="s">
        <v>44</v>
      </c>
      <c r="KD6" s="402" t="s">
        <v>45</v>
      </c>
      <c r="KE6" s="403" t="s">
        <v>46</v>
      </c>
      <c r="KF6" s="401" t="s">
        <v>47</v>
      </c>
      <c r="KG6" s="401" t="s">
        <v>48</v>
      </c>
      <c r="KH6" s="401" t="s">
        <v>49</v>
      </c>
      <c r="KI6" s="401" t="s">
        <v>50</v>
      </c>
      <c r="KJ6" s="401" t="s">
        <v>51</v>
      </c>
      <c r="KK6" s="402" t="s">
        <v>45</v>
      </c>
      <c r="KL6" s="404" t="s">
        <v>52</v>
      </c>
    </row>
    <row r="7" spans="1:298" ht="19.5" customHeight="1" x14ac:dyDescent="0.2">
      <c r="A7" s="128" t="s">
        <v>4</v>
      </c>
      <c r="B7" s="349">
        <v>19487</v>
      </c>
      <c r="C7" s="78">
        <v>19519</v>
      </c>
      <c r="D7" s="79">
        <v>39006</v>
      </c>
      <c r="E7" s="272"/>
      <c r="F7" s="78">
        <v>29594</v>
      </c>
      <c r="G7" s="78">
        <v>28823</v>
      </c>
      <c r="H7" s="78">
        <v>19995</v>
      </c>
      <c r="I7" s="78">
        <v>16556</v>
      </c>
      <c r="J7" s="78">
        <v>10203</v>
      </c>
      <c r="K7" s="80">
        <v>105171</v>
      </c>
      <c r="L7" s="81">
        <v>144177</v>
      </c>
      <c r="M7" s="66">
        <v>830</v>
      </c>
      <c r="N7" s="67">
        <v>1077</v>
      </c>
      <c r="O7" s="68">
        <v>1907</v>
      </c>
      <c r="P7" s="275"/>
      <c r="Q7" s="67">
        <v>1389</v>
      </c>
      <c r="R7" s="67">
        <v>1641</v>
      </c>
      <c r="S7" s="67">
        <v>1049</v>
      </c>
      <c r="T7" s="67">
        <v>937</v>
      </c>
      <c r="U7" s="67">
        <v>763</v>
      </c>
      <c r="V7" s="68">
        <v>5779</v>
      </c>
      <c r="W7" s="69">
        <v>7686</v>
      </c>
      <c r="X7" s="66">
        <v>2078</v>
      </c>
      <c r="Y7" s="67">
        <v>2375</v>
      </c>
      <c r="Z7" s="68">
        <v>4453</v>
      </c>
      <c r="AA7" s="275">
        <v>0</v>
      </c>
      <c r="AB7" s="67">
        <v>3173</v>
      </c>
      <c r="AC7" s="67">
        <v>3630</v>
      </c>
      <c r="AD7" s="67">
        <v>2559</v>
      </c>
      <c r="AE7" s="67">
        <v>2108</v>
      </c>
      <c r="AF7" s="67">
        <v>1554</v>
      </c>
      <c r="AG7" s="68">
        <v>13024</v>
      </c>
      <c r="AH7" s="69">
        <v>17477</v>
      </c>
      <c r="AI7" s="66">
        <v>3001</v>
      </c>
      <c r="AJ7" s="67">
        <v>3202</v>
      </c>
      <c r="AK7" s="68">
        <v>6203</v>
      </c>
      <c r="AL7" s="275"/>
      <c r="AM7" s="67">
        <v>4722</v>
      </c>
      <c r="AN7" s="67">
        <v>4683</v>
      </c>
      <c r="AO7" s="67">
        <v>3194</v>
      </c>
      <c r="AP7" s="67">
        <v>2692</v>
      </c>
      <c r="AQ7" s="67">
        <v>1805</v>
      </c>
      <c r="AR7" s="68">
        <v>17096</v>
      </c>
      <c r="AS7" s="69">
        <v>23299</v>
      </c>
      <c r="AT7" s="66">
        <v>5022</v>
      </c>
      <c r="AU7" s="67">
        <v>4743</v>
      </c>
      <c r="AV7" s="68">
        <v>9765</v>
      </c>
      <c r="AW7" s="275"/>
      <c r="AX7" s="67">
        <v>7338</v>
      </c>
      <c r="AY7" s="67">
        <v>6640</v>
      </c>
      <c r="AZ7" s="67">
        <v>4621</v>
      </c>
      <c r="BA7" s="67">
        <v>3723</v>
      </c>
      <c r="BB7" s="67">
        <v>2369</v>
      </c>
      <c r="BC7" s="68">
        <v>24691</v>
      </c>
      <c r="BD7" s="69">
        <v>34456</v>
      </c>
      <c r="BE7" s="66">
        <v>5472</v>
      </c>
      <c r="BF7" s="67">
        <v>4983</v>
      </c>
      <c r="BG7" s="68">
        <v>10455</v>
      </c>
      <c r="BH7" s="275"/>
      <c r="BI7" s="67">
        <v>7791</v>
      </c>
      <c r="BJ7" s="67">
        <v>6966</v>
      </c>
      <c r="BK7" s="67">
        <v>4814</v>
      </c>
      <c r="BL7" s="67">
        <v>3885</v>
      </c>
      <c r="BM7" s="67">
        <v>2110</v>
      </c>
      <c r="BN7" s="68">
        <v>25566</v>
      </c>
      <c r="BO7" s="69">
        <v>36021</v>
      </c>
      <c r="BP7" s="66">
        <v>3084</v>
      </c>
      <c r="BQ7" s="67">
        <v>3139</v>
      </c>
      <c r="BR7" s="68">
        <v>6223</v>
      </c>
      <c r="BS7" s="275"/>
      <c r="BT7" s="67">
        <v>5181</v>
      </c>
      <c r="BU7" s="67">
        <v>5263</v>
      </c>
      <c r="BV7" s="67">
        <v>3758</v>
      </c>
      <c r="BW7" s="67">
        <v>3211</v>
      </c>
      <c r="BX7" s="67">
        <v>1602</v>
      </c>
      <c r="BY7" s="68">
        <v>19015</v>
      </c>
      <c r="BZ7" s="69">
        <v>25238</v>
      </c>
      <c r="CA7" s="66">
        <v>451</v>
      </c>
      <c r="CB7" s="67">
        <v>762</v>
      </c>
      <c r="CC7" s="68">
        <v>1213</v>
      </c>
      <c r="CD7" s="275"/>
      <c r="CE7" s="67">
        <v>833</v>
      </c>
      <c r="CF7" s="67">
        <v>1326</v>
      </c>
      <c r="CG7" s="67">
        <v>843</v>
      </c>
      <c r="CH7" s="67">
        <v>740</v>
      </c>
      <c r="CI7" s="67">
        <v>722</v>
      </c>
      <c r="CJ7" s="68">
        <v>4464</v>
      </c>
      <c r="CK7" s="69">
        <v>5677</v>
      </c>
      <c r="CL7" s="66">
        <v>19938</v>
      </c>
      <c r="CM7" s="67">
        <v>20281</v>
      </c>
      <c r="CN7" s="68">
        <v>40219</v>
      </c>
      <c r="CO7" s="275"/>
      <c r="CP7" s="67">
        <v>30427</v>
      </c>
      <c r="CQ7" s="67">
        <v>30149</v>
      </c>
      <c r="CR7" s="67">
        <v>20838</v>
      </c>
      <c r="CS7" s="67">
        <v>17296</v>
      </c>
      <c r="CT7" s="67">
        <v>10925</v>
      </c>
      <c r="CU7" s="68">
        <v>109635</v>
      </c>
      <c r="CV7" s="69">
        <v>149854</v>
      </c>
      <c r="CW7" s="125">
        <v>37092</v>
      </c>
      <c r="CX7" s="78">
        <v>42937</v>
      </c>
      <c r="CY7" s="79">
        <v>80029</v>
      </c>
      <c r="CZ7" s="272"/>
      <c r="DA7" s="78">
        <v>54337</v>
      </c>
      <c r="DB7" s="78">
        <v>51148</v>
      </c>
      <c r="DC7" s="78">
        <v>37711</v>
      </c>
      <c r="DD7" s="78">
        <v>37049</v>
      </c>
      <c r="DE7" s="78">
        <v>24954</v>
      </c>
      <c r="DF7" s="80">
        <v>205199</v>
      </c>
      <c r="DG7" s="81">
        <v>285228</v>
      </c>
      <c r="DH7" s="66">
        <v>885</v>
      </c>
      <c r="DI7" s="67">
        <v>1063</v>
      </c>
      <c r="DJ7" s="68">
        <v>1948</v>
      </c>
      <c r="DK7" s="275"/>
      <c r="DL7" s="67">
        <v>1080</v>
      </c>
      <c r="DM7" s="67">
        <v>1145</v>
      </c>
      <c r="DN7" s="67">
        <v>760</v>
      </c>
      <c r="DO7" s="67">
        <v>696</v>
      </c>
      <c r="DP7" s="67">
        <v>616</v>
      </c>
      <c r="DQ7" s="68">
        <v>4297</v>
      </c>
      <c r="DR7" s="69">
        <v>6245</v>
      </c>
      <c r="DS7" s="66">
        <v>2840</v>
      </c>
      <c r="DT7" s="67">
        <v>3371</v>
      </c>
      <c r="DU7" s="68">
        <v>6211</v>
      </c>
      <c r="DV7" s="275"/>
      <c r="DW7" s="67">
        <v>3238</v>
      </c>
      <c r="DX7" s="67">
        <v>3184</v>
      </c>
      <c r="DY7" s="67">
        <v>1947</v>
      </c>
      <c r="DZ7" s="67">
        <v>1849</v>
      </c>
      <c r="EA7" s="67">
        <v>1582</v>
      </c>
      <c r="EB7" s="68">
        <v>11800</v>
      </c>
      <c r="EC7" s="69">
        <v>18011</v>
      </c>
      <c r="ED7" s="66">
        <v>5987</v>
      </c>
      <c r="EE7" s="67">
        <v>6317</v>
      </c>
      <c r="EF7" s="68">
        <v>12304</v>
      </c>
      <c r="EG7" s="275"/>
      <c r="EH7" s="67">
        <v>6725</v>
      </c>
      <c r="EI7" s="67">
        <v>5487</v>
      </c>
      <c r="EJ7" s="67">
        <v>3549</v>
      </c>
      <c r="EK7" s="67">
        <v>3242</v>
      </c>
      <c r="EL7" s="67">
        <v>2562</v>
      </c>
      <c r="EM7" s="68">
        <v>21565</v>
      </c>
      <c r="EN7" s="69">
        <v>33869</v>
      </c>
      <c r="EO7" s="66">
        <v>10917</v>
      </c>
      <c r="EP7" s="67">
        <v>11262</v>
      </c>
      <c r="EQ7" s="68">
        <v>22179</v>
      </c>
      <c r="ER7" s="275"/>
      <c r="ES7" s="67">
        <v>13033</v>
      </c>
      <c r="ET7" s="67">
        <v>10628</v>
      </c>
      <c r="EU7" s="67">
        <v>6800</v>
      </c>
      <c r="EV7" s="67">
        <v>6342</v>
      </c>
      <c r="EW7" s="67">
        <v>4388</v>
      </c>
      <c r="EX7" s="68">
        <v>41191</v>
      </c>
      <c r="EY7" s="69">
        <v>63370</v>
      </c>
      <c r="EZ7" s="66">
        <v>10919</v>
      </c>
      <c r="FA7" s="67">
        <v>12793</v>
      </c>
      <c r="FB7" s="68">
        <v>23712</v>
      </c>
      <c r="FC7" s="275"/>
      <c r="FD7" s="67">
        <v>16621</v>
      </c>
      <c r="FE7" s="67">
        <v>14640</v>
      </c>
      <c r="FF7" s="67">
        <v>10347</v>
      </c>
      <c r="FG7" s="67">
        <v>9744</v>
      </c>
      <c r="FH7" s="67">
        <v>6403</v>
      </c>
      <c r="FI7" s="68">
        <v>57755</v>
      </c>
      <c r="FJ7" s="69">
        <v>81467</v>
      </c>
      <c r="FK7" s="66">
        <v>5544</v>
      </c>
      <c r="FL7" s="67">
        <v>8131</v>
      </c>
      <c r="FM7" s="68">
        <v>13675</v>
      </c>
      <c r="FN7" s="275"/>
      <c r="FO7" s="67">
        <v>13640</v>
      </c>
      <c r="FP7" s="67">
        <v>16064</v>
      </c>
      <c r="FQ7" s="67">
        <v>14308</v>
      </c>
      <c r="FR7" s="67">
        <v>15176</v>
      </c>
      <c r="FS7" s="67">
        <v>9403</v>
      </c>
      <c r="FT7" s="68">
        <v>68591</v>
      </c>
      <c r="FU7" s="69">
        <v>82266</v>
      </c>
      <c r="FV7" s="66">
        <v>392</v>
      </c>
      <c r="FW7" s="67">
        <v>685</v>
      </c>
      <c r="FX7" s="68">
        <v>1077</v>
      </c>
      <c r="FY7" s="275"/>
      <c r="FZ7" s="67">
        <v>631</v>
      </c>
      <c r="GA7" s="67">
        <v>1005</v>
      </c>
      <c r="GB7" s="67">
        <v>612</v>
      </c>
      <c r="GC7" s="67">
        <v>587</v>
      </c>
      <c r="GD7" s="67">
        <v>591</v>
      </c>
      <c r="GE7" s="68">
        <v>3426</v>
      </c>
      <c r="GF7" s="69">
        <v>4503</v>
      </c>
      <c r="GG7" s="66">
        <v>37484</v>
      </c>
      <c r="GH7" s="67">
        <v>43622</v>
      </c>
      <c r="GI7" s="68">
        <v>81106</v>
      </c>
      <c r="GJ7" s="275"/>
      <c r="GK7" s="67">
        <v>54968</v>
      </c>
      <c r="GL7" s="67">
        <v>52153</v>
      </c>
      <c r="GM7" s="67">
        <v>38323</v>
      </c>
      <c r="GN7" s="67">
        <v>37636</v>
      </c>
      <c r="GO7" s="67">
        <v>25545</v>
      </c>
      <c r="GP7" s="68">
        <v>208625</v>
      </c>
      <c r="GQ7" s="69">
        <v>289731</v>
      </c>
      <c r="GR7" s="125">
        <v>56579</v>
      </c>
      <c r="GS7" s="78">
        <v>62456</v>
      </c>
      <c r="GT7" s="79">
        <v>119035</v>
      </c>
      <c r="GU7" s="272"/>
      <c r="GV7" s="78">
        <v>83931</v>
      </c>
      <c r="GW7" s="78">
        <v>79971</v>
      </c>
      <c r="GX7" s="78">
        <v>57706</v>
      </c>
      <c r="GY7" s="78">
        <v>53605</v>
      </c>
      <c r="GZ7" s="78">
        <v>35157</v>
      </c>
      <c r="HA7" s="80">
        <v>310370</v>
      </c>
      <c r="HB7" s="81">
        <v>429405</v>
      </c>
      <c r="HC7" s="66">
        <v>1715</v>
      </c>
      <c r="HD7" s="67">
        <v>2140</v>
      </c>
      <c r="HE7" s="68">
        <v>3855</v>
      </c>
      <c r="HF7" s="275"/>
      <c r="HG7" s="67">
        <v>2469</v>
      </c>
      <c r="HH7" s="67">
        <v>2786</v>
      </c>
      <c r="HI7" s="67">
        <v>1809</v>
      </c>
      <c r="HJ7" s="67">
        <v>1633</v>
      </c>
      <c r="HK7" s="67">
        <v>1379</v>
      </c>
      <c r="HL7" s="68">
        <v>10076</v>
      </c>
      <c r="HM7" s="69">
        <v>13931</v>
      </c>
      <c r="HN7" s="66">
        <v>4918</v>
      </c>
      <c r="HO7" s="67">
        <v>5746</v>
      </c>
      <c r="HP7" s="68">
        <v>10664</v>
      </c>
      <c r="HQ7" s="275"/>
      <c r="HR7" s="67">
        <v>6411</v>
      </c>
      <c r="HS7" s="67">
        <v>6814</v>
      </c>
      <c r="HT7" s="67">
        <v>4506</v>
      </c>
      <c r="HU7" s="67">
        <v>3957</v>
      </c>
      <c r="HV7" s="67">
        <v>3136</v>
      </c>
      <c r="HW7" s="68">
        <v>24824</v>
      </c>
      <c r="HX7" s="69">
        <v>35488</v>
      </c>
      <c r="HY7" s="66">
        <v>8988</v>
      </c>
      <c r="HZ7" s="67">
        <v>9519</v>
      </c>
      <c r="IA7" s="68">
        <v>18507</v>
      </c>
      <c r="IB7" s="275"/>
      <c r="IC7" s="67">
        <v>11447</v>
      </c>
      <c r="ID7" s="67">
        <v>10170</v>
      </c>
      <c r="IE7" s="67">
        <v>6743</v>
      </c>
      <c r="IF7" s="67">
        <v>5934</v>
      </c>
      <c r="IG7" s="67">
        <v>4367</v>
      </c>
      <c r="IH7" s="68">
        <v>38661</v>
      </c>
      <c r="II7" s="69">
        <v>57168</v>
      </c>
      <c r="IJ7" s="66">
        <v>15939</v>
      </c>
      <c r="IK7" s="67">
        <v>16005</v>
      </c>
      <c r="IL7" s="68">
        <v>31944</v>
      </c>
      <c r="IM7" s="275"/>
      <c r="IN7" s="67">
        <v>20371</v>
      </c>
      <c r="IO7" s="67">
        <v>17268</v>
      </c>
      <c r="IP7" s="67">
        <v>11421</v>
      </c>
      <c r="IQ7" s="67">
        <v>10065</v>
      </c>
      <c r="IR7" s="67">
        <v>6757</v>
      </c>
      <c r="IS7" s="68">
        <v>65882</v>
      </c>
      <c r="IT7" s="69">
        <v>97826</v>
      </c>
      <c r="IU7" s="66">
        <v>16391</v>
      </c>
      <c r="IV7" s="67">
        <v>17776</v>
      </c>
      <c r="IW7" s="68">
        <v>34167</v>
      </c>
      <c r="IX7" s="275"/>
      <c r="IY7" s="67">
        <v>24412</v>
      </c>
      <c r="IZ7" s="67">
        <v>21606</v>
      </c>
      <c r="JA7" s="67">
        <v>15161</v>
      </c>
      <c r="JB7" s="67">
        <v>13629</v>
      </c>
      <c r="JC7" s="67">
        <v>8513</v>
      </c>
      <c r="JD7" s="68">
        <v>83321</v>
      </c>
      <c r="JE7" s="69">
        <v>117488</v>
      </c>
      <c r="JF7" s="66">
        <v>8628</v>
      </c>
      <c r="JG7" s="67">
        <v>11270</v>
      </c>
      <c r="JH7" s="68">
        <v>19898</v>
      </c>
      <c r="JI7" s="275"/>
      <c r="JJ7" s="67">
        <v>18821</v>
      </c>
      <c r="JK7" s="67">
        <v>21327</v>
      </c>
      <c r="JL7" s="67">
        <v>18066</v>
      </c>
      <c r="JM7" s="67">
        <v>18387</v>
      </c>
      <c r="JN7" s="67">
        <v>11005</v>
      </c>
      <c r="JO7" s="68">
        <v>87606</v>
      </c>
      <c r="JP7" s="69">
        <v>107504</v>
      </c>
      <c r="JQ7" s="66">
        <v>843</v>
      </c>
      <c r="JR7" s="67">
        <v>1447</v>
      </c>
      <c r="JS7" s="68">
        <v>2290</v>
      </c>
      <c r="JT7" s="275"/>
      <c r="JU7" s="67">
        <v>1464</v>
      </c>
      <c r="JV7" s="67">
        <v>2331</v>
      </c>
      <c r="JW7" s="67">
        <v>1455</v>
      </c>
      <c r="JX7" s="67">
        <v>1327</v>
      </c>
      <c r="JY7" s="67">
        <v>1313</v>
      </c>
      <c r="JZ7" s="68">
        <v>7890</v>
      </c>
      <c r="KA7" s="69">
        <v>10180</v>
      </c>
      <c r="KB7" s="66">
        <v>57422</v>
      </c>
      <c r="KC7" s="67">
        <v>63903</v>
      </c>
      <c r="KD7" s="68">
        <v>121325</v>
      </c>
      <c r="KE7" s="275"/>
      <c r="KF7" s="67">
        <v>85395</v>
      </c>
      <c r="KG7" s="67">
        <v>82302</v>
      </c>
      <c r="KH7" s="67">
        <v>59161</v>
      </c>
      <c r="KI7" s="67">
        <v>54932</v>
      </c>
      <c r="KJ7" s="67">
        <v>36470</v>
      </c>
      <c r="KK7" s="68">
        <v>318260</v>
      </c>
      <c r="KL7" s="69">
        <v>439585</v>
      </c>
    </row>
    <row r="8" spans="1:298" ht="19.5" customHeight="1" x14ac:dyDescent="0.2">
      <c r="A8" s="129" t="s">
        <v>5</v>
      </c>
      <c r="B8" s="350">
        <v>7945</v>
      </c>
      <c r="C8" s="82">
        <v>9173</v>
      </c>
      <c r="D8" s="83">
        <v>17118</v>
      </c>
      <c r="E8" s="273"/>
      <c r="F8" s="82">
        <v>9798</v>
      </c>
      <c r="G8" s="82">
        <v>12867</v>
      </c>
      <c r="H8" s="82">
        <v>8267</v>
      </c>
      <c r="I8" s="82">
        <v>6800</v>
      </c>
      <c r="J8" s="82">
        <v>4294</v>
      </c>
      <c r="K8" s="84">
        <v>42026</v>
      </c>
      <c r="L8" s="85">
        <v>59144</v>
      </c>
      <c r="M8" s="70">
        <v>309</v>
      </c>
      <c r="N8" s="71">
        <v>511</v>
      </c>
      <c r="O8" s="72">
        <v>820</v>
      </c>
      <c r="P8" s="276"/>
      <c r="Q8" s="71">
        <v>418</v>
      </c>
      <c r="R8" s="71">
        <v>753</v>
      </c>
      <c r="S8" s="71">
        <v>395</v>
      </c>
      <c r="T8" s="71">
        <v>386</v>
      </c>
      <c r="U8" s="71">
        <v>305</v>
      </c>
      <c r="V8" s="72">
        <v>2257</v>
      </c>
      <c r="W8" s="73">
        <v>3077</v>
      </c>
      <c r="X8" s="70">
        <v>791</v>
      </c>
      <c r="Y8" s="71">
        <v>1078</v>
      </c>
      <c r="Z8" s="72">
        <v>1869</v>
      </c>
      <c r="AA8" s="276">
        <v>0</v>
      </c>
      <c r="AB8" s="71">
        <v>1003</v>
      </c>
      <c r="AC8" s="71">
        <v>1583</v>
      </c>
      <c r="AD8" s="71">
        <v>1071</v>
      </c>
      <c r="AE8" s="71">
        <v>869</v>
      </c>
      <c r="AF8" s="71">
        <v>689</v>
      </c>
      <c r="AG8" s="72">
        <v>5215</v>
      </c>
      <c r="AH8" s="73">
        <v>7084</v>
      </c>
      <c r="AI8" s="70">
        <v>1178</v>
      </c>
      <c r="AJ8" s="71">
        <v>1469</v>
      </c>
      <c r="AK8" s="72">
        <v>2647</v>
      </c>
      <c r="AL8" s="276"/>
      <c r="AM8" s="71">
        <v>1474</v>
      </c>
      <c r="AN8" s="71">
        <v>2087</v>
      </c>
      <c r="AO8" s="71">
        <v>1307</v>
      </c>
      <c r="AP8" s="71">
        <v>1111</v>
      </c>
      <c r="AQ8" s="71">
        <v>717</v>
      </c>
      <c r="AR8" s="72">
        <v>6696</v>
      </c>
      <c r="AS8" s="73">
        <v>9343</v>
      </c>
      <c r="AT8" s="70">
        <v>2047</v>
      </c>
      <c r="AU8" s="71">
        <v>2218</v>
      </c>
      <c r="AV8" s="72">
        <v>4265</v>
      </c>
      <c r="AW8" s="276"/>
      <c r="AX8" s="71">
        <v>2392</v>
      </c>
      <c r="AY8" s="71">
        <v>2822</v>
      </c>
      <c r="AZ8" s="71">
        <v>1837</v>
      </c>
      <c r="BA8" s="71">
        <v>1523</v>
      </c>
      <c r="BB8" s="71">
        <v>1009</v>
      </c>
      <c r="BC8" s="72">
        <v>9583</v>
      </c>
      <c r="BD8" s="73">
        <v>13848</v>
      </c>
      <c r="BE8" s="70">
        <v>2350</v>
      </c>
      <c r="BF8" s="71">
        <v>2365</v>
      </c>
      <c r="BG8" s="72">
        <v>4715</v>
      </c>
      <c r="BH8" s="276"/>
      <c r="BI8" s="71">
        <v>2709</v>
      </c>
      <c r="BJ8" s="71">
        <v>3122</v>
      </c>
      <c r="BK8" s="71">
        <v>1976</v>
      </c>
      <c r="BL8" s="71">
        <v>1565</v>
      </c>
      <c r="BM8" s="71">
        <v>884</v>
      </c>
      <c r="BN8" s="72">
        <v>10256</v>
      </c>
      <c r="BO8" s="73">
        <v>14971</v>
      </c>
      <c r="BP8" s="70">
        <v>1270</v>
      </c>
      <c r="BQ8" s="71">
        <v>1532</v>
      </c>
      <c r="BR8" s="72">
        <v>2802</v>
      </c>
      <c r="BS8" s="276"/>
      <c r="BT8" s="71">
        <v>1802</v>
      </c>
      <c r="BU8" s="71">
        <v>2500</v>
      </c>
      <c r="BV8" s="71">
        <v>1681</v>
      </c>
      <c r="BW8" s="71">
        <v>1346</v>
      </c>
      <c r="BX8" s="71">
        <v>690</v>
      </c>
      <c r="BY8" s="72">
        <v>8019</v>
      </c>
      <c r="BZ8" s="73">
        <v>10821</v>
      </c>
      <c r="CA8" s="70">
        <v>172</v>
      </c>
      <c r="CB8" s="71">
        <v>328</v>
      </c>
      <c r="CC8" s="72">
        <v>500</v>
      </c>
      <c r="CD8" s="276"/>
      <c r="CE8" s="71">
        <v>238</v>
      </c>
      <c r="CF8" s="71">
        <v>592</v>
      </c>
      <c r="CG8" s="71">
        <v>374</v>
      </c>
      <c r="CH8" s="71">
        <v>326</v>
      </c>
      <c r="CI8" s="71">
        <v>333</v>
      </c>
      <c r="CJ8" s="72">
        <v>1863</v>
      </c>
      <c r="CK8" s="73">
        <v>2363</v>
      </c>
      <c r="CL8" s="70">
        <v>8117</v>
      </c>
      <c r="CM8" s="71">
        <v>9501</v>
      </c>
      <c r="CN8" s="72">
        <v>17618</v>
      </c>
      <c r="CO8" s="276"/>
      <c r="CP8" s="71">
        <v>10036</v>
      </c>
      <c r="CQ8" s="71">
        <v>13459</v>
      </c>
      <c r="CR8" s="71">
        <v>8641</v>
      </c>
      <c r="CS8" s="71">
        <v>7126</v>
      </c>
      <c r="CT8" s="71">
        <v>4627</v>
      </c>
      <c r="CU8" s="72">
        <v>43889</v>
      </c>
      <c r="CV8" s="73">
        <v>61507</v>
      </c>
      <c r="CW8" s="126">
        <v>14592</v>
      </c>
      <c r="CX8" s="82">
        <v>19113</v>
      </c>
      <c r="CY8" s="83">
        <v>33705</v>
      </c>
      <c r="CZ8" s="273"/>
      <c r="DA8" s="82">
        <v>18678</v>
      </c>
      <c r="DB8" s="82">
        <v>23419</v>
      </c>
      <c r="DC8" s="82">
        <v>15775</v>
      </c>
      <c r="DD8" s="82">
        <v>15186</v>
      </c>
      <c r="DE8" s="82">
        <v>10398</v>
      </c>
      <c r="DF8" s="84">
        <v>83456</v>
      </c>
      <c r="DG8" s="85">
        <v>117161</v>
      </c>
      <c r="DH8" s="70">
        <v>339</v>
      </c>
      <c r="DI8" s="71">
        <v>447</v>
      </c>
      <c r="DJ8" s="72">
        <v>786</v>
      </c>
      <c r="DK8" s="276"/>
      <c r="DL8" s="71">
        <v>306</v>
      </c>
      <c r="DM8" s="71">
        <v>519</v>
      </c>
      <c r="DN8" s="71">
        <v>304</v>
      </c>
      <c r="DO8" s="71">
        <v>270</v>
      </c>
      <c r="DP8" s="71">
        <v>246</v>
      </c>
      <c r="DQ8" s="72">
        <v>1645</v>
      </c>
      <c r="DR8" s="73">
        <v>2431</v>
      </c>
      <c r="DS8" s="70">
        <v>1058</v>
      </c>
      <c r="DT8" s="71">
        <v>1440</v>
      </c>
      <c r="DU8" s="72">
        <v>2498</v>
      </c>
      <c r="DV8" s="276"/>
      <c r="DW8" s="71">
        <v>1029</v>
      </c>
      <c r="DX8" s="71">
        <v>1411</v>
      </c>
      <c r="DY8" s="71">
        <v>786</v>
      </c>
      <c r="DZ8" s="71">
        <v>736</v>
      </c>
      <c r="EA8" s="71">
        <v>642</v>
      </c>
      <c r="EB8" s="72">
        <v>4604</v>
      </c>
      <c r="EC8" s="73">
        <v>7102</v>
      </c>
      <c r="ED8" s="70">
        <v>2365</v>
      </c>
      <c r="EE8" s="71">
        <v>2757</v>
      </c>
      <c r="EF8" s="72">
        <v>5122</v>
      </c>
      <c r="EG8" s="276"/>
      <c r="EH8" s="71">
        <v>2188</v>
      </c>
      <c r="EI8" s="71">
        <v>2399</v>
      </c>
      <c r="EJ8" s="71">
        <v>1419</v>
      </c>
      <c r="EK8" s="71">
        <v>1258</v>
      </c>
      <c r="EL8" s="71">
        <v>1047</v>
      </c>
      <c r="EM8" s="72">
        <v>8311</v>
      </c>
      <c r="EN8" s="73">
        <v>13433</v>
      </c>
      <c r="EO8" s="70">
        <v>4262</v>
      </c>
      <c r="EP8" s="71">
        <v>4940</v>
      </c>
      <c r="EQ8" s="72">
        <v>9202</v>
      </c>
      <c r="ER8" s="276"/>
      <c r="ES8" s="71">
        <v>4502</v>
      </c>
      <c r="ET8" s="71">
        <v>4851</v>
      </c>
      <c r="EU8" s="71">
        <v>2817</v>
      </c>
      <c r="EV8" s="71">
        <v>2572</v>
      </c>
      <c r="EW8" s="71">
        <v>1772</v>
      </c>
      <c r="EX8" s="72">
        <v>16514</v>
      </c>
      <c r="EY8" s="73">
        <v>25716</v>
      </c>
      <c r="EZ8" s="70">
        <v>4439</v>
      </c>
      <c r="FA8" s="71">
        <v>5831</v>
      </c>
      <c r="FB8" s="72">
        <v>10270</v>
      </c>
      <c r="FC8" s="276"/>
      <c r="FD8" s="71">
        <v>5957</v>
      </c>
      <c r="FE8" s="71">
        <v>6917</v>
      </c>
      <c r="FF8" s="71">
        <v>4432</v>
      </c>
      <c r="FG8" s="71">
        <v>4109</v>
      </c>
      <c r="FH8" s="71">
        <v>2674</v>
      </c>
      <c r="FI8" s="72">
        <v>24089</v>
      </c>
      <c r="FJ8" s="73">
        <v>34359</v>
      </c>
      <c r="FK8" s="70">
        <v>2129</v>
      </c>
      <c r="FL8" s="71">
        <v>3698</v>
      </c>
      <c r="FM8" s="72">
        <v>5827</v>
      </c>
      <c r="FN8" s="276"/>
      <c r="FO8" s="71">
        <v>4696</v>
      </c>
      <c r="FP8" s="71">
        <v>7322</v>
      </c>
      <c r="FQ8" s="71">
        <v>6017</v>
      </c>
      <c r="FR8" s="71">
        <v>6241</v>
      </c>
      <c r="FS8" s="71">
        <v>4017</v>
      </c>
      <c r="FT8" s="72">
        <v>28293</v>
      </c>
      <c r="FU8" s="73">
        <v>34120</v>
      </c>
      <c r="FV8" s="70">
        <v>174</v>
      </c>
      <c r="FW8" s="71">
        <v>287</v>
      </c>
      <c r="FX8" s="72">
        <v>461</v>
      </c>
      <c r="FY8" s="276"/>
      <c r="FZ8" s="71">
        <v>179</v>
      </c>
      <c r="GA8" s="71">
        <v>452</v>
      </c>
      <c r="GB8" s="71">
        <v>266</v>
      </c>
      <c r="GC8" s="71">
        <v>251</v>
      </c>
      <c r="GD8" s="71">
        <v>236</v>
      </c>
      <c r="GE8" s="72">
        <v>1384</v>
      </c>
      <c r="GF8" s="73">
        <v>1845</v>
      </c>
      <c r="GG8" s="70">
        <v>14766</v>
      </c>
      <c r="GH8" s="71">
        <v>19400</v>
      </c>
      <c r="GI8" s="72">
        <v>34166</v>
      </c>
      <c r="GJ8" s="276"/>
      <c r="GK8" s="71">
        <v>18857</v>
      </c>
      <c r="GL8" s="71">
        <v>23871</v>
      </c>
      <c r="GM8" s="71">
        <v>16041</v>
      </c>
      <c r="GN8" s="71">
        <v>15437</v>
      </c>
      <c r="GO8" s="71">
        <v>10634</v>
      </c>
      <c r="GP8" s="72">
        <v>84840</v>
      </c>
      <c r="GQ8" s="73">
        <v>119006</v>
      </c>
      <c r="GR8" s="126">
        <v>22537</v>
      </c>
      <c r="GS8" s="82">
        <v>28286</v>
      </c>
      <c r="GT8" s="83">
        <v>50823</v>
      </c>
      <c r="GU8" s="273"/>
      <c r="GV8" s="82">
        <v>28476</v>
      </c>
      <c r="GW8" s="82">
        <v>36286</v>
      </c>
      <c r="GX8" s="82">
        <v>24042</v>
      </c>
      <c r="GY8" s="82">
        <v>21986</v>
      </c>
      <c r="GZ8" s="82">
        <v>14692</v>
      </c>
      <c r="HA8" s="84">
        <v>125482</v>
      </c>
      <c r="HB8" s="85">
        <v>176305</v>
      </c>
      <c r="HC8" s="70">
        <v>648</v>
      </c>
      <c r="HD8" s="71">
        <v>958</v>
      </c>
      <c r="HE8" s="72">
        <v>1606</v>
      </c>
      <c r="HF8" s="276"/>
      <c r="HG8" s="71">
        <v>724</v>
      </c>
      <c r="HH8" s="71">
        <v>1272</v>
      </c>
      <c r="HI8" s="71">
        <v>699</v>
      </c>
      <c r="HJ8" s="71">
        <v>656</v>
      </c>
      <c r="HK8" s="71">
        <v>551</v>
      </c>
      <c r="HL8" s="72">
        <v>3902</v>
      </c>
      <c r="HM8" s="73">
        <v>5508</v>
      </c>
      <c r="HN8" s="70">
        <v>1849</v>
      </c>
      <c r="HO8" s="71">
        <v>2518</v>
      </c>
      <c r="HP8" s="72">
        <v>4367</v>
      </c>
      <c r="HQ8" s="276"/>
      <c r="HR8" s="71">
        <v>2032</v>
      </c>
      <c r="HS8" s="71">
        <v>2994</v>
      </c>
      <c r="HT8" s="71">
        <v>1857</v>
      </c>
      <c r="HU8" s="71">
        <v>1605</v>
      </c>
      <c r="HV8" s="71">
        <v>1331</v>
      </c>
      <c r="HW8" s="72">
        <v>9819</v>
      </c>
      <c r="HX8" s="73">
        <v>14186</v>
      </c>
      <c r="HY8" s="70">
        <v>3543</v>
      </c>
      <c r="HZ8" s="71">
        <v>4226</v>
      </c>
      <c r="IA8" s="72">
        <v>7769</v>
      </c>
      <c r="IB8" s="276"/>
      <c r="IC8" s="71">
        <v>3662</v>
      </c>
      <c r="ID8" s="71">
        <v>4486</v>
      </c>
      <c r="IE8" s="71">
        <v>2726</v>
      </c>
      <c r="IF8" s="71">
        <v>2369</v>
      </c>
      <c r="IG8" s="71">
        <v>1764</v>
      </c>
      <c r="IH8" s="72">
        <v>15007</v>
      </c>
      <c r="II8" s="73">
        <v>22776</v>
      </c>
      <c r="IJ8" s="70">
        <v>6309</v>
      </c>
      <c r="IK8" s="71">
        <v>7158</v>
      </c>
      <c r="IL8" s="72">
        <v>13467</v>
      </c>
      <c r="IM8" s="276"/>
      <c r="IN8" s="71">
        <v>6894</v>
      </c>
      <c r="IO8" s="71">
        <v>7673</v>
      </c>
      <c r="IP8" s="71">
        <v>4654</v>
      </c>
      <c r="IQ8" s="71">
        <v>4095</v>
      </c>
      <c r="IR8" s="71">
        <v>2781</v>
      </c>
      <c r="IS8" s="72">
        <v>26097</v>
      </c>
      <c r="IT8" s="73">
        <v>39564</v>
      </c>
      <c r="IU8" s="70">
        <v>6789</v>
      </c>
      <c r="IV8" s="71">
        <v>8196</v>
      </c>
      <c r="IW8" s="72">
        <v>14985</v>
      </c>
      <c r="IX8" s="276"/>
      <c r="IY8" s="71">
        <v>8666</v>
      </c>
      <c r="IZ8" s="71">
        <v>10039</v>
      </c>
      <c r="JA8" s="71">
        <v>6408</v>
      </c>
      <c r="JB8" s="71">
        <v>5674</v>
      </c>
      <c r="JC8" s="71">
        <v>3558</v>
      </c>
      <c r="JD8" s="72">
        <v>34345</v>
      </c>
      <c r="JE8" s="73">
        <v>49330</v>
      </c>
      <c r="JF8" s="70">
        <v>3399</v>
      </c>
      <c r="JG8" s="71">
        <v>5230</v>
      </c>
      <c r="JH8" s="72">
        <v>8629</v>
      </c>
      <c r="JI8" s="276"/>
      <c r="JJ8" s="71">
        <v>6498</v>
      </c>
      <c r="JK8" s="71">
        <v>9822</v>
      </c>
      <c r="JL8" s="71">
        <v>7698</v>
      </c>
      <c r="JM8" s="71">
        <v>7587</v>
      </c>
      <c r="JN8" s="71">
        <v>4707</v>
      </c>
      <c r="JO8" s="72">
        <v>36312</v>
      </c>
      <c r="JP8" s="73">
        <v>44941</v>
      </c>
      <c r="JQ8" s="70">
        <v>346</v>
      </c>
      <c r="JR8" s="71">
        <v>615</v>
      </c>
      <c r="JS8" s="72">
        <v>961</v>
      </c>
      <c r="JT8" s="276"/>
      <c r="JU8" s="71">
        <v>417</v>
      </c>
      <c r="JV8" s="71">
        <v>1044</v>
      </c>
      <c r="JW8" s="71">
        <v>640</v>
      </c>
      <c r="JX8" s="71">
        <v>577</v>
      </c>
      <c r="JY8" s="71">
        <v>569</v>
      </c>
      <c r="JZ8" s="72">
        <v>3247</v>
      </c>
      <c r="KA8" s="73">
        <v>4208</v>
      </c>
      <c r="KB8" s="70">
        <v>22883</v>
      </c>
      <c r="KC8" s="71">
        <v>28901</v>
      </c>
      <c r="KD8" s="72">
        <v>51784</v>
      </c>
      <c r="KE8" s="276"/>
      <c r="KF8" s="71">
        <v>28893</v>
      </c>
      <c r="KG8" s="71">
        <v>37330</v>
      </c>
      <c r="KH8" s="71">
        <v>24682</v>
      </c>
      <c r="KI8" s="71">
        <v>22563</v>
      </c>
      <c r="KJ8" s="71">
        <v>15261</v>
      </c>
      <c r="KK8" s="72">
        <v>128729</v>
      </c>
      <c r="KL8" s="73">
        <v>180513</v>
      </c>
    </row>
    <row r="9" spans="1:298" ht="19.5" customHeight="1" x14ac:dyDescent="0.2">
      <c r="A9" s="129" t="s">
        <v>6</v>
      </c>
      <c r="B9" s="350">
        <v>2645</v>
      </c>
      <c r="C9" s="82">
        <v>2287</v>
      </c>
      <c r="D9" s="83">
        <v>4932</v>
      </c>
      <c r="E9" s="273"/>
      <c r="F9" s="82">
        <v>4875</v>
      </c>
      <c r="G9" s="82">
        <v>3654</v>
      </c>
      <c r="H9" s="82">
        <v>2795</v>
      </c>
      <c r="I9" s="82">
        <v>2416</v>
      </c>
      <c r="J9" s="82">
        <v>1626</v>
      </c>
      <c r="K9" s="84">
        <v>15366</v>
      </c>
      <c r="L9" s="85">
        <v>20298</v>
      </c>
      <c r="M9" s="70">
        <v>128</v>
      </c>
      <c r="N9" s="71">
        <v>137</v>
      </c>
      <c r="O9" s="72">
        <v>265</v>
      </c>
      <c r="P9" s="276"/>
      <c r="Q9" s="71">
        <v>288</v>
      </c>
      <c r="R9" s="71">
        <v>243</v>
      </c>
      <c r="S9" s="71">
        <v>162</v>
      </c>
      <c r="T9" s="71">
        <v>154</v>
      </c>
      <c r="U9" s="71">
        <v>138</v>
      </c>
      <c r="V9" s="72">
        <v>985</v>
      </c>
      <c r="W9" s="73">
        <v>1250</v>
      </c>
      <c r="X9" s="70">
        <v>321</v>
      </c>
      <c r="Y9" s="71">
        <v>311</v>
      </c>
      <c r="Z9" s="72">
        <v>632</v>
      </c>
      <c r="AA9" s="276">
        <v>0</v>
      </c>
      <c r="AB9" s="71">
        <v>571</v>
      </c>
      <c r="AC9" s="71">
        <v>528</v>
      </c>
      <c r="AD9" s="71">
        <v>386</v>
      </c>
      <c r="AE9" s="71">
        <v>342</v>
      </c>
      <c r="AF9" s="71">
        <v>242</v>
      </c>
      <c r="AG9" s="72">
        <v>2069</v>
      </c>
      <c r="AH9" s="73">
        <v>2701</v>
      </c>
      <c r="AI9" s="70">
        <v>392</v>
      </c>
      <c r="AJ9" s="71">
        <v>394</v>
      </c>
      <c r="AK9" s="72">
        <v>786</v>
      </c>
      <c r="AL9" s="276"/>
      <c r="AM9" s="71">
        <v>797</v>
      </c>
      <c r="AN9" s="71">
        <v>619</v>
      </c>
      <c r="AO9" s="71">
        <v>466</v>
      </c>
      <c r="AP9" s="71">
        <v>398</v>
      </c>
      <c r="AQ9" s="71">
        <v>283</v>
      </c>
      <c r="AR9" s="72">
        <v>2563</v>
      </c>
      <c r="AS9" s="73">
        <v>3349</v>
      </c>
      <c r="AT9" s="70">
        <v>671</v>
      </c>
      <c r="AU9" s="71">
        <v>485</v>
      </c>
      <c r="AV9" s="72">
        <v>1156</v>
      </c>
      <c r="AW9" s="276"/>
      <c r="AX9" s="71">
        <v>1201</v>
      </c>
      <c r="AY9" s="71">
        <v>821</v>
      </c>
      <c r="AZ9" s="71">
        <v>669</v>
      </c>
      <c r="BA9" s="71">
        <v>523</v>
      </c>
      <c r="BB9" s="71">
        <v>340</v>
      </c>
      <c r="BC9" s="72">
        <v>3554</v>
      </c>
      <c r="BD9" s="73">
        <v>4710</v>
      </c>
      <c r="BE9" s="70">
        <v>705</v>
      </c>
      <c r="BF9" s="71">
        <v>615</v>
      </c>
      <c r="BG9" s="72">
        <v>1320</v>
      </c>
      <c r="BH9" s="276"/>
      <c r="BI9" s="71">
        <v>1194</v>
      </c>
      <c r="BJ9" s="71">
        <v>827</v>
      </c>
      <c r="BK9" s="71">
        <v>653</v>
      </c>
      <c r="BL9" s="71">
        <v>556</v>
      </c>
      <c r="BM9" s="71">
        <v>367</v>
      </c>
      <c r="BN9" s="72">
        <v>3597</v>
      </c>
      <c r="BO9" s="73">
        <v>4917</v>
      </c>
      <c r="BP9" s="70">
        <v>428</v>
      </c>
      <c r="BQ9" s="71">
        <v>345</v>
      </c>
      <c r="BR9" s="72">
        <v>773</v>
      </c>
      <c r="BS9" s="276"/>
      <c r="BT9" s="71">
        <v>824</v>
      </c>
      <c r="BU9" s="71">
        <v>616</v>
      </c>
      <c r="BV9" s="71">
        <v>459</v>
      </c>
      <c r="BW9" s="71">
        <v>443</v>
      </c>
      <c r="BX9" s="71">
        <v>256</v>
      </c>
      <c r="BY9" s="72">
        <v>2598</v>
      </c>
      <c r="BZ9" s="73">
        <v>3371</v>
      </c>
      <c r="CA9" s="70">
        <v>77</v>
      </c>
      <c r="CB9" s="71">
        <v>103</v>
      </c>
      <c r="CC9" s="72">
        <v>180</v>
      </c>
      <c r="CD9" s="276"/>
      <c r="CE9" s="71">
        <v>172</v>
      </c>
      <c r="CF9" s="71">
        <v>187</v>
      </c>
      <c r="CG9" s="71">
        <v>129</v>
      </c>
      <c r="CH9" s="71">
        <v>132</v>
      </c>
      <c r="CI9" s="71">
        <v>115</v>
      </c>
      <c r="CJ9" s="72">
        <v>735</v>
      </c>
      <c r="CK9" s="73">
        <v>915</v>
      </c>
      <c r="CL9" s="70">
        <v>2722</v>
      </c>
      <c r="CM9" s="71">
        <v>2390</v>
      </c>
      <c r="CN9" s="72">
        <v>5112</v>
      </c>
      <c r="CO9" s="276"/>
      <c r="CP9" s="71">
        <v>5047</v>
      </c>
      <c r="CQ9" s="71">
        <v>3841</v>
      </c>
      <c r="CR9" s="71">
        <v>2924</v>
      </c>
      <c r="CS9" s="71">
        <v>2548</v>
      </c>
      <c r="CT9" s="71">
        <v>1741</v>
      </c>
      <c r="CU9" s="72">
        <v>16101</v>
      </c>
      <c r="CV9" s="73">
        <v>21213</v>
      </c>
      <c r="CW9" s="126">
        <v>5120</v>
      </c>
      <c r="CX9" s="82">
        <v>5263</v>
      </c>
      <c r="CY9" s="83">
        <v>10383</v>
      </c>
      <c r="CZ9" s="273"/>
      <c r="DA9" s="82">
        <v>8688</v>
      </c>
      <c r="DB9" s="82">
        <v>6446</v>
      </c>
      <c r="DC9" s="82">
        <v>5161</v>
      </c>
      <c r="DD9" s="82">
        <v>5365</v>
      </c>
      <c r="DE9" s="82">
        <v>3570</v>
      </c>
      <c r="DF9" s="84">
        <v>29230</v>
      </c>
      <c r="DG9" s="85">
        <v>39613</v>
      </c>
      <c r="DH9" s="70">
        <v>135</v>
      </c>
      <c r="DI9" s="71">
        <v>119</v>
      </c>
      <c r="DJ9" s="72">
        <v>254</v>
      </c>
      <c r="DK9" s="276"/>
      <c r="DL9" s="71">
        <v>201</v>
      </c>
      <c r="DM9" s="71">
        <v>157</v>
      </c>
      <c r="DN9" s="71">
        <v>118</v>
      </c>
      <c r="DO9" s="71">
        <v>110</v>
      </c>
      <c r="DP9" s="71">
        <v>92</v>
      </c>
      <c r="DQ9" s="72">
        <v>678</v>
      </c>
      <c r="DR9" s="73">
        <v>932</v>
      </c>
      <c r="DS9" s="70">
        <v>386</v>
      </c>
      <c r="DT9" s="71">
        <v>394</v>
      </c>
      <c r="DU9" s="72">
        <v>780</v>
      </c>
      <c r="DV9" s="276"/>
      <c r="DW9" s="71">
        <v>528</v>
      </c>
      <c r="DX9" s="71">
        <v>394</v>
      </c>
      <c r="DY9" s="71">
        <v>250</v>
      </c>
      <c r="DZ9" s="71">
        <v>281</v>
      </c>
      <c r="EA9" s="71">
        <v>218</v>
      </c>
      <c r="EB9" s="72">
        <v>1671</v>
      </c>
      <c r="EC9" s="73">
        <v>2451</v>
      </c>
      <c r="ED9" s="70">
        <v>806</v>
      </c>
      <c r="EE9" s="71">
        <v>808</v>
      </c>
      <c r="EF9" s="72">
        <v>1614</v>
      </c>
      <c r="EG9" s="276"/>
      <c r="EH9" s="71">
        <v>1109</v>
      </c>
      <c r="EI9" s="71">
        <v>691</v>
      </c>
      <c r="EJ9" s="71">
        <v>494</v>
      </c>
      <c r="EK9" s="71">
        <v>482</v>
      </c>
      <c r="EL9" s="71">
        <v>318</v>
      </c>
      <c r="EM9" s="72">
        <v>3094</v>
      </c>
      <c r="EN9" s="73">
        <v>4708</v>
      </c>
      <c r="EO9" s="70">
        <v>1536</v>
      </c>
      <c r="EP9" s="71">
        <v>1385</v>
      </c>
      <c r="EQ9" s="72">
        <v>2921</v>
      </c>
      <c r="ER9" s="276"/>
      <c r="ES9" s="71">
        <v>2118</v>
      </c>
      <c r="ET9" s="71">
        <v>1341</v>
      </c>
      <c r="EU9" s="71">
        <v>950</v>
      </c>
      <c r="EV9" s="71">
        <v>915</v>
      </c>
      <c r="EW9" s="71">
        <v>627</v>
      </c>
      <c r="EX9" s="72">
        <v>5951</v>
      </c>
      <c r="EY9" s="73">
        <v>8872</v>
      </c>
      <c r="EZ9" s="70">
        <v>1495</v>
      </c>
      <c r="FA9" s="71">
        <v>1590</v>
      </c>
      <c r="FB9" s="72">
        <v>3085</v>
      </c>
      <c r="FC9" s="276"/>
      <c r="FD9" s="71">
        <v>2645</v>
      </c>
      <c r="FE9" s="71">
        <v>1837</v>
      </c>
      <c r="FF9" s="71">
        <v>1412</v>
      </c>
      <c r="FG9" s="71">
        <v>1435</v>
      </c>
      <c r="FH9" s="71">
        <v>963</v>
      </c>
      <c r="FI9" s="72">
        <v>8292</v>
      </c>
      <c r="FJ9" s="73">
        <v>11377</v>
      </c>
      <c r="FK9" s="70">
        <v>762</v>
      </c>
      <c r="FL9" s="71">
        <v>967</v>
      </c>
      <c r="FM9" s="72">
        <v>1729</v>
      </c>
      <c r="FN9" s="276"/>
      <c r="FO9" s="71">
        <v>2087</v>
      </c>
      <c r="FP9" s="71">
        <v>2026</v>
      </c>
      <c r="FQ9" s="71">
        <v>1937</v>
      </c>
      <c r="FR9" s="71">
        <v>2142</v>
      </c>
      <c r="FS9" s="71">
        <v>1352</v>
      </c>
      <c r="FT9" s="72">
        <v>9544</v>
      </c>
      <c r="FU9" s="73">
        <v>11273</v>
      </c>
      <c r="FV9" s="70">
        <v>55</v>
      </c>
      <c r="FW9" s="71">
        <v>87</v>
      </c>
      <c r="FX9" s="72">
        <v>142</v>
      </c>
      <c r="FY9" s="276"/>
      <c r="FZ9" s="71">
        <v>129</v>
      </c>
      <c r="GA9" s="71">
        <v>129</v>
      </c>
      <c r="GB9" s="71">
        <v>100</v>
      </c>
      <c r="GC9" s="71">
        <v>91</v>
      </c>
      <c r="GD9" s="71">
        <v>80</v>
      </c>
      <c r="GE9" s="72">
        <v>529</v>
      </c>
      <c r="GF9" s="73">
        <v>671</v>
      </c>
      <c r="GG9" s="70">
        <v>5175</v>
      </c>
      <c r="GH9" s="71">
        <v>5350</v>
      </c>
      <c r="GI9" s="72">
        <v>10525</v>
      </c>
      <c r="GJ9" s="276"/>
      <c r="GK9" s="71">
        <v>8817</v>
      </c>
      <c r="GL9" s="71">
        <v>6575</v>
      </c>
      <c r="GM9" s="71">
        <v>5261</v>
      </c>
      <c r="GN9" s="71">
        <v>5456</v>
      </c>
      <c r="GO9" s="71">
        <v>3650</v>
      </c>
      <c r="GP9" s="72">
        <v>29759</v>
      </c>
      <c r="GQ9" s="73">
        <v>40284</v>
      </c>
      <c r="GR9" s="126">
        <v>7765</v>
      </c>
      <c r="GS9" s="82">
        <v>7550</v>
      </c>
      <c r="GT9" s="83">
        <v>15315</v>
      </c>
      <c r="GU9" s="273"/>
      <c r="GV9" s="82">
        <v>13563</v>
      </c>
      <c r="GW9" s="82">
        <v>10100</v>
      </c>
      <c r="GX9" s="82">
        <v>7956</v>
      </c>
      <c r="GY9" s="82">
        <v>7781</v>
      </c>
      <c r="GZ9" s="82">
        <v>5196</v>
      </c>
      <c r="HA9" s="84">
        <v>44596</v>
      </c>
      <c r="HB9" s="85">
        <v>59911</v>
      </c>
      <c r="HC9" s="70">
        <v>263</v>
      </c>
      <c r="HD9" s="71">
        <v>256</v>
      </c>
      <c r="HE9" s="72">
        <v>519</v>
      </c>
      <c r="HF9" s="276"/>
      <c r="HG9" s="71">
        <v>489</v>
      </c>
      <c r="HH9" s="71">
        <v>400</v>
      </c>
      <c r="HI9" s="71">
        <v>280</v>
      </c>
      <c r="HJ9" s="71">
        <v>264</v>
      </c>
      <c r="HK9" s="71">
        <v>230</v>
      </c>
      <c r="HL9" s="72">
        <v>1663</v>
      </c>
      <c r="HM9" s="73">
        <v>2182</v>
      </c>
      <c r="HN9" s="70">
        <v>707</v>
      </c>
      <c r="HO9" s="71">
        <v>705</v>
      </c>
      <c r="HP9" s="72">
        <v>1412</v>
      </c>
      <c r="HQ9" s="276"/>
      <c r="HR9" s="71">
        <v>1099</v>
      </c>
      <c r="HS9" s="71">
        <v>922</v>
      </c>
      <c r="HT9" s="71">
        <v>636</v>
      </c>
      <c r="HU9" s="71">
        <v>623</v>
      </c>
      <c r="HV9" s="71">
        <v>460</v>
      </c>
      <c r="HW9" s="72">
        <v>3740</v>
      </c>
      <c r="HX9" s="73">
        <v>5152</v>
      </c>
      <c r="HY9" s="70">
        <v>1198</v>
      </c>
      <c r="HZ9" s="71">
        <v>1202</v>
      </c>
      <c r="IA9" s="72">
        <v>2400</v>
      </c>
      <c r="IB9" s="276"/>
      <c r="IC9" s="71">
        <v>1906</v>
      </c>
      <c r="ID9" s="71">
        <v>1310</v>
      </c>
      <c r="IE9" s="71">
        <v>960</v>
      </c>
      <c r="IF9" s="71">
        <v>880</v>
      </c>
      <c r="IG9" s="71">
        <v>601</v>
      </c>
      <c r="IH9" s="72">
        <v>5657</v>
      </c>
      <c r="II9" s="73">
        <v>8057</v>
      </c>
      <c r="IJ9" s="70">
        <v>2207</v>
      </c>
      <c r="IK9" s="71">
        <v>1870</v>
      </c>
      <c r="IL9" s="72">
        <v>4077</v>
      </c>
      <c r="IM9" s="276"/>
      <c r="IN9" s="71">
        <v>3319</v>
      </c>
      <c r="IO9" s="71">
        <v>2162</v>
      </c>
      <c r="IP9" s="71">
        <v>1619</v>
      </c>
      <c r="IQ9" s="71">
        <v>1438</v>
      </c>
      <c r="IR9" s="71">
        <v>967</v>
      </c>
      <c r="IS9" s="72">
        <v>9505</v>
      </c>
      <c r="IT9" s="73">
        <v>13582</v>
      </c>
      <c r="IU9" s="70">
        <v>2200</v>
      </c>
      <c r="IV9" s="71">
        <v>2205</v>
      </c>
      <c r="IW9" s="72">
        <v>4405</v>
      </c>
      <c r="IX9" s="276"/>
      <c r="IY9" s="71">
        <v>3839</v>
      </c>
      <c r="IZ9" s="71">
        <v>2664</v>
      </c>
      <c r="JA9" s="71">
        <v>2065</v>
      </c>
      <c r="JB9" s="71">
        <v>1991</v>
      </c>
      <c r="JC9" s="71">
        <v>1330</v>
      </c>
      <c r="JD9" s="72">
        <v>11889</v>
      </c>
      <c r="JE9" s="73">
        <v>16294</v>
      </c>
      <c r="JF9" s="70">
        <v>1190</v>
      </c>
      <c r="JG9" s="71">
        <v>1312</v>
      </c>
      <c r="JH9" s="72">
        <v>2502</v>
      </c>
      <c r="JI9" s="276"/>
      <c r="JJ9" s="71">
        <v>2911</v>
      </c>
      <c r="JK9" s="71">
        <v>2642</v>
      </c>
      <c r="JL9" s="71">
        <v>2396</v>
      </c>
      <c r="JM9" s="71">
        <v>2585</v>
      </c>
      <c r="JN9" s="71">
        <v>1608</v>
      </c>
      <c r="JO9" s="72">
        <v>12142</v>
      </c>
      <c r="JP9" s="73">
        <v>14644</v>
      </c>
      <c r="JQ9" s="70">
        <v>132</v>
      </c>
      <c r="JR9" s="71">
        <v>190</v>
      </c>
      <c r="JS9" s="72">
        <v>322</v>
      </c>
      <c r="JT9" s="276"/>
      <c r="JU9" s="71">
        <v>301</v>
      </c>
      <c r="JV9" s="71">
        <v>316</v>
      </c>
      <c r="JW9" s="71">
        <v>229</v>
      </c>
      <c r="JX9" s="71">
        <v>223</v>
      </c>
      <c r="JY9" s="71">
        <v>195</v>
      </c>
      <c r="JZ9" s="72">
        <v>1264</v>
      </c>
      <c r="KA9" s="73">
        <v>1586</v>
      </c>
      <c r="KB9" s="70">
        <v>7897</v>
      </c>
      <c r="KC9" s="71">
        <v>7740</v>
      </c>
      <c r="KD9" s="72">
        <v>15637</v>
      </c>
      <c r="KE9" s="276"/>
      <c r="KF9" s="71">
        <v>13864</v>
      </c>
      <c r="KG9" s="71">
        <v>10416</v>
      </c>
      <c r="KH9" s="71">
        <v>8185</v>
      </c>
      <c r="KI9" s="71">
        <v>8004</v>
      </c>
      <c r="KJ9" s="71">
        <v>5391</v>
      </c>
      <c r="KK9" s="72">
        <v>45860</v>
      </c>
      <c r="KL9" s="73">
        <v>61497</v>
      </c>
    </row>
    <row r="10" spans="1:298" ht="19.5" customHeight="1" x14ac:dyDescent="0.2">
      <c r="A10" s="129" t="s">
        <v>14</v>
      </c>
      <c r="B10" s="350">
        <v>1490</v>
      </c>
      <c r="C10" s="82">
        <v>1853</v>
      </c>
      <c r="D10" s="83">
        <v>3343</v>
      </c>
      <c r="E10" s="273"/>
      <c r="F10" s="82">
        <v>2197</v>
      </c>
      <c r="G10" s="82">
        <v>2309</v>
      </c>
      <c r="H10" s="82">
        <v>1819</v>
      </c>
      <c r="I10" s="82">
        <v>1425</v>
      </c>
      <c r="J10" s="82">
        <v>911</v>
      </c>
      <c r="K10" s="84">
        <v>8661</v>
      </c>
      <c r="L10" s="85">
        <v>12004</v>
      </c>
      <c r="M10" s="70">
        <v>79</v>
      </c>
      <c r="N10" s="71">
        <v>102</v>
      </c>
      <c r="O10" s="72">
        <v>181</v>
      </c>
      <c r="P10" s="276"/>
      <c r="Q10" s="71">
        <v>106</v>
      </c>
      <c r="R10" s="71">
        <v>123</v>
      </c>
      <c r="S10" s="71">
        <v>106</v>
      </c>
      <c r="T10" s="71">
        <v>86</v>
      </c>
      <c r="U10" s="71">
        <v>77</v>
      </c>
      <c r="V10" s="72">
        <v>498</v>
      </c>
      <c r="W10" s="73">
        <v>679</v>
      </c>
      <c r="X10" s="70">
        <v>166</v>
      </c>
      <c r="Y10" s="71">
        <v>248</v>
      </c>
      <c r="Z10" s="72">
        <v>414</v>
      </c>
      <c r="AA10" s="276">
        <v>0</v>
      </c>
      <c r="AB10" s="71">
        <v>222</v>
      </c>
      <c r="AC10" s="71">
        <v>274</v>
      </c>
      <c r="AD10" s="71">
        <v>229</v>
      </c>
      <c r="AE10" s="71">
        <v>184</v>
      </c>
      <c r="AF10" s="71">
        <v>135</v>
      </c>
      <c r="AG10" s="72">
        <v>1044</v>
      </c>
      <c r="AH10" s="73">
        <v>1458</v>
      </c>
      <c r="AI10" s="70">
        <v>248</v>
      </c>
      <c r="AJ10" s="71">
        <v>356</v>
      </c>
      <c r="AK10" s="72">
        <v>604</v>
      </c>
      <c r="AL10" s="276"/>
      <c r="AM10" s="71">
        <v>362</v>
      </c>
      <c r="AN10" s="71">
        <v>383</v>
      </c>
      <c r="AO10" s="71">
        <v>304</v>
      </c>
      <c r="AP10" s="71">
        <v>235</v>
      </c>
      <c r="AQ10" s="71">
        <v>181</v>
      </c>
      <c r="AR10" s="72">
        <v>1465</v>
      </c>
      <c r="AS10" s="73">
        <v>2069</v>
      </c>
      <c r="AT10" s="70">
        <v>391</v>
      </c>
      <c r="AU10" s="71">
        <v>489</v>
      </c>
      <c r="AV10" s="72">
        <v>880</v>
      </c>
      <c r="AW10" s="276"/>
      <c r="AX10" s="71">
        <v>614</v>
      </c>
      <c r="AY10" s="71">
        <v>568</v>
      </c>
      <c r="AZ10" s="71">
        <v>488</v>
      </c>
      <c r="BA10" s="71">
        <v>373</v>
      </c>
      <c r="BB10" s="71">
        <v>225</v>
      </c>
      <c r="BC10" s="72">
        <v>2268</v>
      </c>
      <c r="BD10" s="73">
        <v>3148</v>
      </c>
      <c r="BE10" s="70">
        <v>399</v>
      </c>
      <c r="BF10" s="71">
        <v>414</v>
      </c>
      <c r="BG10" s="72">
        <v>813</v>
      </c>
      <c r="BH10" s="276"/>
      <c r="BI10" s="71">
        <v>540</v>
      </c>
      <c r="BJ10" s="71">
        <v>622</v>
      </c>
      <c r="BK10" s="71">
        <v>421</v>
      </c>
      <c r="BL10" s="71">
        <v>310</v>
      </c>
      <c r="BM10" s="71">
        <v>167</v>
      </c>
      <c r="BN10" s="72">
        <v>2060</v>
      </c>
      <c r="BO10" s="73">
        <v>2873</v>
      </c>
      <c r="BP10" s="70">
        <v>207</v>
      </c>
      <c r="BQ10" s="71">
        <v>244</v>
      </c>
      <c r="BR10" s="72">
        <v>451</v>
      </c>
      <c r="BS10" s="276"/>
      <c r="BT10" s="71">
        <v>353</v>
      </c>
      <c r="BU10" s="71">
        <v>339</v>
      </c>
      <c r="BV10" s="71">
        <v>271</v>
      </c>
      <c r="BW10" s="71">
        <v>237</v>
      </c>
      <c r="BX10" s="71">
        <v>126</v>
      </c>
      <c r="BY10" s="72">
        <v>1326</v>
      </c>
      <c r="BZ10" s="73">
        <v>1777</v>
      </c>
      <c r="CA10" s="70">
        <v>36</v>
      </c>
      <c r="CB10" s="71">
        <v>73</v>
      </c>
      <c r="CC10" s="72">
        <v>109</v>
      </c>
      <c r="CD10" s="276"/>
      <c r="CE10" s="71">
        <v>40</v>
      </c>
      <c r="CF10" s="71">
        <v>110</v>
      </c>
      <c r="CG10" s="71">
        <v>61</v>
      </c>
      <c r="CH10" s="71">
        <v>58</v>
      </c>
      <c r="CI10" s="71">
        <v>52</v>
      </c>
      <c r="CJ10" s="72">
        <v>321</v>
      </c>
      <c r="CK10" s="73">
        <v>430</v>
      </c>
      <c r="CL10" s="70">
        <v>1526</v>
      </c>
      <c r="CM10" s="71">
        <v>1926</v>
      </c>
      <c r="CN10" s="72">
        <v>3452</v>
      </c>
      <c r="CO10" s="276"/>
      <c r="CP10" s="71">
        <v>2237</v>
      </c>
      <c r="CQ10" s="71">
        <v>2419</v>
      </c>
      <c r="CR10" s="71">
        <v>1880</v>
      </c>
      <c r="CS10" s="71">
        <v>1483</v>
      </c>
      <c r="CT10" s="71">
        <v>963</v>
      </c>
      <c r="CU10" s="72">
        <v>8982</v>
      </c>
      <c r="CV10" s="73">
        <v>12434</v>
      </c>
      <c r="CW10" s="126">
        <v>2808</v>
      </c>
      <c r="CX10" s="82">
        <v>3959</v>
      </c>
      <c r="CY10" s="83">
        <v>6767</v>
      </c>
      <c r="CZ10" s="273"/>
      <c r="DA10" s="82">
        <v>3711</v>
      </c>
      <c r="DB10" s="82">
        <v>3750</v>
      </c>
      <c r="DC10" s="82">
        <v>2930</v>
      </c>
      <c r="DD10" s="82">
        <v>2988</v>
      </c>
      <c r="DE10" s="82">
        <v>1808</v>
      </c>
      <c r="DF10" s="84">
        <v>15187</v>
      </c>
      <c r="DG10" s="85">
        <v>21954</v>
      </c>
      <c r="DH10" s="70">
        <v>78</v>
      </c>
      <c r="DI10" s="71">
        <v>101</v>
      </c>
      <c r="DJ10" s="72">
        <v>179</v>
      </c>
      <c r="DK10" s="276"/>
      <c r="DL10" s="71">
        <v>74</v>
      </c>
      <c r="DM10" s="71">
        <v>84</v>
      </c>
      <c r="DN10" s="71">
        <v>69</v>
      </c>
      <c r="DO10" s="71">
        <v>69</v>
      </c>
      <c r="DP10" s="71">
        <v>47</v>
      </c>
      <c r="DQ10" s="72">
        <v>343</v>
      </c>
      <c r="DR10" s="73">
        <v>522</v>
      </c>
      <c r="DS10" s="70">
        <v>277</v>
      </c>
      <c r="DT10" s="71">
        <v>373</v>
      </c>
      <c r="DU10" s="72">
        <v>650</v>
      </c>
      <c r="DV10" s="276"/>
      <c r="DW10" s="71">
        <v>227</v>
      </c>
      <c r="DX10" s="71">
        <v>304</v>
      </c>
      <c r="DY10" s="71">
        <v>160</v>
      </c>
      <c r="DZ10" s="71">
        <v>160</v>
      </c>
      <c r="EA10" s="71">
        <v>139</v>
      </c>
      <c r="EB10" s="72">
        <v>990</v>
      </c>
      <c r="EC10" s="73">
        <v>1640</v>
      </c>
      <c r="ED10" s="70">
        <v>510</v>
      </c>
      <c r="EE10" s="71">
        <v>649</v>
      </c>
      <c r="EF10" s="72">
        <v>1159</v>
      </c>
      <c r="EG10" s="276"/>
      <c r="EH10" s="71">
        <v>563</v>
      </c>
      <c r="EI10" s="71">
        <v>500</v>
      </c>
      <c r="EJ10" s="71">
        <v>328</v>
      </c>
      <c r="EK10" s="71">
        <v>325</v>
      </c>
      <c r="EL10" s="71">
        <v>245</v>
      </c>
      <c r="EM10" s="72">
        <v>1961</v>
      </c>
      <c r="EN10" s="73">
        <v>3120</v>
      </c>
      <c r="EO10" s="70">
        <v>857</v>
      </c>
      <c r="EP10" s="71">
        <v>1126</v>
      </c>
      <c r="EQ10" s="72">
        <v>1983</v>
      </c>
      <c r="ER10" s="276"/>
      <c r="ES10" s="71">
        <v>950</v>
      </c>
      <c r="ET10" s="71">
        <v>859</v>
      </c>
      <c r="EU10" s="71">
        <v>577</v>
      </c>
      <c r="EV10" s="71">
        <v>534</v>
      </c>
      <c r="EW10" s="71">
        <v>348</v>
      </c>
      <c r="EX10" s="72">
        <v>3268</v>
      </c>
      <c r="EY10" s="73">
        <v>5251</v>
      </c>
      <c r="EZ10" s="70">
        <v>732</v>
      </c>
      <c r="FA10" s="71">
        <v>1081</v>
      </c>
      <c r="FB10" s="72">
        <v>1813</v>
      </c>
      <c r="FC10" s="276"/>
      <c r="FD10" s="71">
        <v>1071</v>
      </c>
      <c r="FE10" s="71">
        <v>990</v>
      </c>
      <c r="FF10" s="71">
        <v>764</v>
      </c>
      <c r="FG10" s="71">
        <v>768</v>
      </c>
      <c r="FH10" s="71">
        <v>439</v>
      </c>
      <c r="FI10" s="72">
        <v>4032</v>
      </c>
      <c r="FJ10" s="73">
        <v>5845</v>
      </c>
      <c r="FK10" s="70">
        <v>354</v>
      </c>
      <c r="FL10" s="71">
        <v>629</v>
      </c>
      <c r="FM10" s="72">
        <v>983</v>
      </c>
      <c r="FN10" s="276"/>
      <c r="FO10" s="71">
        <v>826</v>
      </c>
      <c r="FP10" s="71">
        <v>1013</v>
      </c>
      <c r="FQ10" s="71">
        <v>1032</v>
      </c>
      <c r="FR10" s="71">
        <v>1132</v>
      </c>
      <c r="FS10" s="71">
        <v>590</v>
      </c>
      <c r="FT10" s="72">
        <v>4593</v>
      </c>
      <c r="FU10" s="73">
        <v>5576</v>
      </c>
      <c r="FV10" s="70">
        <v>23</v>
      </c>
      <c r="FW10" s="71">
        <v>73</v>
      </c>
      <c r="FX10" s="72">
        <v>96</v>
      </c>
      <c r="FY10" s="276"/>
      <c r="FZ10" s="71">
        <v>39</v>
      </c>
      <c r="GA10" s="71">
        <v>72</v>
      </c>
      <c r="GB10" s="71">
        <v>44</v>
      </c>
      <c r="GC10" s="71">
        <v>51</v>
      </c>
      <c r="GD10" s="71">
        <v>50</v>
      </c>
      <c r="GE10" s="72">
        <v>256</v>
      </c>
      <c r="GF10" s="73">
        <v>352</v>
      </c>
      <c r="GG10" s="70">
        <v>2831</v>
      </c>
      <c r="GH10" s="71">
        <v>4032</v>
      </c>
      <c r="GI10" s="72">
        <v>6863</v>
      </c>
      <c r="GJ10" s="276"/>
      <c r="GK10" s="71">
        <v>3750</v>
      </c>
      <c r="GL10" s="71">
        <v>3822</v>
      </c>
      <c r="GM10" s="71">
        <v>2974</v>
      </c>
      <c r="GN10" s="71">
        <v>3039</v>
      </c>
      <c r="GO10" s="71">
        <v>1858</v>
      </c>
      <c r="GP10" s="72">
        <v>15443</v>
      </c>
      <c r="GQ10" s="73">
        <v>22306</v>
      </c>
      <c r="GR10" s="126">
        <v>4298</v>
      </c>
      <c r="GS10" s="82">
        <v>5812</v>
      </c>
      <c r="GT10" s="83">
        <v>10110</v>
      </c>
      <c r="GU10" s="273"/>
      <c r="GV10" s="82">
        <v>5908</v>
      </c>
      <c r="GW10" s="82">
        <v>6059</v>
      </c>
      <c r="GX10" s="82">
        <v>4749</v>
      </c>
      <c r="GY10" s="82">
        <v>4413</v>
      </c>
      <c r="GZ10" s="82">
        <v>2719</v>
      </c>
      <c r="HA10" s="84">
        <v>23848</v>
      </c>
      <c r="HB10" s="85">
        <v>33958</v>
      </c>
      <c r="HC10" s="70">
        <v>157</v>
      </c>
      <c r="HD10" s="71">
        <v>203</v>
      </c>
      <c r="HE10" s="72">
        <v>360</v>
      </c>
      <c r="HF10" s="276"/>
      <c r="HG10" s="71">
        <v>180</v>
      </c>
      <c r="HH10" s="71">
        <v>207</v>
      </c>
      <c r="HI10" s="71">
        <v>175</v>
      </c>
      <c r="HJ10" s="71">
        <v>155</v>
      </c>
      <c r="HK10" s="71">
        <v>124</v>
      </c>
      <c r="HL10" s="72">
        <v>841</v>
      </c>
      <c r="HM10" s="73">
        <v>1201</v>
      </c>
      <c r="HN10" s="70">
        <v>443</v>
      </c>
      <c r="HO10" s="71">
        <v>621</v>
      </c>
      <c r="HP10" s="72">
        <v>1064</v>
      </c>
      <c r="HQ10" s="276"/>
      <c r="HR10" s="71">
        <v>449</v>
      </c>
      <c r="HS10" s="71">
        <v>578</v>
      </c>
      <c r="HT10" s="71">
        <v>389</v>
      </c>
      <c r="HU10" s="71">
        <v>344</v>
      </c>
      <c r="HV10" s="71">
        <v>274</v>
      </c>
      <c r="HW10" s="72">
        <v>2034</v>
      </c>
      <c r="HX10" s="73">
        <v>3098</v>
      </c>
      <c r="HY10" s="70">
        <v>758</v>
      </c>
      <c r="HZ10" s="71">
        <v>1005</v>
      </c>
      <c r="IA10" s="72">
        <v>1763</v>
      </c>
      <c r="IB10" s="276"/>
      <c r="IC10" s="71">
        <v>925</v>
      </c>
      <c r="ID10" s="71">
        <v>883</v>
      </c>
      <c r="IE10" s="71">
        <v>632</v>
      </c>
      <c r="IF10" s="71">
        <v>560</v>
      </c>
      <c r="IG10" s="71">
        <v>426</v>
      </c>
      <c r="IH10" s="72">
        <v>3426</v>
      </c>
      <c r="II10" s="73">
        <v>5189</v>
      </c>
      <c r="IJ10" s="70">
        <v>1248</v>
      </c>
      <c r="IK10" s="71">
        <v>1615</v>
      </c>
      <c r="IL10" s="72">
        <v>2863</v>
      </c>
      <c r="IM10" s="276"/>
      <c r="IN10" s="71">
        <v>1564</v>
      </c>
      <c r="IO10" s="71">
        <v>1427</v>
      </c>
      <c r="IP10" s="71">
        <v>1065</v>
      </c>
      <c r="IQ10" s="71">
        <v>907</v>
      </c>
      <c r="IR10" s="71">
        <v>573</v>
      </c>
      <c r="IS10" s="72">
        <v>5536</v>
      </c>
      <c r="IT10" s="73">
        <v>8399</v>
      </c>
      <c r="IU10" s="70">
        <v>1131</v>
      </c>
      <c r="IV10" s="71">
        <v>1495</v>
      </c>
      <c r="IW10" s="72">
        <v>2626</v>
      </c>
      <c r="IX10" s="276"/>
      <c r="IY10" s="71">
        <v>1611</v>
      </c>
      <c r="IZ10" s="71">
        <v>1612</v>
      </c>
      <c r="JA10" s="71">
        <v>1185</v>
      </c>
      <c r="JB10" s="71">
        <v>1078</v>
      </c>
      <c r="JC10" s="71">
        <v>606</v>
      </c>
      <c r="JD10" s="72">
        <v>6092</v>
      </c>
      <c r="JE10" s="73">
        <v>8718</v>
      </c>
      <c r="JF10" s="70">
        <v>561</v>
      </c>
      <c r="JG10" s="71">
        <v>873</v>
      </c>
      <c r="JH10" s="72">
        <v>1434</v>
      </c>
      <c r="JI10" s="276"/>
      <c r="JJ10" s="71">
        <v>1179</v>
      </c>
      <c r="JK10" s="71">
        <v>1352</v>
      </c>
      <c r="JL10" s="71">
        <v>1303</v>
      </c>
      <c r="JM10" s="71">
        <v>1369</v>
      </c>
      <c r="JN10" s="71">
        <v>716</v>
      </c>
      <c r="JO10" s="72">
        <v>5919</v>
      </c>
      <c r="JP10" s="73">
        <v>7353</v>
      </c>
      <c r="JQ10" s="70">
        <v>59</v>
      </c>
      <c r="JR10" s="71">
        <v>146</v>
      </c>
      <c r="JS10" s="72">
        <v>205</v>
      </c>
      <c r="JT10" s="276"/>
      <c r="JU10" s="71">
        <v>79</v>
      </c>
      <c r="JV10" s="71">
        <v>182</v>
      </c>
      <c r="JW10" s="71">
        <v>105</v>
      </c>
      <c r="JX10" s="71">
        <v>109</v>
      </c>
      <c r="JY10" s="71">
        <v>102</v>
      </c>
      <c r="JZ10" s="72">
        <v>577</v>
      </c>
      <c r="KA10" s="73">
        <v>782</v>
      </c>
      <c r="KB10" s="70">
        <v>4357</v>
      </c>
      <c r="KC10" s="71">
        <v>5958</v>
      </c>
      <c r="KD10" s="72">
        <v>10315</v>
      </c>
      <c r="KE10" s="276"/>
      <c r="KF10" s="71">
        <v>5987</v>
      </c>
      <c r="KG10" s="71">
        <v>6241</v>
      </c>
      <c r="KH10" s="71">
        <v>4854</v>
      </c>
      <c r="KI10" s="71">
        <v>4522</v>
      </c>
      <c r="KJ10" s="71">
        <v>2821</v>
      </c>
      <c r="KK10" s="72">
        <v>24425</v>
      </c>
      <c r="KL10" s="73">
        <v>34740</v>
      </c>
    </row>
    <row r="11" spans="1:298" ht="19.5" customHeight="1" x14ac:dyDescent="0.2">
      <c r="A11" s="129" t="s">
        <v>7</v>
      </c>
      <c r="B11" s="350">
        <v>963</v>
      </c>
      <c r="C11" s="82">
        <v>690</v>
      </c>
      <c r="D11" s="83">
        <v>1653</v>
      </c>
      <c r="E11" s="273"/>
      <c r="F11" s="82">
        <v>2249</v>
      </c>
      <c r="G11" s="82">
        <v>1523</v>
      </c>
      <c r="H11" s="82">
        <v>980</v>
      </c>
      <c r="I11" s="82">
        <v>828</v>
      </c>
      <c r="J11" s="82">
        <v>449</v>
      </c>
      <c r="K11" s="84">
        <v>6029</v>
      </c>
      <c r="L11" s="85">
        <v>7682</v>
      </c>
      <c r="M11" s="70">
        <v>39</v>
      </c>
      <c r="N11" s="71">
        <v>27</v>
      </c>
      <c r="O11" s="72">
        <v>66</v>
      </c>
      <c r="P11" s="276"/>
      <c r="Q11" s="71">
        <v>83</v>
      </c>
      <c r="R11" s="71">
        <v>76</v>
      </c>
      <c r="S11" s="71">
        <v>55</v>
      </c>
      <c r="T11" s="71">
        <v>51</v>
      </c>
      <c r="U11" s="71">
        <v>33</v>
      </c>
      <c r="V11" s="72">
        <v>298</v>
      </c>
      <c r="W11" s="73">
        <v>364</v>
      </c>
      <c r="X11" s="70">
        <v>103</v>
      </c>
      <c r="Y11" s="71">
        <v>83</v>
      </c>
      <c r="Z11" s="72">
        <v>186</v>
      </c>
      <c r="AA11" s="276">
        <v>0</v>
      </c>
      <c r="AB11" s="71">
        <v>256</v>
      </c>
      <c r="AC11" s="71">
        <v>200</v>
      </c>
      <c r="AD11" s="71">
        <v>123</v>
      </c>
      <c r="AE11" s="71">
        <v>88</v>
      </c>
      <c r="AF11" s="71">
        <v>60</v>
      </c>
      <c r="AG11" s="72">
        <v>727</v>
      </c>
      <c r="AH11" s="73">
        <v>913</v>
      </c>
      <c r="AI11" s="70">
        <v>160</v>
      </c>
      <c r="AJ11" s="71">
        <v>107</v>
      </c>
      <c r="AK11" s="72">
        <v>267</v>
      </c>
      <c r="AL11" s="276"/>
      <c r="AM11" s="71">
        <v>383</v>
      </c>
      <c r="AN11" s="71">
        <v>227</v>
      </c>
      <c r="AO11" s="71">
        <v>148</v>
      </c>
      <c r="AP11" s="71">
        <v>134</v>
      </c>
      <c r="AQ11" s="71">
        <v>85</v>
      </c>
      <c r="AR11" s="72">
        <v>977</v>
      </c>
      <c r="AS11" s="73">
        <v>1244</v>
      </c>
      <c r="AT11" s="70">
        <v>256</v>
      </c>
      <c r="AU11" s="71">
        <v>177</v>
      </c>
      <c r="AV11" s="72">
        <v>433</v>
      </c>
      <c r="AW11" s="276"/>
      <c r="AX11" s="71">
        <v>553</v>
      </c>
      <c r="AY11" s="71">
        <v>373</v>
      </c>
      <c r="AZ11" s="71">
        <v>229</v>
      </c>
      <c r="BA11" s="71">
        <v>174</v>
      </c>
      <c r="BB11" s="71">
        <v>103</v>
      </c>
      <c r="BC11" s="72">
        <v>1432</v>
      </c>
      <c r="BD11" s="73">
        <v>1865</v>
      </c>
      <c r="BE11" s="70">
        <v>266</v>
      </c>
      <c r="BF11" s="71">
        <v>181</v>
      </c>
      <c r="BG11" s="72">
        <v>447</v>
      </c>
      <c r="BH11" s="276"/>
      <c r="BI11" s="71">
        <v>569</v>
      </c>
      <c r="BJ11" s="71">
        <v>359</v>
      </c>
      <c r="BK11" s="71">
        <v>251</v>
      </c>
      <c r="BL11" s="71">
        <v>203</v>
      </c>
      <c r="BM11" s="71">
        <v>113</v>
      </c>
      <c r="BN11" s="72">
        <v>1495</v>
      </c>
      <c r="BO11" s="73">
        <v>1942</v>
      </c>
      <c r="BP11" s="70">
        <v>139</v>
      </c>
      <c r="BQ11" s="71">
        <v>115</v>
      </c>
      <c r="BR11" s="72">
        <v>254</v>
      </c>
      <c r="BS11" s="276"/>
      <c r="BT11" s="71">
        <v>405</v>
      </c>
      <c r="BU11" s="71">
        <v>288</v>
      </c>
      <c r="BV11" s="71">
        <v>174</v>
      </c>
      <c r="BW11" s="71">
        <v>178</v>
      </c>
      <c r="BX11" s="71">
        <v>55</v>
      </c>
      <c r="BY11" s="72">
        <v>1100</v>
      </c>
      <c r="BZ11" s="73">
        <v>1354</v>
      </c>
      <c r="CA11" s="70">
        <v>14</v>
      </c>
      <c r="CB11" s="71">
        <v>13</v>
      </c>
      <c r="CC11" s="72">
        <v>27</v>
      </c>
      <c r="CD11" s="276"/>
      <c r="CE11" s="71">
        <v>60</v>
      </c>
      <c r="CF11" s="71">
        <v>63</v>
      </c>
      <c r="CG11" s="71">
        <v>33</v>
      </c>
      <c r="CH11" s="71">
        <v>31</v>
      </c>
      <c r="CI11" s="71">
        <v>24</v>
      </c>
      <c r="CJ11" s="72">
        <v>211</v>
      </c>
      <c r="CK11" s="73">
        <v>238</v>
      </c>
      <c r="CL11" s="70">
        <v>977</v>
      </c>
      <c r="CM11" s="71">
        <v>703</v>
      </c>
      <c r="CN11" s="72">
        <v>1680</v>
      </c>
      <c r="CO11" s="276"/>
      <c r="CP11" s="71">
        <v>2309</v>
      </c>
      <c r="CQ11" s="71">
        <v>1586</v>
      </c>
      <c r="CR11" s="71">
        <v>1013</v>
      </c>
      <c r="CS11" s="71">
        <v>859</v>
      </c>
      <c r="CT11" s="71">
        <v>473</v>
      </c>
      <c r="CU11" s="72">
        <v>6240</v>
      </c>
      <c r="CV11" s="73">
        <v>7920</v>
      </c>
      <c r="CW11" s="126">
        <v>1643</v>
      </c>
      <c r="CX11" s="82">
        <v>1871</v>
      </c>
      <c r="CY11" s="83">
        <v>3514</v>
      </c>
      <c r="CZ11" s="273"/>
      <c r="DA11" s="82">
        <v>4297</v>
      </c>
      <c r="DB11" s="82">
        <v>2610</v>
      </c>
      <c r="DC11" s="82">
        <v>1949</v>
      </c>
      <c r="DD11" s="82">
        <v>2027</v>
      </c>
      <c r="DE11" s="82">
        <v>1149</v>
      </c>
      <c r="DF11" s="84">
        <v>12032</v>
      </c>
      <c r="DG11" s="85">
        <v>15546</v>
      </c>
      <c r="DH11" s="70">
        <v>36</v>
      </c>
      <c r="DI11" s="71">
        <v>36</v>
      </c>
      <c r="DJ11" s="72">
        <v>72</v>
      </c>
      <c r="DK11" s="276"/>
      <c r="DL11" s="71">
        <v>98</v>
      </c>
      <c r="DM11" s="71">
        <v>48</v>
      </c>
      <c r="DN11" s="71">
        <v>36</v>
      </c>
      <c r="DO11" s="71">
        <v>43</v>
      </c>
      <c r="DP11" s="71">
        <v>34</v>
      </c>
      <c r="DQ11" s="72">
        <v>259</v>
      </c>
      <c r="DR11" s="73">
        <v>331</v>
      </c>
      <c r="DS11" s="70">
        <v>122</v>
      </c>
      <c r="DT11" s="71">
        <v>120</v>
      </c>
      <c r="DU11" s="72">
        <v>242</v>
      </c>
      <c r="DV11" s="276"/>
      <c r="DW11" s="71">
        <v>272</v>
      </c>
      <c r="DX11" s="71">
        <v>191</v>
      </c>
      <c r="DY11" s="71">
        <v>105</v>
      </c>
      <c r="DZ11" s="71">
        <v>116</v>
      </c>
      <c r="EA11" s="71">
        <v>65</v>
      </c>
      <c r="EB11" s="72">
        <v>749</v>
      </c>
      <c r="EC11" s="73">
        <v>991</v>
      </c>
      <c r="ED11" s="70">
        <v>254</v>
      </c>
      <c r="EE11" s="71">
        <v>255</v>
      </c>
      <c r="EF11" s="72">
        <v>509</v>
      </c>
      <c r="EG11" s="276"/>
      <c r="EH11" s="71">
        <v>533</v>
      </c>
      <c r="EI11" s="71">
        <v>271</v>
      </c>
      <c r="EJ11" s="71">
        <v>162</v>
      </c>
      <c r="EK11" s="71">
        <v>177</v>
      </c>
      <c r="EL11" s="71">
        <v>129</v>
      </c>
      <c r="EM11" s="72">
        <v>1272</v>
      </c>
      <c r="EN11" s="73">
        <v>1781</v>
      </c>
      <c r="EO11" s="70">
        <v>494</v>
      </c>
      <c r="EP11" s="71">
        <v>502</v>
      </c>
      <c r="EQ11" s="72">
        <v>996</v>
      </c>
      <c r="ER11" s="276"/>
      <c r="ES11" s="71">
        <v>1015</v>
      </c>
      <c r="ET11" s="71">
        <v>513</v>
      </c>
      <c r="EU11" s="71">
        <v>330</v>
      </c>
      <c r="EV11" s="71">
        <v>347</v>
      </c>
      <c r="EW11" s="71">
        <v>198</v>
      </c>
      <c r="EX11" s="72">
        <v>2403</v>
      </c>
      <c r="EY11" s="73">
        <v>3399</v>
      </c>
      <c r="EZ11" s="70">
        <v>478</v>
      </c>
      <c r="FA11" s="71">
        <v>594</v>
      </c>
      <c r="FB11" s="72">
        <v>1072</v>
      </c>
      <c r="FC11" s="276"/>
      <c r="FD11" s="71">
        <v>1282</v>
      </c>
      <c r="FE11" s="71">
        <v>694</v>
      </c>
      <c r="FF11" s="71">
        <v>560</v>
      </c>
      <c r="FG11" s="71">
        <v>530</v>
      </c>
      <c r="FH11" s="71">
        <v>295</v>
      </c>
      <c r="FI11" s="72">
        <v>3361</v>
      </c>
      <c r="FJ11" s="73">
        <v>4433</v>
      </c>
      <c r="FK11" s="70">
        <v>259</v>
      </c>
      <c r="FL11" s="71">
        <v>364</v>
      </c>
      <c r="FM11" s="72">
        <v>623</v>
      </c>
      <c r="FN11" s="276"/>
      <c r="FO11" s="71">
        <v>1097</v>
      </c>
      <c r="FP11" s="71">
        <v>893</v>
      </c>
      <c r="FQ11" s="71">
        <v>756</v>
      </c>
      <c r="FR11" s="71">
        <v>814</v>
      </c>
      <c r="FS11" s="71">
        <v>428</v>
      </c>
      <c r="FT11" s="72">
        <v>3988</v>
      </c>
      <c r="FU11" s="73">
        <v>4611</v>
      </c>
      <c r="FV11" s="70">
        <v>15</v>
      </c>
      <c r="FW11" s="71">
        <v>18</v>
      </c>
      <c r="FX11" s="72">
        <v>33</v>
      </c>
      <c r="FY11" s="276"/>
      <c r="FZ11" s="71">
        <v>60</v>
      </c>
      <c r="GA11" s="71">
        <v>61</v>
      </c>
      <c r="GB11" s="71">
        <v>36</v>
      </c>
      <c r="GC11" s="71">
        <v>21</v>
      </c>
      <c r="GD11" s="71">
        <v>33</v>
      </c>
      <c r="GE11" s="72">
        <v>211</v>
      </c>
      <c r="GF11" s="73">
        <v>244</v>
      </c>
      <c r="GG11" s="70">
        <v>1658</v>
      </c>
      <c r="GH11" s="71">
        <v>1889</v>
      </c>
      <c r="GI11" s="72">
        <v>3547</v>
      </c>
      <c r="GJ11" s="276"/>
      <c r="GK11" s="71">
        <v>4357</v>
      </c>
      <c r="GL11" s="71">
        <v>2671</v>
      </c>
      <c r="GM11" s="71">
        <v>1985</v>
      </c>
      <c r="GN11" s="71">
        <v>2048</v>
      </c>
      <c r="GO11" s="71">
        <v>1182</v>
      </c>
      <c r="GP11" s="72">
        <v>12243</v>
      </c>
      <c r="GQ11" s="73">
        <v>15790</v>
      </c>
      <c r="GR11" s="126">
        <v>2606</v>
      </c>
      <c r="GS11" s="82">
        <v>2561</v>
      </c>
      <c r="GT11" s="83">
        <v>5167</v>
      </c>
      <c r="GU11" s="273"/>
      <c r="GV11" s="82">
        <v>6546</v>
      </c>
      <c r="GW11" s="82">
        <v>4133</v>
      </c>
      <c r="GX11" s="82">
        <v>2929</v>
      </c>
      <c r="GY11" s="82">
        <v>2855</v>
      </c>
      <c r="GZ11" s="82">
        <v>1598</v>
      </c>
      <c r="HA11" s="84">
        <v>18061</v>
      </c>
      <c r="HB11" s="85">
        <v>23228</v>
      </c>
      <c r="HC11" s="70">
        <v>75</v>
      </c>
      <c r="HD11" s="71">
        <v>63</v>
      </c>
      <c r="HE11" s="72">
        <v>138</v>
      </c>
      <c r="HF11" s="276"/>
      <c r="HG11" s="71">
        <v>181</v>
      </c>
      <c r="HH11" s="71">
        <v>124</v>
      </c>
      <c r="HI11" s="71">
        <v>91</v>
      </c>
      <c r="HJ11" s="71">
        <v>94</v>
      </c>
      <c r="HK11" s="71">
        <v>67</v>
      </c>
      <c r="HL11" s="72">
        <v>557</v>
      </c>
      <c r="HM11" s="73">
        <v>695</v>
      </c>
      <c r="HN11" s="70">
        <v>225</v>
      </c>
      <c r="HO11" s="71">
        <v>203</v>
      </c>
      <c r="HP11" s="72">
        <v>428</v>
      </c>
      <c r="HQ11" s="276"/>
      <c r="HR11" s="71">
        <v>528</v>
      </c>
      <c r="HS11" s="71">
        <v>391</v>
      </c>
      <c r="HT11" s="71">
        <v>228</v>
      </c>
      <c r="HU11" s="71">
        <v>204</v>
      </c>
      <c r="HV11" s="71">
        <v>125</v>
      </c>
      <c r="HW11" s="72">
        <v>1476</v>
      </c>
      <c r="HX11" s="73">
        <v>1904</v>
      </c>
      <c r="HY11" s="70">
        <v>414</v>
      </c>
      <c r="HZ11" s="71">
        <v>362</v>
      </c>
      <c r="IA11" s="72">
        <v>776</v>
      </c>
      <c r="IB11" s="276"/>
      <c r="IC11" s="71">
        <v>916</v>
      </c>
      <c r="ID11" s="71">
        <v>498</v>
      </c>
      <c r="IE11" s="71">
        <v>310</v>
      </c>
      <c r="IF11" s="71">
        <v>311</v>
      </c>
      <c r="IG11" s="71">
        <v>214</v>
      </c>
      <c r="IH11" s="72">
        <v>2249</v>
      </c>
      <c r="II11" s="73">
        <v>3025</v>
      </c>
      <c r="IJ11" s="70">
        <v>750</v>
      </c>
      <c r="IK11" s="71">
        <v>679</v>
      </c>
      <c r="IL11" s="72">
        <v>1429</v>
      </c>
      <c r="IM11" s="276"/>
      <c r="IN11" s="71">
        <v>1568</v>
      </c>
      <c r="IO11" s="71">
        <v>886</v>
      </c>
      <c r="IP11" s="71">
        <v>559</v>
      </c>
      <c r="IQ11" s="71">
        <v>521</v>
      </c>
      <c r="IR11" s="71">
        <v>301</v>
      </c>
      <c r="IS11" s="72">
        <v>3835</v>
      </c>
      <c r="IT11" s="73">
        <v>5264</v>
      </c>
      <c r="IU11" s="70">
        <v>744</v>
      </c>
      <c r="IV11" s="71">
        <v>775</v>
      </c>
      <c r="IW11" s="72">
        <v>1519</v>
      </c>
      <c r="IX11" s="276"/>
      <c r="IY11" s="71">
        <v>1851</v>
      </c>
      <c r="IZ11" s="71">
        <v>1053</v>
      </c>
      <c r="JA11" s="71">
        <v>811</v>
      </c>
      <c r="JB11" s="71">
        <v>733</v>
      </c>
      <c r="JC11" s="71">
        <v>408</v>
      </c>
      <c r="JD11" s="72">
        <v>4856</v>
      </c>
      <c r="JE11" s="73">
        <v>6375</v>
      </c>
      <c r="JF11" s="70">
        <v>398</v>
      </c>
      <c r="JG11" s="71">
        <v>479</v>
      </c>
      <c r="JH11" s="72">
        <v>877</v>
      </c>
      <c r="JI11" s="276"/>
      <c r="JJ11" s="71">
        <v>1502</v>
      </c>
      <c r="JK11" s="71">
        <v>1181</v>
      </c>
      <c r="JL11" s="71">
        <v>930</v>
      </c>
      <c r="JM11" s="71">
        <v>992</v>
      </c>
      <c r="JN11" s="71">
        <v>483</v>
      </c>
      <c r="JO11" s="72">
        <v>5088</v>
      </c>
      <c r="JP11" s="73">
        <v>5965</v>
      </c>
      <c r="JQ11" s="70">
        <v>29</v>
      </c>
      <c r="JR11" s="71">
        <v>31</v>
      </c>
      <c r="JS11" s="72">
        <v>60</v>
      </c>
      <c r="JT11" s="276"/>
      <c r="JU11" s="71">
        <v>120</v>
      </c>
      <c r="JV11" s="71">
        <v>124</v>
      </c>
      <c r="JW11" s="71">
        <v>69</v>
      </c>
      <c r="JX11" s="71">
        <v>52</v>
      </c>
      <c r="JY11" s="71">
        <v>57</v>
      </c>
      <c r="JZ11" s="72">
        <v>422</v>
      </c>
      <c r="KA11" s="73">
        <v>482</v>
      </c>
      <c r="KB11" s="70">
        <v>2635</v>
      </c>
      <c r="KC11" s="71">
        <v>2592</v>
      </c>
      <c r="KD11" s="72">
        <v>5227</v>
      </c>
      <c r="KE11" s="276"/>
      <c r="KF11" s="71">
        <v>6666</v>
      </c>
      <c r="KG11" s="71">
        <v>4257</v>
      </c>
      <c r="KH11" s="71">
        <v>2998</v>
      </c>
      <c r="KI11" s="71">
        <v>2907</v>
      </c>
      <c r="KJ11" s="71">
        <v>1655</v>
      </c>
      <c r="KK11" s="72">
        <v>18483</v>
      </c>
      <c r="KL11" s="73">
        <v>23710</v>
      </c>
    </row>
    <row r="12" spans="1:298" ht="19.5" customHeight="1" x14ac:dyDescent="0.2">
      <c r="A12" s="129" t="s">
        <v>8</v>
      </c>
      <c r="B12" s="350">
        <v>526</v>
      </c>
      <c r="C12" s="82">
        <v>346</v>
      </c>
      <c r="D12" s="83">
        <v>872</v>
      </c>
      <c r="E12" s="273"/>
      <c r="F12" s="82">
        <v>926</v>
      </c>
      <c r="G12" s="82">
        <v>857</v>
      </c>
      <c r="H12" s="82">
        <v>621</v>
      </c>
      <c r="I12" s="82">
        <v>467</v>
      </c>
      <c r="J12" s="82">
        <v>255</v>
      </c>
      <c r="K12" s="84">
        <v>3126</v>
      </c>
      <c r="L12" s="85">
        <v>3998</v>
      </c>
      <c r="M12" s="70">
        <v>25</v>
      </c>
      <c r="N12" s="71">
        <v>30</v>
      </c>
      <c r="O12" s="72">
        <v>55</v>
      </c>
      <c r="P12" s="276"/>
      <c r="Q12" s="71">
        <v>44</v>
      </c>
      <c r="R12" s="71">
        <v>44</v>
      </c>
      <c r="S12" s="71">
        <v>37</v>
      </c>
      <c r="T12" s="71">
        <v>21</v>
      </c>
      <c r="U12" s="71">
        <v>16</v>
      </c>
      <c r="V12" s="72">
        <v>162</v>
      </c>
      <c r="W12" s="73">
        <v>217</v>
      </c>
      <c r="X12" s="70">
        <v>61</v>
      </c>
      <c r="Y12" s="71">
        <v>41</v>
      </c>
      <c r="Z12" s="72">
        <v>102</v>
      </c>
      <c r="AA12" s="276">
        <v>0</v>
      </c>
      <c r="AB12" s="71">
        <v>113</v>
      </c>
      <c r="AC12" s="71">
        <v>126</v>
      </c>
      <c r="AD12" s="71">
        <v>84</v>
      </c>
      <c r="AE12" s="71">
        <v>63</v>
      </c>
      <c r="AF12" s="71">
        <v>39</v>
      </c>
      <c r="AG12" s="72">
        <v>425</v>
      </c>
      <c r="AH12" s="73">
        <v>527</v>
      </c>
      <c r="AI12" s="70">
        <v>89</v>
      </c>
      <c r="AJ12" s="71">
        <v>46</v>
      </c>
      <c r="AK12" s="72">
        <v>135</v>
      </c>
      <c r="AL12" s="276"/>
      <c r="AM12" s="71">
        <v>165</v>
      </c>
      <c r="AN12" s="71">
        <v>135</v>
      </c>
      <c r="AO12" s="71">
        <v>107</v>
      </c>
      <c r="AP12" s="71">
        <v>60</v>
      </c>
      <c r="AQ12" s="71">
        <v>53</v>
      </c>
      <c r="AR12" s="72">
        <v>520</v>
      </c>
      <c r="AS12" s="73">
        <v>655</v>
      </c>
      <c r="AT12" s="70">
        <v>135</v>
      </c>
      <c r="AU12" s="71">
        <v>80</v>
      </c>
      <c r="AV12" s="72">
        <v>215</v>
      </c>
      <c r="AW12" s="276"/>
      <c r="AX12" s="71">
        <v>210</v>
      </c>
      <c r="AY12" s="71">
        <v>210</v>
      </c>
      <c r="AZ12" s="71">
        <v>133</v>
      </c>
      <c r="BA12" s="71">
        <v>123</v>
      </c>
      <c r="BB12" s="71">
        <v>53</v>
      </c>
      <c r="BC12" s="72">
        <v>729</v>
      </c>
      <c r="BD12" s="73">
        <v>944</v>
      </c>
      <c r="BE12" s="70">
        <v>134</v>
      </c>
      <c r="BF12" s="71">
        <v>87</v>
      </c>
      <c r="BG12" s="72">
        <v>221</v>
      </c>
      <c r="BH12" s="276"/>
      <c r="BI12" s="71">
        <v>243</v>
      </c>
      <c r="BJ12" s="71">
        <v>193</v>
      </c>
      <c r="BK12" s="71">
        <v>141</v>
      </c>
      <c r="BL12" s="71">
        <v>111</v>
      </c>
      <c r="BM12" s="71">
        <v>51</v>
      </c>
      <c r="BN12" s="72">
        <v>739</v>
      </c>
      <c r="BO12" s="73">
        <v>960</v>
      </c>
      <c r="BP12" s="70">
        <v>82</v>
      </c>
      <c r="BQ12" s="71">
        <v>62</v>
      </c>
      <c r="BR12" s="72">
        <v>144</v>
      </c>
      <c r="BS12" s="276"/>
      <c r="BT12" s="71">
        <v>151</v>
      </c>
      <c r="BU12" s="71">
        <v>149</v>
      </c>
      <c r="BV12" s="71">
        <v>119</v>
      </c>
      <c r="BW12" s="71">
        <v>89</v>
      </c>
      <c r="BX12" s="71">
        <v>43</v>
      </c>
      <c r="BY12" s="72">
        <v>551</v>
      </c>
      <c r="BZ12" s="73">
        <v>695</v>
      </c>
      <c r="CA12" s="70">
        <v>12</v>
      </c>
      <c r="CB12" s="71">
        <v>19</v>
      </c>
      <c r="CC12" s="72">
        <v>31</v>
      </c>
      <c r="CD12" s="276"/>
      <c r="CE12" s="71">
        <v>25</v>
      </c>
      <c r="CF12" s="71">
        <v>38</v>
      </c>
      <c r="CG12" s="71">
        <v>27</v>
      </c>
      <c r="CH12" s="71">
        <v>21</v>
      </c>
      <c r="CI12" s="71">
        <v>21</v>
      </c>
      <c r="CJ12" s="72">
        <v>132</v>
      </c>
      <c r="CK12" s="73">
        <v>163</v>
      </c>
      <c r="CL12" s="70">
        <v>538</v>
      </c>
      <c r="CM12" s="71">
        <v>365</v>
      </c>
      <c r="CN12" s="72">
        <v>903</v>
      </c>
      <c r="CO12" s="276"/>
      <c r="CP12" s="71">
        <v>951</v>
      </c>
      <c r="CQ12" s="71">
        <v>895</v>
      </c>
      <c r="CR12" s="71">
        <v>648</v>
      </c>
      <c r="CS12" s="71">
        <v>488</v>
      </c>
      <c r="CT12" s="71">
        <v>276</v>
      </c>
      <c r="CU12" s="72">
        <v>3258</v>
      </c>
      <c r="CV12" s="73">
        <v>4161</v>
      </c>
      <c r="CW12" s="126">
        <v>962</v>
      </c>
      <c r="CX12" s="82">
        <v>910</v>
      </c>
      <c r="CY12" s="83">
        <v>1872</v>
      </c>
      <c r="CZ12" s="273"/>
      <c r="DA12" s="82">
        <v>1693</v>
      </c>
      <c r="DB12" s="82">
        <v>1560</v>
      </c>
      <c r="DC12" s="82">
        <v>1240</v>
      </c>
      <c r="DD12" s="82">
        <v>996</v>
      </c>
      <c r="DE12" s="82">
        <v>644</v>
      </c>
      <c r="DF12" s="84">
        <v>6133</v>
      </c>
      <c r="DG12" s="85">
        <v>8005</v>
      </c>
      <c r="DH12" s="70">
        <v>27</v>
      </c>
      <c r="DI12" s="71">
        <v>20</v>
      </c>
      <c r="DJ12" s="72">
        <v>47</v>
      </c>
      <c r="DK12" s="276"/>
      <c r="DL12" s="71">
        <v>44</v>
      </c>
      <c r="DM12" s="71">
        <v>33</v>
      </c>
      <c r="DN12" s="71">
        <v>16</v>
      </c>
      <c r="DO12" s="71">
        <v>22</v>
      </c>
      <c r="DP12" s="71">
        <v>18</v>
      </c>
      <c r="DQ12" s="72">
        <v>133</v>
      </c>
      <c r="DR12" s="73">
        <v>180</v>
      </c>
      <c r="DS12" s="70">
        <v>69</v>
      </c>
      <c r="DT12" s="71">
        <v>74</v>
      </c>
      <c r="DU12" s="72">
        <v>143</v>
      </c>
      <c r="DV12" s="276"/>
      <c r="DW12" s="71">
        <v>105</v>
      </c>
      <c r="DX12" s="71">
        <v>101</v>
      </c>
      <c r="DY12" s="71">
        <v>67</v>
      </c>
      <c r="DZ12" s="71">
        <v>57</v>
      </c>
      <c r="EA12" s="71">
        <v>42</v>
      </c>
      <c r="EB12" s="72">
        <v>372</v>
      </c>
      <c r="EC12" s="73">
        <v>515</v>
      </c>
      <c r="ED12" s="70">
        <v>153</v>
      </c>
      <c r="EE12" s="71">
        <v>145</v>
      </c>
      <c r="EF12" s="72">
        <v>298</v>
      </c>
      <c r="EG12" s="276"/>
      <c r="EH12" s="71">
        <v>212</v>
      </c>
      <c r="EI12" s="71">
        <v>176</v>
      </c>
      <c r="EJ12" s="71">
        <v>112</v>
      </c>
      <c r="EK12" s="71">
        <v>87</v>
      </c>
      <c r="EL12" s="71">
        <v>68</v>
      </c>
      <c r="EM12" s="72">
        <v>655</v>
      </c>
      <c r="EN12" s="73">
        <v>953</v>
      </c>
      <c r="EO12" s="70">
        <v>310</v>
      </c>
      <c r="EP12" s="71">
        <v>242</v>
      </c>
      <c r="EQ12" s="72">
        <v>552</v>
      </c>
      <c r="ER12" s="276"/>
      <c r="ES12" s="71">
        <v>411</v>
      </c>
      <c r="ET12" s="71">
        <v>334</v>
      </c>
      <c r="EU12" s="71">
        <v>226</v>
      </c>
      <c r="EV12" s="71">
        <v>170</v>
      </c>
      <c r="EW12" s="71">
        <v>104</v>
      </c>
      <c r="EX12" s="72">
        <v>1245</v>
      </c>
      <c r="EY12" s="73">
        <v>1797</v>
      </c>
      <c r="EZ12" s="70">
        <v>276</v>
      </c>
      <c r="FA12" s="71">
        <v>269</v>
      </c>
      <c r="FB12" s="72">
        <v>545</v>
      </c>
      <c r="FC12" s="276"/>
      <c r="FD12" s="71">
        <v>490</v>
      </c>
      <c r="FE12" s="71">
        <v>433</v>
      </c>
      <c r="FF12" s="71">
        <v>339</v>
      </c>
      <c r="FG12" s="71">
        <v>243</v>
      </c>
      <c r="FH12" s="71">
        <v>164</v>
      </c>
      <c r="FI12" s="72">
        <v>1669</v>
      </c>
      <c r="FJ12" s="73">
        <v>2214</v>
      </c>
      <c r="FK12" s="70">
        <v>127</v>
      </c>
      <c r="FL12" s="71">
        <v>160</v>
      </c>
      <c r="FM12" s="72">
        <v>287</v>
      </c>
      <c r="FN12" s="276"/>
      <c r="FO12" s="71">
        <v>431</v>
      </c>
      <c r="FP12" s="71">
        <v>483</v>
      </c>
      <c r="FQ12" s="71">
        <v>480</v>
      </c>
      <c r="FR12" s="71">
        <v>417</v>
      </c>
      <c r="FS12" s="71">
        <v>248</v>
      </c>
      <c r="FT12" s="72">
        <v>2059</v>
      </c>
      <c r="FU12" s="73">
        <v>2346</v>
      </c>
      <c r="FV12" s="70">
        <v>7</v>
      </c>
      <c r="FW12" s="71">
        <v>23</v>
      </c>
      <c r="FX12" s="72">
        <v>30</v>
      </c>
      <c r="FY12" s="276"/>
      <c r="FZ12" s="71">
        <v>13</v>
      </c>
      <c r="GA12" s="71">
        <v>36</v>
      </c>
      <c r="GB12" s="71">
        <v>20</v>
      </c>
      <c r="GC12" s="71">
        <v>15</v>
      </c>
      <c r="GD12" s="71">
        <v>18</v>
      </c>
      <c r="GE12" s="72">
        <v>102</v>
      </c>
      <c r="GF12" s="73">
        <v>132</v>
      </c>
      <c r="GG12" s="70">
        <v>969</v>
      </c>
      <c r="GH12" s="71">
        <v>933</v>
      </c>
      <c r="GI12" s="72">
        <v>1902</v>
      </c>
      <c r="GJ12" s="276"/>
      <c r="GK12" s="71">
        <v>1706</v>
      </c>
      <c r="GL12" s="71">
        <v>1596</v>
      </c>
      <c r="GM12" s="71">
        <v>1260</v>
      </c>
      <c r="GN12" s="71">
        <v>1011</v>
      </c>
      <c r="GO12" s="71">
        <v>662</v>
      </c>
      <c r="GP12" s="72">
        <v>6235</v>
      </c>
      <c r="GQ12" s="73">
        <v>8137</v>
      </c>
      <c r="GR12" s="126">
        <v>1488</v>
      </c>
      <c r="GS12" s="82">
        <v>1256</v>
      </c>
      <c r="GT12" s="83">
        <v>2744</v>
      </c>
      <c r="GU12" s="273"/>
      <c r="GV12" s="82">
        <v>2619</v>
      </c>
      <c r="GW12" s="82">
        <v>2417</v>
      </c>
      <c r="GX12" s="82">
        <v>1861</v>
      </c>
      <c r="GY12" s="82">
        <v>1463</v>
      </c>
      <c r="GZ12" s="82">
        <v>899</v>
      </c>
      <c r="HA12" s="84">
        <v>9259</v>
      </c>
      <c r="HB12" s="85">
        <v>12003</v>
      </c>
      <c r="HC12" s="70">
        <v>52</v>
      </c>
      <c r="HD12" s="71">
        <v>50</v>
      </c>
      <c r="HE12" s="72">
        <v>102</v>
      </c>
      <c r="HF12" s="276"/>
      <c r="HG12" s="71">
        <v>88</v>
      </c>
      <c r="HH12" s="71">
        <v>77</v>
      </c>
      <c r="HI12" s="71">
        <v>53</v>
      </c>
      <c r="HJ12" s="71">
        <v>43</v>
      </c>
      <c r="HK12" s="71">
        <v>34</v>
      </c>
      <c r="HL12" s="72">
        <v>295</v>
      </c>
      <c r="HM12" s="73">
        <v>397</v>
      </c>
      <c r="HN12" s="70">
        <v>130</v>
      </c>
      <c r="HO12" s="71">
        <v>115</v>
      </c>
      <c r="HP12" s="72">
        <v>245</v>
      </c>
      <c r="HQ12" s="276"/>
      <c r="HR12" s="71">
        <v>218</v>
      </c>
      <c r="HS12" s="71">
        <v>227</v>
      </c>
      <c r="HT12" s="71">
        <v>151</v>
      </c>
      <c r="HU12" s="71">
        <v>120</v>
      </c>
      <c r="HV12" s="71">
        <v>81</v>
      </c>
      <c r="HW12" s="72">
        <v>797</v>
      </c>
      <c r="HX12" s="73">
        <v>1042</v>
      </c>
      <c r="HY12" s="70">
        <v>242</v>
      </c>
      <c r="HZ12" s="71">
        <v>191</v>
      </c>
      <c r="IA12" s="72">
        <v>433</v>
      </c>
      <c r="IB12" s="276"/>
      <c r="IC12" s="71">
        <v>377</v>
      </c>
      <c r="ID12" s="71">
        <v>311</v>
      </c>
      <c r="IE12" s="71">
        <v>219</v>
      </c>
      <c r="IF12" s="71">
        <v>147</v>
      </c>
      <c r="IG12" s="71">
        <v>121</v>
      </c>
      <c r="IH12" s="72">
        <v>1175</v>
      </c>
      <c r="II12" s="73">
        <v>1608</v>
      </c>
      <c r="IJ12" s="70">
        <v>445</v>
      </c>
      <c r="IK12" s="71">
        <v>322</v>
      </c>
      <c r="IL12" s="72">
        <v>767</v>
      </c>
      <c r="IM12" s="276"/>
      <c r="IN12" s="71">
        <v>621</v>
      </c>
      <c r="IO12" s="71">
        <v>544</v>
      </c>
      <c r="IP12" s="71">
        <v>359</v>
      </c>
      <c r="IQ12" s="71">
        <v>293</v>
      </c>
      <c r="IR12" s="71">
        <v>157</v>
      </c>
      <c r="IS12" s="72">
        <v>1974</v>
      </c>
      <c r="IT12" s="73">
        <v>2741</v>
      </c>
      <c r="IU12" s="70">
        <v>410</v>
      </c>
      <c r="IV12" s="71">
        <v>356</v>
      </c>
      <c r="IW12" s="72">
        <v>766</v>
      </c>
      <c r="IX12" s="276"/>
      <c r="IY12" s="71">
        <v>733</v>
      </c>
      <c r="IZ12" s="71">
        <v>626</v>
      </c>
      <c r="JA12" s="71">
        <v>480</v>
      </c>
      <c r="JB12" s="71">
        <v>354</v>
      </c>
      <c r="JC12" s="71">
        <v>215</v>
      </c>
      <c r="JD12" s="72">
        <v>2408</v>
      </c>
      <c r="JE12" s="73">
        <v>3174</v>
      </c>
      <c r="JF12" s="70">
        <v>209</v>
      </c>
      <c r="JG12" s="71">
        <v>222</v>
      </c>
      <c r="JH12" s="72">
        <v>431</v>
      </c>
      <c r="JI12" s="276"/>
      <c r="JJ12" s="71">
        <v>582</v>
      </c>
      <c r="JK12" s="71">
        <v>632</v>
      </c>
      <c r="JL12" s="71">
        <v>599</v>
      </c>
      <c r="JM12" s="71">
        <v>506</v>
      </c>
      <c r="JN12" s="71">
        <v>291</v>
      </c>
      <c r="JO12" s="72">
        <v>2610</v>
      </c>
      <c r="JP12" s="73">
        <v>3041</v>
      </c>
      <c r="JQ12" s="70">
        <v>19</v>
      </c>
      <c r="JR12" s="71">
        <v>42</v>
      </c>
      <c r="JS12" s="72">
        <v>61</v>
      </c>
      <c r="JT12" s="276"/>
      <c r="JU12" s="71">
        <v>38</v>
      </c>
      <c r="JV12" s="71">
        <v>74</v>
      </c>
      <c r="JW12" s="71">
        <v>47</v>
      </c>
      <c r="JX12" s="71">
        <v>36</v>
      </c>
      <c r="JY12" s="71">
        <v>39</v>
      </c>
      <c r="JZ12" s="72">
        <v>234</v>
      </c>
      <c r="KA12" s="73">
        <v>295</v>
      </c>
      <c r="KB12" s="70">
        <v>1507</v>
      </c>
      <c r="KC12" s="71">
        <v>1298</v>
      </c>
      <c r="KD12" s="72">
        <v>2805</v>
      </c>
      <c r="KE12" s="276"/>
      <c r="KF12" s="71">
        <v>2657</v>
      </c>
      <c r="KG12" s="71">
        <v>2491</v>
      </c>
      <c r="KH12" s="71">
        <v>1908</v>
      </c>
      <c r="KI12" s="71">
        <v>1499</v>
      </c>
      <c r="KJ12" s="71">
        <v>938</v>
      </c>
      <c r="KK12" s="72">
        <v>9493</v>
      </c>
      <c r="KL12" s="73">
        <v>12298</v>
      </c>
    </row>
    <row r="13" spans="1:298" ht="19.5" customHeight="1" x14ac:dyDescent="0.2">
      <c r="A13" s="129" t="s">
        <v>9</v>
      </c>
      <c r="B13" s="350">
        <v>637</v>
      </c>
      <c r="C13" s="82">
        <v>415</v>
      </c>
      <c r="D13" s="83">
        <v>1052</v>
      </c>
      <c r="E13" s="273"/>
      <c r="F13" s="82">
        <v>802</v>
      </c>
      <c r="G13" s="82">
        <v>566</v>
      </c>
      <c r="H13" s="82">
        <v>433</v>
      </c>
      <c r="I13" s="82">
        <v>386</v>
      </c>
      <c r="J13" s="82">
        <v>225</v>
      </c>
      <c r="K13" s="84">
        <v>2412</v>
      </c>
      <c r="L13" s="85">
        <v>3464</v>
      </c>
      <c r="M13" s="70">
        <v>19</v>
      </c>
      <c r="N13" s="71">
        <v>11</v>
      </c>
      <c r="O13" s="72">
        <v>30</v>
      </c>
      <c r="P13" s="276"/>
      <c r="Q13" s="71">
        <v>20</v>
      </c>
      <c r="R13" s="71">
        <v>28</v>
      </c>
      <c r="S13" s="71">
        <v>15</v>
      </c>
      <c r="T13" s="71">
        <v>12</v>
      </c>
      <c r="U13" s="71">
        <v>9</v>
      </c>
      <c r="V13" s="72">
        <v>84</v>
      </c>
      <c r="W13" s="73">
        <v>114</v>
      </c>
      <c r="X13" s="70">
        <v>50</v>
      </c>
      <c r="Y13" s="71">
        <v>34</v>
      </c>
      <c r="Z13" s="72">
        <v>84</v>
      </c>
      <c r="AA13" s="276">
        <v>0</v>
      </c>
      <c r="AB13" s="71">
        <v>61</v>
      </c>
      <c r="AC13" s="71">
        <v>46</v>
      </c>
      <c r="AD13" s="71">
        <v>44</v>
      </c>
      <c r="AE13" s="71">
        <v>36</v>
      </c>
      <c r="AF13" s="71">
        <v>23</v>
      </c>
      <c r="AG13" s="72">
        <v>210</v>
      </c>
      <c r="AH13" s="73">
        <v>294</v>
      </c>
      <c r="AI13" s="70">
        <v>67</v>
      </c>
      <c r="AJ13" s="71">
        <v>39</v>
      </c>
      <c r="AK13" s="72">
        <v>106</v>
      </c>
      <c r="AL13" s="276"/>
      <c r="AM13" s="71">
        <v>104</v>
      </c>
      <c r="AN13" s="71">
        <v>60</v>
      </c>
      <c r="AO13" s="71">
        <v>64</v>
      </c>
      <c r="AP13" s="71">
        <v>50</v>
      </c>
      <c r="AQ13" s="71">
        <v>39</v>
      </c>
      <c r="AR13" s="72">
        <v>317</v>
      </c>
      <c r="AS13" s="73">
        <v>423</v>
      </c>
      <c r="AT13" s="70">
        <v>158</v>
      </c>
      <c r="AU13" s="71">
        <v>97</v>
      </c>
      <c r="AV13" s="72">
        <v>255</v>
      </c>
      <c r="AW13" s="276"/>
      <c r="AX13" s="71">
        <v>177</v>
      </c>
      <c r="AY13" s="71">
        <v>115</v>
      </c>
      <c r="AZ13" s="71">
        <v>73</v>
      </c>
      <c r="BA13" s="71">
        <v>66</v>
      </c>
      <c r="BB13" s="71">
        <v>43</v>
      </c>
      <c r="BC13" s="72">
        <v>474</v>
      </c>
      <c r="BD13" s="73">
        <v>729</v>
      </c>
      <c r="BE13" s="70">
        <v>202</v>
      </c>
      <c r="BF13" s="71">
        <v>125</v>
      </c>
      <c r="BG13" s="72">
        <v>327</v>
      </c>
      <c r="BH13" s="276"/>
      <c r="BI13" s="71">
        <v>254</v>
      </c>
      <c r="BJ13" s="71">
        <v>156</v>
      </c>
      <c r="BK13" s="71">
        <v>113</v>
      </c>
      <c r="BL13" s="71">
        <v>132</v>
      </c>
      <c r="BM13" s="71">
        <v>45</v>
      </c>
      <c r="BN13" s="72">
        <v>700</v>
      </c>
      <c r="BO13" s="73">
        <v>1027</v>
      </c>
      <c r="BP13" s="70">
        <v>141</v>
      </c>
      <c r="BQ13" s="71">
        <v>109</v>
      </c>
      <c r="BR13" s="72">
        <v>250</v>
      </c>
      <c r="BS13" s="276"/>
      <c r="BT13" s="71">
        <v>186</v>
      </c>
      <c r="BU13" s="71">
        <v>161</v>
      </c>
      <c r="BV13" s="71">
        <v>124</v>
      </c>
      <c r="BW13" s="71">
        <v>90</v>
      </c>
      <c r="BX13" s="71">
        <v>66</v>
      </c>
      <c r="BY13" s="72">
        <v>627</v>
      </c>
      <c r="BZ13" s="73">
        <v>877</v>
      </c>
      <c r="CA13" s="70">
        <v>5</v>
      </c>
      <c r="CB13" s="71">
        <v>16</v>
      </c>
      <c r="CC13" s="72">
        <v>21</v>
      </c>
      <c r="CD13" s="276"/>
      <c r="CE13" s="71">
        <v>26</v>
      </c>
      <c r="CF13" s="71">
        <v>21</v>
      </c>
      <c r="CG13" s="71">
        <v>10</v>
      </c>
      <c r="CH13" s="71">
        <v>12</v>
      </c>
      <c r="CI13" s="71">
        <v>9</v>
      </c>
      <c r="CJ13" s="72">
        <v>78</v>
      </c>
      <c r="CK13" s="73">
        <v>99</v>
      </c>
      <c r="CL13" s="70">
        <v>642</v>
      </c>
      <c r="CM13" s="71">
        <v>431</v>
      </c>
      <c r="CN13" s="72">
        <v>1073</v>
      </c>
      <c r="CO13" s="276"/>
      <c r="CP13" s="71">
        <v>828</v>
      </c>
      <c r="CQ13" s="71">
        <v>587</v>
      </c>
      <c r="CR13" s="71">
        <v>443</v>
      </c>
      <c r="CS13" s="71">
        <v>398</v>
      </c>
      <c r="CT13" s="71">
        <v>234</v>
      </c>
      <c r="CU13" s="72">
        <v>2490</v>
      </c>
      <c r="CV13" s="73">
        <v>3563</v>
      </c>
      <c r="CW13" s="126">
        <v>1315</v>
      </c>
      <c r="CX13" s="82">
        <v>1019</v>
      </c>
      <c r="CY13" s="83">
        <v>2334</v>
      </c>
      <c r="CZ13" s="273"/>
      <c r="DA13" s="82">
        <v>1597</v>
      </c>
      <c r="DB13" s="82">
        <v>1153</v>
      </c>
      <c r="DC13" s="82">
        <v>946</v>
      </c>
      <c r="DD13" s="82">
        <v>1022</v>
      </c>
      <c r="DE13" s="82">
        <v>713</v>
      </c>
      <c r="DF13" s="84">
        <v>5431</v>
      </c>
      <c r="DG13" s="85">
        <v>7765</v>
      </c>
      <c r="DH13" s="70">
        <v>23</v>
      </c>
      <c r="DI13" s="71">
        <v>14</v>
      </c>
      <c r="DJ13" s="72">
        <v>37</v>
      </c>
      <c r="DK13" s="276"/>
      <c r="DL13" s="71">
        <v>15</v>
      </c>
      <c r="DM13" s="71">
        <v>11</v>
      </c>
      <c r="DN13" s="71">
        <v>10</v>
      </c>
      <c r="DO13" s="71">
        <v>12</v>
      </c>
      <c r="DP13" s="71">
        <v>13</v>
      </c>
      <c r="DQ13" s="72">
        <v>61</v>
      </c>
      <c r="DR13" s="73">
        <v>98</v>
      </c>
      <c r="DS13" s="70">
        <v>92</v>
      </c>
      <c r="DT13" s="71">
        <v>60</v>
      </c>
      <c r="DU13" s="72">
        <v>152</v>
      </c>
      <c r="DV13" s="276"/>
      <c r="DW13" s="71">
        <v>64</v>
      </c>
      <c r="DX13" s="71">
        <v>42</v>
      </c>
      <c r="DY13" s="71">
        <v>31</v>
      </c>
      <c r="DZ13" s="71">
        <v>33</v>
      </c>
      <c r="EA13" s="71">
        <v>31</v>
      </c>
      <c r="EB13" s="72">
        <v>201</v>
      </c>
      <c r="EC13" s="73">
        <v>353</v>
      </c>
      <c r="ED13" s="70">
        <v>190</v>
      </c>
      <c r="EE13" s="71">
        <v>135</v>
      </c>
      <c r="EF13" s="72">
        <v>325</v>
      </c>
      <c r="EG13" s="276"/>
      <c r="EH13" s="71">
        <v>159</v>
      </c>
      <c r="EI13" s="71">
        <v>97</v>
      </c>
      <c r="EJ13" s="71">
        <v>54</v>
      </c>
      <c r="EK13" s="71">
        <v>57</v>
      </c>
      <c r="EL13" s="71">
        <v>67</v>
      </c>
      <c r="EM13" s="72">
        <v>434</v>
      </c>
      <c r="EN13" s="73">
        <v>759</v>
      </c>
      <c r="EO13" s="70">
        <v>356</v>
      </c>
      <c r="EP13" s="71">
        <v>238</v>
      </c>
      <c r="EQ13" s="72">
        <v>594</v>
      </c>
      <c r="ER13" s="276"/>
      <c r="ES13" s="71">
        <v>347</v>
      </c>
      <c r="ET13" s="71">
        <v>193</v>
      </c>
      <c r="EU13" s="71">
        <v>139</v>
      </c>
      <c r="EV13" s="71">
        <v>146</v>
      </c>
      <c r="EW13" s="71">
        <v>111</v>
      </c>
      <c r="EX13" s="72">
        <v>936</v>
      </c>
      <c r="EY13" s="73">
        <v>1530</v>
      </c>
      <c r="EZ13" s="70">
        <v>401</v>
      </c>
      <c r="FA13" s="71">
        <v>341</v>
      </c>
      <c r="FB13" s="72">
        <v>742</v>
      </c>
      <c r="FC13" s="276"/>
      <c r="FD13" s="71">
        <v>503</v>
      </c>
      <c r="FE13" s="71">
        <v>339</v>
      </c>
      <c r="FF13" s="71">
        <v>261</v>
      </c>
      <c r="FG13" s="71">
        <v>259</v>
      </c>
      <c r="FH13" s="71">
        <v>177</v>
      </c>
      <c r="FI13" s="72">
        <v>1539</v>
      </c>
      <c r="FJ13" s="73">
        <v>2281</v>
      </c>
      <c r="FK13" s="70">
        <v>253</v>
      </c>
      <c r="FL13" s="71">
        <v>231</v>
      </c>
      <c r="FM13" s="72">
        <v>484</v>
      </c>
      <c r="FN13" s="276"/>
      <c r="FO13" s="71">
        <v>509</v>
      </c>
      <c r="FP13" s="71">
        <v>471</v>
      </c>
      <c r="FQ13" s="71">
        <v>451</v>
      </c>
      <c r="FR13" s="71">
        <v>515</v>
      </c>
      <c r="FS13" s="71">
        <v>314</v>
      </c>
      <c r="FT13" s="72">
        <v>2260</v>
      </c>
      <c r="FU13" s="73">
        <v>2744</v>
      </c>
      <c r="FV13" s="70">
        <v>6</v>
      </c>
      <c r="FW13" s="71">
        <v>13</v>
      </c>
      <c r="FX13" s="72">
        <v>19</v>
      </c>
      <c r="FY13" s="276"/>
      <c r="FZ13" s="71">
        <v>9</v>
      </c>
      <c r="GA13" s="71">
        <v>17</v>
      </c>
      <c r="GB13" s="71">
        <v>11</v>
      </c>
      <c r="GC13" s="71">
        <v>13</v>
      </c>
      <c r="GD13" s="71">
        <v>11</v>
      </c>
      <c r="GE13" s="72">
        <v>61</v>
      </c>
      <c r="GF13" s="73">
        <v>80</v>
      </c>
      <c r="GG13" s="70">
        <v>1321</v>
      </c>
      <c r="GH13" s="71">
        <v>1032</v>
      </c>
      <c r="GI13" s="72">
        <v>2353</v>
      </c>
      <c r="GJ13" s="276"/>
      <c r="GK13" s="71">
        <v>1606</v>
      </c>
      <c r="GL13" s="71">
        <v>1170</v>
      </c>
      <c r="GM13" s="71">
        <v>957</v>
      </c>
      <c r="GN13" s="71">
        <v>1035</v>
      </c>
      <c r="GO13" s="71">
        <v>724</v>
      </c>
      <c r="GP13" s="72">
        <v>5492</v>
      </c>
      <c r="GQ13" s="73">
        <v>7845</v>
      </c>
      <c r="GR13" s="126">
        <v>1952</v>
      </c>
      <c r="GS13" s="82">
        <v>1434</v>
      </c>
      <c r="GT13" s="83">
        <v>3386</v>
      </c>
      <c r="GU13" s="273"/>
      <c r="GV13" s="82">
        <v>2399</v>
      </c>
      <c r="GW13" s="82">
        <v>1719</v>
      </c>
      <c r="GX13" s="82">
        <v>1379</v>
      </c>
      <c r="GY13" s="82">
        <v>1408</v>
      </c>
      <c r="GZ13" s="82">
        <v>938</v>
      </c>
      <c r="HA13" s="84">
        <v>7843</v>
      </c>
      <c r="HB13" s="85">
        <v>11229</v>
      </c>
      <c r="HC13" s="70">
        <v>42</v>
      </c>
      <c r="HD13" s="71">
        <v>25</v>
      </c>
      <c r="HE13" s="72">
        <v>67</v>
      </c>
      <c r="HF13" s="276"/>
      <c r="HG13" s="71">
        <v>35</v>
      </c>
      <c r="HH13" s="71">
        <v>39</v>
      </c>
      <c r="HI13" s="71">
        <v>25</v>
      </c>
      <c r="HJ13" s="71">
        <v>24</v>
      </c>
      <c r="HK13" s="71">
        <v>22</v>
      </c>
      <c r="HL13" s="72">
        <v>145</v>
      </c>
      <c r="HM13" s="73">
        <v>212</v>
      </c>
      <c r="HN13" s="70">
        <v>142</v>
      </c>
      <c r="HO13" s="71">
        <v>94</v>
      </c>
      <c r="HP13" s="72">
        <v>236</v>
      </c>
      <c r="HQ13" s="276"/>
      <c r="HR13" s="71">
        <v>125</v>
      </c>
      <c r="HS13" s="71">
        <v>88</v>
      </c>
      <c r="HT13" s="71">
        <v>75</v>
      </c>
      <c r="HU13" s="71">
        <v>69</v>
      </c>
      <c r="HV13" s="71">
        <v>54</v>
      </c>
      <c r="HW13" s="72">
        <v>411</v>
      </c>
      <c r="HX13" s="73">
        <v>647</v>
      </c>
      <c r="HY13" s="70">
        <v>257</v>
      </c>
      <c r="HZ13" s="71">
        <v>174</v>
      </c>
      <c r="IA13" s="72">
        <v>431</v>
      </c>
      <c r="IB13" s="276"/>
      <c r="IC13" s="71">
        <v>263</v>
      </c>
      <c r="ID13" s="71">
        <v>157</v>
      </c>
      <c r="IE13" s="71">
        <v>118</v>
      </c>
      <c r="IF13" s="71">
        <v>107</v>
      </c>
      <c r="IG13" s="71">
        <v>106</v>
      </c>
      <c r="IH13" s="72">
        <v>751</v>
      </c>
      <c r="II13" s="73">
        <v>1182</v>
      </c>
      <c r="IJ13" s="70">
        <v>514</v>
      </c>
      <c r="IK13" s="71">
        <v>335</v>
      </c>
      <c r="IL13" s="72">
        <v>849</v>
      </c>
      <c r="IM13" s="276"/>
      <c r="IN13" s="71">
        <v>524</v>
      </c>
      <c r="IO13" s="71">
        <v>308</v>
      </c>
      <c r="IP13" s="71">
        <v>212</v>
      </c>
      <c r="IQ13" s="71">
        <v>212</v>
      </c>
      <c r="IR13" s="71">
        <v>154</v>
      </c>
      <c r="IS13" s="72">
        <v>1410</v>
      </c>
      <c r="IT13" s="73">
        <v>2259</v>
      </c>
      <c r="IU13" s="70">
        <v>603</v>
      </c>
      <c r="IV13" s="71">
        <v>466</v>
      </c>
      <c r="IW13" s="72">
        <v>1069</v>
      </c>
      <c r="IX13" s="276"/>
      <c r="IY13" s="71">
        <v>757</v>
      </c>
      <c r="IZ13" s="71">
        <v>495</v>
      </c>
      <c r="JA13" s="71">
        <v>374</v>
      </c>
      <c r="JB13" s="71">
        <v>391</v>
      </c>
      <c r="JC13" s="71">
        <v>222</v>
      </c>
      <c r="JD13" s="72">
        <v>2239</v>
      </c>
      <c r="JE13" s="73">
        <v>3308</v>
      </c>
      <c r="JF13" s="70">
        <v>394</v>
      </c>
      <c r="JG13" s="71">
        <v>340</v>
      </c>
      <c r="JH13" s="72">
        <v>734</v>
      </c>
      <c r="JI13" s="276"/>
      <c r="JJ13" s="71">
        <v>695</v>
      </c>
      <c r="JK13" s="71">
        <v>632</v>
      </c>
      <c r="JL13" s="71">
        <v>575</v>
      </c>
      <c r="JM13" s="71">
        <v>605</v>
      </c>
      <c r="JN13" s="71">
        <v>380</v>
      </c>
      <c r="JO13" s="72">
        <v>2887</v>
      </c>
      <c r="JP13" s="73">
        <v>3621</v>
      </c>
      <c r="JQ13" s="70">
        <v>11</v>
      </c>
      <c r="JR13" s="71">
        <v>29</v>
      </c>
      <c r="JS13" s="72">
        <v>40</v>
      </c>
      <c r="JT13" s="276"/>
      <c r="JU13" s="71">
        <v>35</v>
      </c>
      <c r="JV13" s="71">
        <v>38</v>
      </c>
      <c r="JW13" s="71">
        <v>21</v>
      </c>
      <c r="JX13" s="71">
        <v>25</v>
      </c>
      <c r="JY13" s="71">
        <v>20</v>
      </c>
      <c r="JZ13" s="72">
        <v>139</v>
      </c>
      <c r="KA13" s="73">
        <v>179</v>
      </c>
      <c r="KB13" s="70">
        <v>1963</v>
      </c>
      <c r="KC13" s="71">
        <v>1463</v>
      </c>
      <c r="KD13" s="72">
        <v>3426</v>
      </c>
      <c r="KE13" s="276"/>
      <c r="KF13" s="71">
        <v>2434</v>
      </c>
      <c r="KG13" s="71">
        <v>1757</v>
      </c>
      <c r="KH13" s="71">
        <v>1400</v>
      </c>
      <c r="KI13" s="71">
        <v>1433</v>
      </c>
      <c r="KJ13" s="71">
        <v>958</v>
      </c>
      <c r="KK13" s="72">
        <v>7982</v>
      </c>
      <c r="KL13" s="73">
        <v>11408</v>
      </c>
    </row>
    <row r="14" spans="1:298" ht="19.5" customHeight="1" x14ac:dyDescent="0.2">
      <c r="A14" s="129" t="s">
        <v>10</v>
      </c>
      <c r="B14" s="350">
        <v>1414</v>
      </c>
      <c r="C14" s="82">
        <v>1019</v>
      </c>
      <c r="D14" s="83">
        <v>2433</v>
      </c>
      <c r="E14" s="273"/>
      <c r="F14" s="82">
        <v>1640</v>
      </c>
      <c r="G14" s="82">
        <v>989</v>
      </c>
      <c r="H14" s="82">
        <v>705</v>
      </c>
      <c r="I14" s="82">
        <v>584</v>
      </c>
      <c r="J14" s="82">
        <v>416</v>
      </c>
      <c r="K14" s="84">
        <v>4334</v>
      </c>
      <c r="L14" s="85">
        <v>6767</v>
      </c>
      <c r="M14" s="70">
        <v>59</v>
      </c>
      <c r="N14" s="71">
        <v>65</v>
      </c>
      <c r="O14" s="72">
        <v>124</v>
      </c>
      <c r="P14" s="276"/>
      <c r="Q14" s="71">
        <v>85</v>
      </c>
      <c r="R14" s="71">
        <v>59</v>
      </c>
      <c r="S14" s="71">
        <v>32</v>
      </c>
      <c r="T14" s="71">
        <v>23</v>
      </c>
      <c r="U14" s="71">
        <v>29</v>
      </c>
      <c r="V14" s="72">
        <v>228</v>
      </c>
      <c r="W14" s="73">
        <v>352</v>
      </c>
      <c r="X14" s="70">
        <v>135</v>
      </c>
      <c r="Y14" s="71">
        <v>127</v>
      </c>
      <c r="Z14" s="72">
        <v>262</v>
      </c>
      <c r="AA14" s="276">
        <v>0</v>
      </c>
      <c r="AB14" s="71">
        <v>175</v>
      </c>
      <c r="AC14" s="71">
        <v>118</v>
      </c>
      <c r="AD14" s="71">
        <v>75</v>
      </c>
      <c r="AE14" s="71">
        <v>68</v>
      </c>
      <c r="AF14" s="71">
        <v>67</v>
      </c>
      <c r="AG14" s="72">
        <v>503</v>
      </c>
      <c r="AH14" s="73">
        <v>765</v>
      </c>
      <c r="AI14" s="70">
        <v>191</v>
      </c>
      <c r="AJ14" s="71">
        <v>164</v>
      </c>
      <c r="AK14" s="72">
        <v>355</v>
      </c>
      <c r="AL14" s="276"/>
      <c r="AM14" s="71">
        <v>271</v>
      </c>
      <c r="AN14" s="71">
        <v>187</v>
      </c>
      <c r="AO14" s="71">
        <v>114</v>
      </c>
      <c r="AP14" s="71">
        <v>85</v>
      </c>
      <c r="AQ14" s="71">
        <v>59</v>
      </c>
      <c r="AR14" s="72">
        <v>716</v>
      </c>
      <c r="AS14" s="73">
        <v>1071</v>
      </c>
      <c r="AT14" s="70">
        <v>389</v>
      </c>
      <c r="AU14" s="71">
        <v>234</v>
      </c>
      <c r="AV14" s="72">
        <v>623</v>
      </c>
      <c r="AW14" s="276"/>
      <c r="AX14" s="71">
        <v>366</v>
      </c>
      <c r="AY14" s="71">
        <v>207</v>
      </c>
      <c r="AZ14" s="71">
        <v>152</v>
      </c>
      <c r="BA14" s="71">
        <v>129</v>
      </c>
      <c r="BB14" s="71">
        <v>99</v>
      </c>
      <c r="BC14" s="72">
        <v>953</v>
      </c>
      <c r="BD14" s="73">
        <v>1576</v>
      </c>
      <c r="BE14" s="70">
        <v>407</v>
      </c>
      <c r="BF14" s="71">
        <v>258</v>
      </c>
      <c r="BG14" s="72">
        <v>665</v>
      </c>
      <c r="BH14" s="276"/>
      <c r="BI14" s="71">
        <v>418</v>
      </c>
      <c r="BJ14" s="71">
        <v>224</v>
      </c>
      <c r="BK14" s="71">
        <v>183</v>
      </c>
      <c r="BL14" s="71">
        <v>152</v>
      </c>
      <c r="BM14" s="71">
        <v>91</v>
      </c>
      <c r="BN14" s="72">
        <v>1068</v>
      </c>
      <c r="BO14" s="73">
        <v>1733</v>
      </c>
      <c r="BP14" s="70">
        <v>233</v>
      </c>
      <c r="BQ14" s="71">
        <v>171</v>
      </c>
      <c r="BR14" s="72">
        <v>404</v>
      </c>
      <c r="BS14" s="276"/>
      <c r="BT14" s="71">
        <v>325</v>
      </c>
      <c r="BU14" s="71">
        <v>194</v>
      </c>
      <c r="BV14" s="71">
        <v>149</v>
      </c>
      <c r="BW14" s="71">
        <v>127</v>
      </c>
      <c r="BX14" s="71">
        <v>71</v>
      </c>
      <c r="BY14" s="72">
        <v>866</v>
      </c>
      <c r="BZ14" s="73">
        <v>1270</v>
      </c>
      <c r="CA14" s="70">
        <v>36</v>
      </c>
      <c r="CB14" s="71">
        <v>37</v>
      </c>
      <c r="CC14" s="72">
        <v>73</v>
      </c>
      <c r="CD14" s="276"/>
      <c r="CE14" s="71">
        <v>61</v>
      </c>
      <c r="CF14" s="71">
        <v>47</v>
      </c>
      <c r="CG14" s="71">
        <v>30</v>
      </c>
      <c r="CH14" s="71">
        <v>21</v>
      </c>
      <c r="CI14" s="71">
        <v>33</v>
      </c>
      <c r="CJ14" s="72">
        <v>192</v>
      </c>
      <c r="CK14" s="73">
        <v>265</v>
      </c>
      <c r="CL14" s="70">
        <v>1450</v>
      </c>
      <c r="CM14" s="71">
        <v>1056</v>
      </c>
      <c r="CN14" s="72">
        <v>2506</v>
      </c>
      <c r="CO14" s="276"/>
      <c r="CP14" s="71">
        <v>1701</v>
      </c>
      <c r="CQ14" s="71">
        <v>1036</v>
      </c>
      <c r="CR14" s="71">
        <v>735</v>
      </c>
      <c r="CS14" s="71">
        <v>605</v>
      </c>
      <c r="CT14" s="71">
        <v>449</v>
      </c>
      <c r="CU14" s="72">
        <v>4526</v>
      </c>
      <c r="CV14" s="73">
        <v>7032</v>
      </c>
      <c r="CW14" s="126">
        <v>2904</v>
      </c>
      <c r="CX14" s="82">
        <v>2147</v>
      </c>
      <c r="CY14" s="83">
        <v>5051</v>
      </c>
      <c r="CZ14" s="273"/>
      <c r="DA14" s="82">
        <v>3073</v>
      </c>
      <c r="DB14" s="82">
        <v>1746</v>
      </c>
      <c r="DC14" s="82">
        <v>1414</v>
      </c>
      <c r="DD14" s="82">
        <v>1382</v>
      </c>
      <c r="DE14" s="82">
        <v>1211</v>
      </c>
      <c r="DF14" s="84">
        <v>8826</v>
      </c>
      <c r="DG14" s="85">
        <v>13877</v>
      </c>
      <c r="DH14" s="70">
        <v>65</v>
      </c>
      <c r="DI14" s="71">
        <v>54</v>
      </c>
      <c r="DJ14" s="72">
        <v>119</v>
      </c>
      <c r="DK14" s="276"/>
      <c r="DL14" s="71">
        <v>67</v>
      </c>
      <c r="DM14" s="71">
        <v>33</v>
      </c>
      <c r="DN14" s="71">
        <v>18</v>
      </c>
      <c r="DO14" s="71">
        <v>20</v>
      </c>
      <c r="DP14" s="71">
        <v>26</v>
      </c>
      <c r="DQ14" s="72">
        <v>164</v>
      </c>
      <c r="DR14" s="73">
        <v>283</v>
      </c>
      <c r="DS14" s="70">
        <v>220</v>
      </c>
      <c r="DT14" s="71">
        <v>169</v>
      </c>
      <c r="DU14" s="72">
        <v>389</v>
      </c>
      <c r="DV14" s="276"/>
      <c r="DW14" s="71">
        <v>194</v>
      </c>
      <c r="DX14" s="71">
        <v>105</v>
      </c>
      <c r="DY14" s="71">
        <v>58</v>
      </c>
      <c r="DZ14" s="71">
        <v>61</v>
      </c>
      <c r="EA14" s="71">
        <v>67</v>
      </c>
      <c r="EB14" s="72">
        <v>485</v>
      </c>
      <c r="EC14" s="73">
        <v>874</v>
      </c>
      <c r="ED14" s="70">
        <v>447</v>
      </c>
      <c r="EE14" s="71">
        <v>286</v>
      </c>
      <c r="EF14" s="72">
        <v>733</v>
      </c>
      <c r="EG14" s="276"/>
      <c r="EH14" s="71">
        <v>366</v>
      </c>
      <c r="EI14" s="71">
        <v>153</v>
      </c>
      <c r="EJ14" s="71">
        <v>122</v>
      </c>
      <c r="EK14" s="71">
        <v>122</v>
      </c>
      <c r="EL14" s="71">
        <v>98</v>
      </c>
      <c r="EM14" s="72">
        <v>861</v>
      </c>
      <c r="EN14" s="73">
        <v>1594</v>
      </c>
      <c r="EO14" s="70">
        <v>790</v>
      </c>
      <c r="EP14" s="71">
        <v>530</v>
      </c>
      <c r="EQ14" s="72">
        <v>1320</v>
      </c>
      <c r="ER14" s="276"/>
      <c r="ES14" s="71">
        <v>634</v>
      </c>
      <c r="ET14" s="71">
        <v>350</v>
      </c>
      <c r="EU14" s="71">
        <v>229</v>
      </c>
      <c r="EV14" s="71">
        <v>230</v>
      </c>
      <c r="EW14" s="71">
        <v>215</v>
      </c>
      <c r="EX14" s="72">
        <v>1658</v>
      </c>
      <c r="EY14" s="73">
        <v>2978</v>
      </c>
      <c r="EZ14" s="70">
        <v>900</v>
      </c>
      <c r="FA14" s="71">
        <v>628</v>
      </c>
      <c r="FB14" s="72">
        <v>1528</v>
      </c>
      <c r="FC14" s="276"/>
      <c r="FD14" s="71">
        <v>942</v>
      </c>
      <c r="FE14" s="71">
        <v>486</v>
      </c>
      <c r="FF14" s="71">
        <v>384</v>
      </c>
      <c r="FG14" s="71">
        <v>325</v>
      </c>
      <c r="FH14" s="71">
        <v>328</v>
      </c>
      <c r="FI14" s="72">
        <v>2465</v>
      </c>
      <c r="FJ14" s="73">
        <v>3993</v>
      </c>
      <c r="FK14" s="70">
        <v>482</v>
      </c>
      <c r="FL14" s="71">
        <v>480</v>
      </c>
      <c r="FM14" s="72">
        <v>962</v>
      </c>
      <c r="FN14" s="276"/>
      <c r="FO14" s="71">
        <v>870</v>
      </c>
      <c r="FP14" s="71">
        <v>619</v>
      </c>
      <c r="FQ14" s="71">
        <v>603</v>
      </c>
      <c r="FR14" s="71">
        <v>624</v>
      </c>
      <c r="FS14" s="71">
        <v>477</v>
      </c>
      <c r="FT14" s="72">
        <v>3193</v>
      </c>
      <c r="FU14" s="73">
        <v>4155</v>
      </c>
      <c r="FV14" s="70">
        <v>30</v>
      </c>
      <c r="FW14" s="71">
        <v>39</v>
      </c>
      <c r="FX14" s="72">
        <v>69</v>
      </c>
      <c r="FY14" s="276"/>
      <c r="FZ14" s="71">
        <v>50</v>
      </c>
      <c r="GA14" s="71">
        <v>35</v>
      </c>
      <c r="GB14" s="71">
        <v>22</v>
      </c>
      <c r="GC14" s="71">
        <v>18</v>
      </c>
      <c r="GD14" s="71">
        <v>38</v>
      </c>
      <c r="GE14" s="72">
        <v>163</v>
      </c>
      <c r="GF14" s="73">
        <v>232</v>
      </c>
      <c r="GG14" s="70">
        <v>2934</v>
      </c>
      <c r="GH14" s="71">
        <v>2186</v>
      </c>
      <c r="GI14" s="72">
        <v>5120</v>
      </c>
      <c r="GJ14" s="276"/>
      <c r="GK14" s="71">
        <v>3123</v>
      </c>
      <c r="GL14" s="71">
        <v>1781</v>
      </c>
      <c r="GM14" s="71">
        <v>1436</v>
      </c>
      <c r="GN14" s="71">
        <v>1400</v>
      </c>
      <c r="GO14" s="71">
        <v>1249</v>
      </c>
      <c r="GP14" s="72">
        <v>8989</v>
      </c>
      <c r="GQ14" s="73">
        <v>14109</v>
      </c>
      <c r="GR14" s="126">
        <v>4318</v>
      </c>
      <c r="GS14" s="82">
        <v>3166</v>
      </c>
      <c r="GT14" s="83">
        <v>7484</v>
      </c>
      <c r="GU14" s="273"/>
      <c r="GV14" s="82">
        <v>4713</v>
      </c>
      <c r="GW14" s="82">
        <v>2735</v>
      </c>
      <c r="GX14" s="82">
        <v>2119</v>
      </c>
      <c r="GY14" s="82">
        <v>1966</v>
      </c>
      <c r="GZ14" s="82">
        <v>1627</v>
      </c>
      <c r="HA14" s="84">
        <v>13160</v>
      </c>
      <c r="HB14" s="85">
        <v>20644</v>
      </c>
      <c r="HC14" s="70">
        <v>124</v>
      </c>
      <c r="HD14" s="71">
        <v>119</v>
      </c>
      <c r="HE14" s="72">
        <v>243</v>
      </c>
      <c r="HF14" s="276"/>
      <c r="HG14" s="71">
        <v>152</v>
      </c>
      <c r="HH14" s="71">
        <v>92</v>
      </c>
      <c r="HI14" s="71">
        <v>50</v>
      </c>
      <c r="HJ14" s="71">
        <v>43</v>
      </c>
      <c r="HK14" s="71">
        <v>55</v>
      </c>
      <c r="HL14" s="72">
        <v>392</v>
      </c>
      <c r="HM14" s="73">
        <v>635</v>
      </c>
      <c r="HN14" s="70">
        <v>355</v>
      </c>
      <c r="HO14" s="71">
        <v>296</v>
      </c>
      <c r="HP14" s="72">
        <v>651</v>
      </c>
      <c r="HQ14" s="276"/>
      <c r="HR14" s="71">
        <v>369</v>
      </c>
      <c r="HS14" s="71">
        <v>223</v>
      </c>
      <c r="HT14" s="71">
        <v>133</v>
      </c>
      <c r="HU14" s="71">
        <v>129</v>
      </c>
      <c r="HV14" s="71">
        <v>134</v>
      </c>
      <c r="HW14" s="72">
        <v>988</v>
      </c>
      <c r="HX14" s="73">
        <v>1639</v>
      </c>
      <c r="HY14" s="70">
        <v>638</v>
      </c>
      <c r="HZ14" s="71">
        <v>450</v>
      </c>
      <c r="IA14" s="72">
        <v>1088</v>
      </c>
      <c r="IB14" s="276"/>
      <c r="IC14" s="71">
        <v>637</v>
      </c>
      <c r="ID14" s="71">
        <v>340</v>
      </c>
      <c r="IE14" s="71">
        <v>236</v>
      </c>
      <c r="IF14" s="71">
        <v>207</v>
      </c>
      <c r="IG14" s="71">
        <v>157</v>
      </c>
      <c r="IH14" s="72">
        <v>1577</v>
      </c>
      <c r="II14" s="73">
        <v>2665</v>
      </c>
      <c r="IJ14" s="70">
        <v>1179</v>
      </c>
      <c r="IK14" s="71">
        <v>764</v>
      </c>
      <c r="IL14" s="72">
        <v>1943</v>
      </c>
      <c r="IM14" s="276"/>
      <c r="IN14" s="71">
        <v>1000</v>
      </c>
      <c r="IO14" s="71">
        <v>557</v>
      </c>
      <c r="IP14" s="71">
        <v>381</v>
      </c>
      <c r="IQ14" s="71">
        <v>359</v>
      </c>
      <c r="IR14" s="71">
        <v>314</v>
      </c>
      <c r="IS14" s="72">
        <v>2611</v>
      </c>
      <c r="IT14" s="73">
        <v>4554</v>
      </c>
      <c r="IU14" s="70">
        <v>1307</v>
      </c>
      <c r="IV14" s="71">
        <v>886</v>
      </c>
      <c r="IW14" s="72">
        <v>2193</v>
      </c>
      <c r="IX14" s="276"/>
      <c r="IY14" s="71">
        <v>1360</v>
      </c>
      <c r="IZ14" s="71">
        <v>710</v>
      </c>
      <c r="JA14" s="71">
        <v>567</v>
      </c>
      <c r="JB14" s="71">
        <v>477</v>
      </c>
      <c r="JC14" s="71">
        <v>419</v>
      </c>
      <c r="JD14" s="72">
        <v>3533</v>
      </c>
      <c r="JE14" s="73">
        <v>5726</v>
      </c>
      <c r="JF14" s="70">
        <v>715</v>
      </c>
      <c r="JG14" s="71">
        <v>651</v>
      </c>
      <c r="JH14" s="72">
        <v>1366</v>
      </c>
      <c r="JI14" s="276"/>
      <c r="JJ14" s="71">
        <v>1195</v>
      </c>
      <c r="JK14" s="71">
        <v>813</v>
      </c>
      <c r="JL14" s="71">
        <v>752</v>
      </c>
      <c r="JM14" s="71">
        <v>751</v>
      </c>
      <c r="JN14" s="71">
        <v>548</v>
      </c>
      <c r="JO14" s="72">
        <v>4059</v>
      </c>
      <c r="JP14" s="73">
        <v>5425</v>
      </c>
      <c r="JQ14" s="70">
        <v>66</v>
      </c>
      <c r="JR14" s="71">
        <v>76</v>
      </c>
      <c r="JS14" s="72">
        <v>142</v>
      </c>
      <c r="JT14" s="276"/>
      <c r="JU14" s="71">
        <v>111</v>
      </c>
      <c r="JV14" s="71">
        <v>82</v>
      </c>
      <c r="JW14" s="71">
        <v>52</v>
      </c>
      <c r="JX14" s="71">
        <v>39</v>
      </c>
      <c r="JY14" s="71">
        <v>71</v>
      </c>
      <c r="JZ14" s="72">
        <v>355</v>
      </c>
      <c r="KA14" s="73">
        <v>497</v>
      </c>
      <c r="KB14" s="70">
        <v>4384</v>
      </c>
      <c r="KC14" s="71">
        <v>3242</v>
      </c>
      <c r="KD14" s="72">
        <v>7626</v>
      </c>
      <c r="KE14" s="276"/>
      <c r="KF14" s="71">
        <v>4824</v>
      </c>
      <c r="KG14" s="71">
        <v>2817</v>
      </c>
      <c r="KH14" s="71">
        <v>2171</v>
      </c>
      <c r="KI14" s="71">
        <v>2005</v>
      </c>
      <c r="KJ14" s="71">
        <v>1698</v>
      </c>
      <c r="KK14" s="72">
        <v>13515</v>
      </c>
      <c r="KL14" s="73">
        <v>21141</v>
      </c>
    </row>
    <row r="15" spans="1:298" ht="19.5" customHeight="1" x14ac:dyDescent="0.2">
      <c r="A15" s="129" t="s">
        <v>11</v>
      </c>
      <c r="B15" s="350">
        <v>445</v>
      </c>
      <c r="C15" s="82">
        <v>326</v>
      </c>
      <c r="D15" s="83">
        <v>771</v>
      </c>
      <c r="E15" s="273"/>
      <c r="F15" s="82">
        <v>881</v>
      </c>
      <c r="G15" s="82">
        <v>536</v>
      </c>
      <c r="H15" s="82">
        <v>448</v>
      </c>
      <c r="I15" s="82">
        <v>394</v>
      </c>
      <c r="J15" s="82">
        <v>205</v>
      </c>
      <c r="K15" s="84">
        <v>2464</v>
      </c>
      <c r="L15" s="85">
        <v>3235</v>
      </c>
      <c r="M15" s="70">
        <v>22</v>
      </c>
      <c r="N15" s="71">
        <v>8</v>
      </c>
      <c r="O15" s="72">
        <v>30</v>
      </c>
      <c r="P15" s="276"/>
      <c r="Q15" s="71">
        <v>55</v>
      </c>
      <c r="R15" s="71">
        <v>22</v>
      </c>
      <c r="S15" s="71">
        <v>19</v>
      </c>
      <c r="T15" s="71">
        <v>20</v>
      </c>
      <c r="U15" s="71">
        <v>12</v>
      </c>
      <c r="V15" s="72">
        <v>128</v>
      </c>
      <c r="W15" s="73">
        <v>158</v>
      </c>
      <c r="X15" s="70">
        <v>56</v>
      </c>
      <c r="Y15" s="71">
        <v>47</v>
      </c>
      <c r="Z15" s="72">
        <v>103</v>
      </c>
      <c r="AA15" s="276">
        <v>0</v>
      </c>
      <c r="AB15" s="71">
        <v>104</v>
      </c>
      <c r="AC15" s="71">
        <v>61</v>
      </c>
      <c r="AD15" s="71">
        <v>54</v>
      </c>
      <c r="AE15" s="71">
        <v>36</v>
      </c>
      <c r="AF15" s="71">
        <v>34</v>
      </c>
      <c r="AG15" s="72">
        <v>289</v>
      </c>
      <c r="AH15" s="73">
        <v>392</v>
      </c>
      <c r="AI15" s="70">
        <v>63</v>
      </c>
      <c r="AJ15" s="71">
        <v>62</v>
      </c>
      <c r="AK15" s="72">
        <v>125</v>
      </c>
      <c r="AL15" s="276"/>
      <c r="AM15" s="71">
        <v>150</v>
      </c>
      <c r="AN15" s="71">
        <v>97</v>
      </c>
      <c r="AO15" s="71">
        <v>79</v>
      </c>
      <c r="AP15" s="71">
        <v>72</v>
      </c>
      <c r="AQ15" s="71">
        <v>39</v>
      </c>
      <c r="AR15" s="72">
        <v>437</v>
      </c>
      <c r="AS15" s="73">
        <v>562</v>
      </c>
      <c r="AT15" s="70">
        <v>105</v>
      </c>
      <c r="AU15" s="71">
        <v>65</v>
      </c>
      <c r="AV15" s="72">
        <v>170</v>
      </c>
      <c r="AW15" s="276"/>
      <c r="AX15" s="71">
        <v>207</v>
      </c>
      <c r="AY15" s="71">
        <v>126</v>
      </c>
      <c r="AZ15" s="71">
        <v>100</v>
      </c>
      <c r="BA15" s="71">
        <v>86</v>
      </c>
      <c r="BB15" s="71">
        <v>43</v>
      </c>
      <c r="BC15" s="72">
        <v>562</v>
      </c>
      <c r="BD15" s="73">
        <v>732</v>
      </c>
      <c r="BE15" s="70">
        <v>126</v>
      </c>
      <c r="BF15" s="71">
        <v>89</v>
      </c>
      <c r="BG15" s="72">
        <v>215</v>
      </c>
      <c r="BH15" s="276"/>
      <c r="BI15" s="71">
        <v>205</v>
      </c>
      <c r="BJ15" s="71">
        <v>127</v>
      </c>
      <c r="BK15" s="71">
        <v>99</v>
      </c>
      <c r="BL15" s="71">
        <v>98</v>
      </c>
      <c r="BM15" s="71">
        <v>38</v>
      </c>
      <c r="BN15" s="72">
        <v>567</v>
      </c>
      <c r="BO15" s="73">
        <v>782</v>
      </c>
      <c r="BP15" s="70">
        <v>73</v>
      </c>
      <c r="BQ15" s="71">
        <v>55</v>
      </c>
      <c r="BR15" s="72">
        <v>128</v>
      </c>
      <c r="BS15" s="276"/>
      <c r="BT15" s="71">
        <v>160</v>
      </c>
      <c r="BU15" s="71">
        <v>103</v>
      </c>
      <c r="BV15" s="71">
        <v>97</v>
      </c>
      <c r="BW15" s="71">
        <v>82</v>
      </c>
      <c r="BX15" s="71">
        <v>39</v>
      </c>
      <c r="BY15" s="72">
        <v>481</v>
      </c>
      <c r="BZ15" s="73">
        <v>609</v>
      </c>
      <c r="CA15" s="70">
        <v>8</v>
      </c>
      <c r="CB15" s="71">
        <v>9</v>
      </c>
      <c r="CC15" s="72">
        <v>17</v>
      </c>
      <c r="CD15" s="276"/>
      <c r="CE15" s="71">
        <v>25</v>
      </c>
      <c r="CF15" s="71">
        <v>18</v>
      </c>
      <c r="CG15" s="71">
        <v>11</v>
      </c>
      <c r="CH15" s="71">
        <v>6</v>
      </c>
      <c r="CI15" s="71">
        <v>15</v>
      </c>
      <c r="CJ15" s="72">
        <v>75</v>
      </c>
      <c r="CK15" s="73">
        <v>92</v>
      </c>
      <c r="CL15" s="70">
        <v>453</v>
      </c>
      <c r="CM15" s="71">
        <v>335</v>
      </c>
      <c r="CN15" s="72">
        <v>788</v>
      </c>
      <c r="CO15" s="276"/>
      <c r="CP15" s="71">
        <v>906</v>
      </c>
      <c r="CQ15" s="71">
        <v>554</v>
      </c>
      <c r="CR15" s="71">
        <v>459</v>
      </c>
      <c r="CS15" s="71">
        <v>400</v>
      </c>
      <c r="CT15" s="71">
        <v>220</v>
      </c>
      <c r="CU15" s="72">
        <v>2539</v>
      </c>
      <c r="CV15" s="73">
        <v>3327</v>
      </c>
      <c r="CW15" s="126">
        <v>973</v>
      </c>
      <c r="CX15" s="82">
        <v>750</v>
      </c>
      <c r="CY15" s="83">
        <v>1723</v>
      </c>
      <c r="CZ15" s="273"/>
      <c r="DA15" s="82">
        <v>1799</v>
      </c>
      <c r="DB15" s="82">
        <v>1039</v>
      </c>
      <c r="DC15" s="82">
        <v>881</v>
      </c>
      <c r="DD15" s="82">
        <v>913</v>
      </c>
      <c r="DE15" s="82">
        <v>514</v>
      </c>
      <c r="DF15" s="84">
        <v>5146</v>
      </c>
      <c r="DG15" s="85">
        <v>6869</v>
      </c>
      <c r="DH15" s="70">
        <v>28</v>
      </c>
      <c r="DI15" s="71">
        <v>21</v>
      </c>
      <c r="DJ15" s="72">
        <v>49</v>
      </c>
      <c r="DK15" s="276"/>
      <c r="DL15" s="71">
        <v>41</v>
      </c>
      <c r="DM15" s="71">
        <v>22</v>
      </c>
      <c r="DN15" s="71">
        <v>15</v>
      </c>
      <c r="DO15" s="71">
        <v>13</v>
      </c>
      <c r="DP15" s="71">
        <v>11</v>
      </c>
      <c r="DQ15" s="72">
        <v>102</v>
      </c>
      <c r="DR15" s="73">
        <v>151</v>
      </c>
      <c r="DS15" s="70">
        <v>79</v>
      </c>
      <c r="DT15" s="71">
        <v>53</v>
      </c>
      <c r="DU15" s="72">
        <v>132</v>
      </c>
      <c r="DV15" s="276"/>
      <c r="DW15" s="71">
        <v>109</v>
      </c>
      <c r="DX15" s="71">
        <v>63</v>
      </c>
      <c r="DY15" s="71">
        <v>58</v>
      </c>
      <c r="DZ15" s="71">
        <v>40</v>
      </c>
      <c r="EA15" s="71">
        <v>33</v>
      </c>
      <c r="EB15" s="72">
        <v>303</v>
      </c>
      <c r="EC15" s="73">
        <v>435</v>
      </c>
      <c r="ED15" s="70">
        <v>121</v>
      </c>
      <c r="EE15" s="71">
        <v>92</v>
      </c>
      <c r="EF15" s="72">
        <v>213</v>
      </c>
      <c r="EG15" s="276"/>
      <c r="EH15" s="71">
        <v>192</v>
      </c>
      <c r="EI15" s="71">
        <v>108</v>
      </c>
      <c r="EJ15" s="71">
        <v>94</v>
      </c>
      <c r="EK15" s="71">
        <v>79</v>
      </c>
      <c r="EL15" s="71">
        <v>34</v>
      </c>
      <c r="EM15" s="72">
        <v>507</v>
      </c>
      <c r="EN15" s="73">
        <v>720</v>
      </c>
      <c r="EO15" s="70">
        <v>303</v>
      </c>
      <c r="EP15" s="71">
        <v>201</v>
      </c>
      <c r="EQ15" s="72">
        <v>504</v>
      </c>
      <c r="ER15" s="276"/>
      <c r="ES15" s="71">
        <v>400</v>
      </c>
      <c r="ET15" s="71">
        <v>216</v>
      </c>
      <c r="EU15" s="71">
        <v>145</v>
      </c>
      <c r="EV15" s="71">
        <v>137</v>
      </c>
      <c r="EW15" s="71">
        <v>88</v>
      </c>
      <c r="EX15" s="72">
        <v>986</v>
      </c>
      <c r="EY15" s="73">
        <v>1490</v>
      </c>
      <c r="EZ15" s="70">
        <v>284</v>
      </c>
      <c r="FA15" s="71">
        <v>222</v>
      </c>
      <c r="FB15" s="72">
        <v>506</v>
      </c>
      <c r="FC15" s="276"/>
      <c r="FD15" s="71">
        <v>569</v>
      </c>
      <c r="FE15" s="71">
        <v>282</v>
      </c>
      <c r="FF15" s="71">
        <v>240</v>
      </c>
      <c r="FG15" s="71">
        <v>254</v>
      </c>
      <c r="FH15" s="71">
        <v>155</v>
      </c>
      <c r="FI15" s="72">
        <v>1500</v>
      </c>
      <c r="FJ15" s="73">
        <v>2006</v>
      </c>
      <c r="FK15" s="70">
        <v>158</v>
      </c>
      <c r="FL15" s="71">
        <v>161</v>
      </c>
      <c r="FM15" s="72">
        <v>319</v>
      </c>
      <c r="FN15" s="276"/>
      <c r="FO15" s="71">
        <v>488</v>
      </c>
      <c r="FP15" s="71">
        <v>348</v>
      </c>
      <c r="FQ15" s="71">
        <v>329</v>
      </c>
      <c r="FR15" s="71">
        <v>390</v>
      </c>
      <c r="FS15" s="71">
        <v>193</v>
      </c>
      <c r="FT15" s="72">
        <v>1748</v>
      </c>
      <c r="FU15" s="73">
        <v>2067</v>
      </c>
      <c r="FV15" s="70">
        <v>7</v>
      </c>
      <c r="FW15" s="71">
        <v>10</v>
      </c>
      <c r="FX15" s="72">
        <v>17</v>
      </c>
      <c r="FY15" s="276"/>
      <c r="FZ15" s="71">
        <v>27</v>
      </c>
      <c r="GA15" s="71">
        <v>20</v>
      </c>
      <c r="GB15" s="71">
        <v>13</v>
      </c>
      <c r="GC15" s="71">
        <v>11</v>
      </c>
      <c r="GD15" s="71">
        <v>13</v>
      </c>
      <c r="GE15" s="72">
        <v>84</v>
      </c>
      <c r="GF15" s="73">
        <v>101</v>
      </c>
      <c r="GG15" s="70">
        <v>980</v>
      </c>
      <c r="GH15" s="71">
        <v>760</v>
      </c>
      <c r="GI15" s="72">
        <v>1740</v>
      </c>
      <c r="GJ15" s="276"/>
      <c r="GK15" s="71">
        <v>1826</v>
      </c>
      <c r="GL15" s="71">
        <v>1059</v>
      </c>
      <c r="GM15" s="71">
        <v>894</v>
      </c>
      <c r="GN15" s="71">
        <v>924</v>
      </c>
      <c r="GO15" s="71">
        <v>527</v>
      </c>
      <c r="GP15" s="72">
        <v>5230</v>
      </c>
      <c r="GQ15" s="73">
        <v>6970</v>
      </c>
      <c r="GR15" s="126">
        <v>1418</v>
      </c>
      <c r="GS15" s="82">
        <v>1076</v>
      </c>
      <c r="GT15" s="83">
        <v>2494</v>
      </c>
      <c r="GU15" s="273"/>
      <c r="GV15" s="82">
        <v>2680</v>
      </c>
      <c r="GW15" s="82">
        <v>1575</v>
      </c>
      <c r="GX15" s="82">
        <v>1329</v>
      </c>
      <c r="GY15" s="82">
        <v>1307</v>
      </c>
      <c r="GZ15" s="82">
        <v>719</v>
      </c>
      <c r="HA15" s="84">
        <v>7610</v>
      </c>
      <c r="HB15" s="85">
        <v>10104</v>
      </c>
      <c r="HC15" s="70">
        <v>50</v>
      </c>
      <c r="HD15" s="71">
        <v>29</v>
      </c>
      <c r="HE15" s="72">
        <v>79</v>
      </c>
      <c r="HF15" s="276"/>
      <c r="HG15" s="71">
        <v>96</v>
      </c>
      <c r="HH15" s="71">
        <v>44</v>
      </c>
      <c r="HI15" s="71">
        <v>34</v>
      </c>
      <c r="HJ15" s="71">
        <v>33</v>
      </c>
      <c r="HK15" s="71">
        <v>23</v>
      </c>
      <c r="HL15" s="72">
        <v>230</v>
      </c>
      <c r="HM15" s="73">
        <v>309</v>
      </c>
      <c r="HN15" s="70">
        <v>135</v>
      </c>
      <c r="HO15" s="71">
        <v>100</v>
      </c>
      <c r="HP15" s="72">
        <v>235</v>
      </c>
      <c r="HQ15" s="276"/>
      <c r="HR15" s="71">
        <v>213</v>
      </c>
      <c r="HS15" s="71">
        <v>124</v>
      </c>
      <c r="HT15" s="71">
        <v>112</v>
      </c>
      <c r="HU15" s="71">
        <v>76</v>
      </c>
      <c r="HV15" s="71">
        <v>67</v>
      </c>
      <c r="HW15" s="72">
        <v>592</v>
      </c>
      <c r="HX15" s="73">
        <v>827</v>
      </c>
      <c r="HY15" s="70">
        <v>184</v>
      </c>
      <c r="HZ15" s="71">
        <v>154</v>
      </c>
      <c r="IA15" s="72">
        <v>338</v>
      </c>
      <c r="IB15" s="276"/>
      <c r="IC15" s="71">
        <v>342</v>
      </c>
      <c r="ID15" s="71">
        <v>205</v>
      </c>
      <c r="IE15" s="71">
        <v>173</v>
      </c>
      <c r="IF15" s="71">
        <v>151</v>
      </c>
      <c r="IG15" s="71">
        <v>73</v>
      </c>
      <c r="IH15" s="72">
        <v>944</v>
      </c>
      <c r="II15" s="73">
        <v>1282</v>
      </c>
      <c r="IJ15" s="70">
        <v>408</v>
      </c>
      <c r="IK15" s="71">
        <v>266</v>
      </c>
      <c r="IL15" s="72">
        <v>674</v>
      </c>
      <c r="IM15" s="276"/>
      <c r="IN15" s="71">
        <v>607</v>
      </c>
      <c r="IO15" s="71">
        <v>342</v>
      </c>
      <c r="IP15" s="71">
        <v>245</v>
      </c>
      <c r="IQ15" s="71">
        <v>223</v>
      </c>
      <c r="IR15" s="71">
        <v>131</v>
      </c>
      <c r="IS15" s="72">
        <v>1548</v>
      </c>
      <c r="IT15" s="73">
        <v>2222</v>
      </c>
      <c r="IU15" s="70">
        <v>410</v>
      </c>
      <c r="IV15" s="71">
        <v>311</v>
      </c>
      <c r="IW15" s="72">
        <v>721</v>
      </c>
      <c r="IX15" s="276"/>
      <c r="IY15" s="71">
        <v>774</v>
      </c>
      <c r="IZ15" s="71">
        <v>409</v>
      </c>
      <c r="JA15" s="71">
        <v>339</v>
      </c>
      <c r="JB15" s="71">
        <v>352</v>
      </c>
      <c r="JC15" s="71">
        <v>193</v>
      </c>
      <c r="JD15" s="72">
        <v>2067</v>
      </c>
      <c r="JE15" s="73">
        <v>2788</v>
      </c>
      <c r="JF15" s="70">
        <v>231</v>
      </c>
      <c r="JG15" s="71">
        <v>216</v>
      </c>
      <c r="JH15" s="72">
        <v>447</v>
      </c>
      <c r="JI15" s="276"/>
      <c r="JJ15" s="71">
        <v>648</v>
      </c>
      <c r="JK15" s="71">
        <v>451</v>
      </c>
      <c r="JL15" s="71">
        <v>426</v>
      </c>
      <c r="JM15" s="71">
        <v>472</v>
      </c>
      <c r="JN15" s="71">
        <v>232</v>
      </c>
      <c r="JO15" s="72">
        <v>2229</v>
      </c>
      <c r="JP15" s="73">
        <v>2676</v>
      </c>
      <c r="JQ15" s="70">
        <v>15</v>
      </c>
      <c r="JR15" s="71">
        <v>19</v>
      </c>
      <c r="JS15" s="72">
        <v>34</v>
      </c>
      <c r="JT15" s="276"/>
      <c r="JU15" s="71">
        <v>52</v>
      </c>
      <c r="JV15" s="71">
        <v>38</v>
      </c>
      <c r="JW15" s="71">
        <v>24</v>
      </c>
      <c r="JX15" s="71">
        <v>17</v>
      </c>
      <c r="JY15" s="71">
        <v>28</v>
      </c>
      <c r="JZ15" s="72">
        <v>159</v>
      </c>
      <c r="KA15" s="73">
        <v>193</v>
      </c>
      <c r="KB15" s="70">
        <v>1433</v>
      </c>
      <c r="KC15" s="71">
        <v>1095</v>
      </c>
      <c r="KD15" s="72">
        <v>2528</v>
      </c>
      <c r="KE15" s="276"/>
      <c r="KF15" s="71">
        <v>2732</v>
      </c>
      <c r="KG15" s="71">
        <v>1613</v>
      </c>
      <c r="KH15" s="71">
        <v>1353</v>
      </c>
      <c r="KI15" s="71">
        <v>1324</v>
      </c>
      <c r="KJ15" s="71">
        <v>747</v>
      </c>
      <c r="KK15" s="72">
        <v>7769</v>
      </c>
      <c r="KL15" s="73">
        <v>10297</v>
      </c>
    </row>
    <row r="16" spans="1:298" ht="19.5" customHeight="1" x14ac:dyDescent="0.2">
      <c r="A16" s="129" t="s">
        <v>12</v>
      </c>
      <c r="B16" s="350">
        <v>703</v>
      </c>
      <c r="C16" s="82">
        <v>566</v>
      </c>
      <c r="D16" s="83">
        <v>1269</v>
      </c>
      <c r="E16" s="273"/>
      <c r="F16" s="82">
        <v>668</v>
      </c>
      <c r="G16" s="82">
        <v>560</v>
      </c>
      <c r="H16" s="82">
        <v>472</v>
      </c>
      <c r="I16" s="82">
        <v>407</v>
      </c>
      <c r="J16" s="82">
        <v>224</v>
      </c>
      <c r="K16" s="84">
        <v>2331</v>
      </c>
      <c r="L16" s="85">
        <v>3600</v>
      </c>
      <c r="M16" s="86">
        <v>21</v>
      </c>
      <c r="N16" s="71">
        <v>30</v>
      </c>
      <c r="O16" s="72">
        <v>51</v>
      </c>
      <c r="P16" s="276"/>
      <c r="Q16" s="71">
        <v>18</v>
      </c>
      <c r="R16" s="71">
        <v>24</v>
      </c>
      <c r="S16" s="71">
        <v>26</v>
      </c>
      <c r="T16" s="71">
        <v>16</v>
      </c>
      <c r="U16" s="71">
        <v>15</v>
      </c>
      <c r="V16" s="72">
        <v>99</v>
      </c>
      <c r="W16" s="73">
        <v>150</v>
      </c>
      <c r="X16" s="70">
        <v>65</v>
      </c>
      <c r="Y16" s="71">
        <v>68</v>
      </c>
      <c r="Z16" s="72">
        <v>133</v>
      </c>
      <c r="AA16" s="276">
        <v>0</v>
      </c>
      <c r="AB16" s="71">
        <v>56</v>
      </c>
      <c r="AC16" s="71">
        <v>49</v>
      </c>
      <c r="AD16" s="71">
        <v>46</v>
      </c>
      <c r="AE16" s="71">
        <v>46</v>
      </c>
      <c r="AF16" s="71">
        <v>24</v>
      </c>
      <c r="AG16" s="72">
        <v>221</v>
      </c>
      <c r="AH16" s="73">
        <v>354</v>
      </c>
      <c r="AI16" s="86">
        <v>93</v>
      </c>
      <c r="AJ16" s="71">
        <v>90</v>
      </c>
      <c r="AK16" s="72">
        <v>183</v>
      </c>
      <c r="AL16" s="276"/>
      <c r="AM16" s="71">
        <v>80</v>
      </c>
      <c r="AN16" s="71">
        <v>87</v>
      </c>
      <c r="AO16" s="71">
        <v>68</v>
      </c>
      <c r="AP16" s="71">
        <v>64</v>
      </c>
      <c r="AQ16" s="71">
        <v>40</v>
      </c>
      <c r="AR16" s="72">
        <v>339</v>
      </c>
      <c r="AS16" s="73">
        <v>522</v>
      </c>
      <c r="AT16" s="70">
        <v>174</v>
      </c>
      <c r="AU16" s="71">
        <v>142</v>
      </c>
      <c r="AV16" s="72">
        <v>316</v>
      </c>
      <c r="AW16" s="276"/>
      <c r="AX16" s="71">
        <v>179</v>
      </c>
      <c r="AY16" s="71">
        <v>146</v>
      </c>
      <c r="AZ16" s="71">
        <v>99</v>
      </c>
      <c r="BA16" s="71">
        <v>78</v>
      </c>
      <c r="BB16" s="71">
        <v>65</v>
      </c>
      <c r="BC16" s="72">
        <v>567</v>
      </c>
      <c r="BD16" s="73">
        <v>883</v>
      </c>
      <c r="BE16" s="86">
        <v>214</v>
      </c>
      <c r="BF16" s="71">
        <v>144</v>
      </c>
      <c r="BG16" s="72">
        <v>358</v>
      </c>
      <c r="BH16" s="276"/>
      <c r="BI16" s="71">
        <v>204</v>
      </c>
      <c r="BJ16" s="71">
        <v>131</v>
      </c>
      <c r="BK16" s="71">
        <v>135</v>
      </c>
      <c r="BL16" s="71">
        <v>108</v>
      </c>
      <c r="BM16" s="71">
        <v>40</v>
      </c>
      <c r="BN16" s="72">
        <v>618</v>
      </c>
      <c r="BO16" s="73">
        <v>976</v>
      </c>
      <c r="BP16" s="70">
        <v>136</v>
      </c>
      <c r="BQ16" s="71">
        <v>92</v>
      </c>
      <c r="BR16" s="72">
        <v>228</v>
      </c>
      <c r="BS16" s="276"/>
      <c r="BT16" s="71">
        <v>131</v>
      </c>
      <c r="BU16" s="71">
        <v>123</v>
      </c>
      <c r="BV16" s="71">
        <v>98</v>
      </c>
      <c r="BW16" s="71">
        <v>95</v>
      </c>
      <c r="BX16" s="71">
        <v>40</v>
      </c>
      <c r="BY16" s="72">
        <v>487</v>
      </c>
      <c r="BZ16" s="73">
        <v>715</v>
      </c>
      <c r="CA16" s="70">
        <v>13</v>
      </c>
      <c r="CB16" s="71">
        <v>26</v>
      </c>
      <c r="CC16" s="72">
        <v>39</v>
      </c>
      <c r="CD16" s="276"/>
      <c r="CE16" s="71">
        <v>11</v>
      </c>
      <c r="CF16" s="71">
        <v>26</v>
      </c>
      <c r="CG16" s="71">
        <v>13</v>
      </c>
      <c r="CH16" s="71">
        <v>16</v>
      </c>
      <c r="CI16" s="71">
        <v>13</v>
      </c>
      <c r="CJ16" s="72">
        <v>79</v>
      </c>
      <c r="CK16" s="73">
        <v>118</v>
      </c>
      <c r="CL16" s="70">
        <v>716</v>
      </c>
      <c r="CM16" s="71">
        <v>592</v>
      </c>
      <c r="CN16" s="72">
        <v>1308</v>
      </c>
      <c r="CO16" s="276"/>
      <c r="CP16" s="71">
        <v>679</v>
      </c>
      <c r="CQ16" s="71">
        <v>586</v>
      </c>
      <c r="CR16" s="71">
        <v>485</v>
      </c>
      <c r="CS16" s="71">
        <v>423</v>
      </c>
      <c r="CT16" s="71">
        <v>237</v>
      </c>
      <c r="CU16" s="72">
        <v>2410</v>
      </c>
      <c r="CV16" s="73">
        <v>3718</v>
      </c>
      <c r="CW16" s="126">
        <v>1329</v>
      </c>
      <c r="CX16" s="82">
        <v>1292</v>
      </c>
      <c r="CY16" s="83">
        <v>2621</v>
      </c>
      <c r="CZ16" s="273"/>
      <c r="DA16" s="82">
        <v>1367</v>
      </c>
      <c r="DB16" s="82">
        <v>1011</v>
      </c>
      <c r="DC16" s="82">
        <v>902</v>
      </c>
      <c r="DD16" s="82">
        <v>1008</v>
      </c>
      <c r="DE16" s="82">
        <v>638</v>
      </c>
      <c r="DF16" s="84">
        <v>4926</v>
      </c>
      <c r="DG16" s="85">
        <v>7547</v>
      </c>
      <c r="DH16" s="86">
        <v>25</v>
      </c>
      <c r="DI16" s="71">
        <v>44</v>
      </c>
      <c r="DJ16" s="72">
        <v>69</v>
      </c>
      <c r="DK16" s="276"/>
      <c r="DL16" s="71">
        <v>14</v>
      </c>
      <c r="DM16" s="71">
        <v>15</v>
      </c>
      <c r="DN16" s="71">
        <v>18</v>
      </c>
      <c r="DO16" s="71">
        <v>13</v>
      </c>
      <c r="DP16" s="71">
        <v>10</v>
      </c>
      <c r="DQ16" s="72">
        <v>70</v>
      </c>
      <c r="DR16" s="73">
        <v>139</v>
      </c>
      <c r="DS16" s="70">
        <v>77</v>
      </c>
      <c r="DT16" s="71">
        <v>111</v>
      </c>
      <c r="DU16" s="72">
        <v>188</v>
      </c>
      <c r="DV16" s="276"/>
      <c r="DW16" s="71">
        <v>68</v>
      </c>
      <c r="DX16" s="71">
        <v>58</v>
      </c>
      <c r="DY16" s="71">
        <v>44</v>
      </c>
      <c r="DZ16" s="71">
        <v>44</v>
      </c>
      <c r="EA16" s="71">
        <v>49</v>
      </c>
      <c r="EB16" s="72">
        <v>263</v>
      </c>
      <c r="EC16" s="73">
        <v>451</v>
      </c>
      <c r="ED16" s="86">
        <v>200</v>
      </c>
      <c r="EE16" s="71">
        <v>185</v>
      </c>
      <c r="EF16" s="72">
        <v>385</v>
      </c>
      <c r="EG16" s="276"/>
      <c r="EH16" s="71">
        <v>134</v>
      </c>
      <c r="EI16" s="71">
        <v>104</v>
      </c>
      <c r="EJ16" s="71">
        <v>78</v>
      </c>
      <c r="EK16" s="71">
        <v>87</v>
      </c>
      <c r="EL16" s="71">
        <v>67</v>
      </c>
      <c r="EM16" s="72">
        <v>470</v>
      </c>
      <c r="EN16" s="73">
        <v>855</v>
      </c>
      <c r="EO16" s="70">
        <v>376</v>
      </c>
      <c r="EP16" s="71">
        <v>316</v>
      </c>
      <c r="EQ16" s="72">
        <v>692</v>
      </c>
      <c r="ER16" s="276"/>
      <c r="ES16" s="71">
        <v>334</v>
      </c>
      <c r="ET16" s="71">
        <v>196</v>
      </c>
      <c r="EU16" s="71">
        <v>152</v>
      </c>
      <c r="EV16" s="71">
        <v>161</v>
      </c>
      <c r="EW16" s="71">
        <v>113</v>
      </c>
      <c r="EX16" s="72">
        <v>956</v>
      </c>
      <c r="EY16" s="73">
        <v>1648</v>
      </c>
      <c r="EZ16" s="86">
        <v>412</v>
      </c>
      <c r="FA16" s="71">
        <v>369</v>
      </c>
      <c r="FB16" s="72">
        <v>781</v>
      </c>
      <c r="FC16" s="276"/>
      <c r="FD16" s="71">
        <v>415</v>
      </c>
      <c r="FE16" s="71">
        <v>319</v>
      </c>
      <c r="FF16" s="71">
        <v>257</v>
      </c>
      <c r="FG16" s="71">
        <v>283</v>
      </c>
      <c r="FH16" s="71">
        <v>143</v>
      </c>
      <c r="FI16" s="72">
        <v>1417</v>
      </c>
      <c r="FJ16" s="73">
        <v>2198</v>
      </c>
      <c r="FK16" s="70">
        <v>239</v>
      </c>
      <c r="FL16" s="71">
        <v>267</v>
      </c>
      <c r="FM16" s="72">
        <v>506</v>
      </c>
      <c r="FN16" s="276"/>
      <c r="FO16" s="71">
        <v>402</v>
      </c>
      <c r="FP16" s="71">
        <v>319</v>
      </c>
      <c r="FQ16" s="71">
        <v>353</v>
      </c>
      <c r="FR16" s="71">
        <v>420</v>
      </c>
      <c r="FS16" s="71">
        <v>256</v>
      </c>
      <c r="FT16" s="72">
        <v>1750</v>
      </c>
      <c r="FU16" s="73">
        <v>2256</v>
      </c>
      <c r="FV16" s="70">
        <v>13</v>
      </c>
      <c r="FW16" s="71">
        <v>21</v>
      </c>
      <c r="FX16" s="72">
        <v>34</v>
      </c>
      <c r="FY16" s="276"/>
      <c r="FZ16" s="71">
        <v>14</v>
      </c>
      <c r="GA16" s="71">
        <v>12</v>
      </c>
      <c r="GB16" s="71">
        <v>9</v>
      </c>
      <c r="GC16" s="71">
        <v>19</v>
      </c>
      <c r="GD16" s="71">
        <v>11</v>
      </c>
      <c r="GE16" s="72">
        <v>65</v>
      </c>
      <c r="GF16" s="73">
        <v>99</v>
      </c>
      <c r="GG16" s="70">
        <v>1342</v>
      </c>
      <c r="GH16" s="71">
        <v>1313</v>
      </c>
      <c r="GI16" s="72">
        <v>2655</v>
      </c>
      <c r="GJ16" s="276"/>
      <c r="GK16" s="71">
        <v>1381</v>
      </c>
      <c r="GL16" s="71">
        <v>1023</v>
      </c>
      <c r="GM16" s="71">
        <v>911</v>
      </c>
      <c r="GN16" s="71">
        <v>1027</v>
      </c>
      <c r="GO16" s="71">
        <v>649</v>
      </c>
      <c r="GP16" s="72">
        <v>4991</v>
      </c>
      <c r="GQ16" s="73">
        <v>7646</v>
      </c>
      <c r="GR16" s="126">
        <v>2032</v>
      </c>
      <c r="GS16" s="82">
        <v>1858</v>
      </c>
      <c r="GT16" s="83">
        <v>3890</v>
      </c>
      <c r="GU16" s="273"/>
      <c r="GV16" s="82">
        <v>2035</v>
      </c>
      <c r="GW16" s="82">
        <v>1571</v>
      </c>
      <c r="GX16" s="82">
        <v>1374</v>
      </c>
      <c r="GY16" s="82">
        <v>1415</v>
      </c>
      <c r="GZ16" s="82">
        <v>862</v>
      </c>
      <c r="HA16" s="84">
        <v>7257</v>
      </c>
      <c r="HB16" s="85">
        <v>11147</v>
      </c>
      <c r="HC16" s="86">
        <v>46</v>
      </c>
      <c r="HD16" s="71">
        <v>74</v>
      </c>
      <c r="HE16" s="72">
        <v>120</v>
      </c>
      <c r="HF16" s="276"/>
      <c r="HG16" s="71">
        <v>32</v>
      </c>
      <c r="HH16" s="71">
        <v>39</v>
      </c>
      <c r="HI16" s="71">
        <v>44</v>
      </c>
      <c r="HJ16" s="71">
        <v>29</v>
      </c>
      <c r="HK16" s="71">
        <v>25</v>
      </c>
      <c r="HL16" s="72">
        <v>169</v>
      </c>
      <c r="HM16" s="73">
        <v>289</v>
      </c>
      <c r="HN16" s="70">
        <v>142</v>
      </c>
      <c r="HO16" s="71">
        <v>179</v>
      </c>
      <c r="HP16" s="72">
        <v>321</v>
      </c>
      <c r="HQ16" s="276"/>
      <c r="HR16" s="71">
        <v>124</v>
      </c>
      <c r="HS16" s="71">
        <v>107</v>
      </c>
      <c r="HT16" s="71">
        <v>90</v>
      </c>
      <c r="HU16" s="71">
        <v>90</v>
      </c>
      <c r="HV16" s="71">
        <v>73</v>
      </c>
      <c r="HW16" s="72">
        <v>484</v>
      </c>
      <c r="HX16" s="73">
        <v>805</v>
      </c>
      <c r="HY16" s="86">
        <v>293</v>
      </c>
      <c r="HZ16" s="71">
        <v>275</v>
      </c>
      <c r="IA16" s="72">
        <v>568</v>
      </c>
      <c r="IB16" s="276"/>
      <c r="IC16" s="71">
        <v>214</v>
      </c>
      <c r="ID16" s="71">
        <v>191</v>
      </c>
      <c r="IE16" s="71">
        <v>146</v>
      </c>
      <c r="IF16" s="71">
        <v>151</v>
      </c>
      <c r="IG16" s="71">
        <v>107</v>
      </c>
      <c r="IH16" s="72">
        <v>809</v>
      </c>
      <c r="II16" s="73">
        <v>1377</v>
      </c>
      <c r="IJ16" s="70">
        <v>550</v>
      </c>
      <c r="IK16" s="71">
        <v>458</v>
      </c>
      <c r="IL16" s="72">
        <v>1008</v>
      </c>
      <c r="IM16" s="276"/>
      <c r="IN16" s="71">
        <v>513</v>
      </c>
      <c r="IO16" s="71">
        <v>342</v>
      </c>
      <c r="IP16" s="71">
        <v>251</v>
      </c>
      <c r="IQ16" s="71">
        <v>239</v>
      </c>
      <c r="IR16" s="71">
        <v>178</v>
      </c>
      <c r="IS16" s="72">
        <v>1523</v>
      </c>
      <c r="IT16" s="73">
        <v>2531</v>
      </c>
      <c r="IU16" s="86">
        <v>626</v>
      </c>
      <c r="IV16" s="71">
        <v>513</v>
      </c>
      <c r="IW16" s="72">
        <v>1139</v>
      </c>
      <c r="IX16" s="276"/>
      <c r="IY16" s="71">
        <v>619</v>
      </c>
      <c r="IZ16" s="71">
        <v>450</v>
      </c>
      <c r="JA16" s="71">
        <v>392</v>
      </c>
      <c r="JB16" s="71">
        <v>391</v>
      </c>
      <c r="JC16" s="71">
        <v>183</v>
      </c>
      <c r="JD16" s="72">
        <v>2035</v>
      </c>
      <c r="JE16" s="73">
        <v>3174</v>
      </c>
      <c r="JF16" s="70">
        <v>375</v>
      </c>
      <c r="JG16" s="71">
        <v>359</v>
      </c>
      <c r="JH16" s="72">
        <v>734</v>
      </c>
      <c r="JI16" s="276"/>
      <c r="JJ16" s="71">
        <v>533</v>
      </c>
      <c r="JK16" s="71">
        <v>442</v>
      </c>
      <c r="JL16" s="71">
        <v>451</v>
      </c>
      <c r="JM16" s="71">
        <v>515</v>
      </c>
      <c r="JN16" s="71">
        <v>296</v>
      </c>
      <c r="JO16" s="72">
        <v>2237</v>
      </c>
      <c r="JP16" s="73">
        <v>2971</v>
      </c>
      <c r="JQ16" s="70">
        <v>26</v>
      </c>
      <c r="JR16" s="71">
        <v>47</v>
      </c>
      <c r="JS16" s="72">
        <v>73</v>
      </c>
      <c r="JT16" s="276"/>
      <c r="JU16" s="71">
        <v>25</v>
      </c>
      <c r="JV16" s="71">
        <v>38</v>
      </c>
      <c r="JW16" s="71">
        <v>22</v>
      </c>
      <c r="JX16" s="71">
        <v>35</v>
      </c>
      <c r="JY16" s="71">
        <v>24</v>
      </c>
      <c r="JZ16" s="72">
        <v>144</v>
      </c>
      <c r="KA16" s="73">
        <v>217</v>
      </c>
      <c r="KB16" s="70">
        <v>2058</v>
      </c>
      <c r="KC16" s="71">
        <v>1905</v>
      </c>
      <c r="KD16" s="72">
        <v>3963</v>
      </c>
      <c r="KE16" s="276"/>
      <c r="KF16" s="71">
        <v>2060</v>
      </c>
      <c r="KG16" s="71">
        <v>1609</v>
      </c>
      <c r="KH16" s="71">
        <v>1396</v>
      </c>
      <c r="KI16" s="71">
        <v>1450</v>
      </c>
      <c r="KJ16" s="71">
        <v>886</v>
      </c>
      <c r="KK16" s="72">
        <v>7401</v>
      </c>
      <c r="KL16" s="73">
        <v>11364</v>
      </c>
    </row>
    <row r="17" spans="1:298" ht="19.5" customHeight="1" x14ac:dyDescent="0.2">
      <c r="A17" s="129" t="s">
        <v>13</v>
      </c>
      <c r="B17" s="350">
        <v>141</v>
      </c>
      <c r="C17" s="82">
        <v>179</v>
      </c>
      <c r="D17" s="83">
        <v>320</v>
      </c>
      <c r="E17" s="273"/>
      <c r="F17" s="82">
        <v>289</v>
      </c>
      <c r="G17" s="82">
        <v>261</v>
      </c>
      <c r="H17" s="82">
        <v>179</v>
      </c>
      <c r="I17" s="82">
        <v>150</v>
      </c>
      <c r="J17" s="82">
        <v>98</v>
      </c>
      <c r="K17" s="84">
        <v>977</v>
      </c>
      <c r="L17" s="85">
        <v>1297</v>
      </c>
      <c r="M17" s="70">
        <v>6</v>
      </c>
      <c r="N17" s="71">
        <v>1</v>
      </c>
      <c r="O17" s="72">
        <v>7</v>
      </c>
      <c r="P17" s="276"/>
      <c r="Q17" s="71">
        <v>13</v>
      </c>
      <c r="R17" s="71">
        <v>10</v>
      </c>
      <c r="S17" s="71">
        <v>4</v>
      </c>
      <c r="T17" s="71">
        <v>4</v>
      </c>
      <c r="U17" s="71">
        <v>4</v>
      </c>
      <c r="V17" s="72">
        <v>35</v>
      </c>
      <c r="W17" s="73">
        <v>42</v>
      </c>
      <c r="X17" s="70">
        <v>8</v>
      </c>
      <c r="Y17" s="71">
        <v>13</v>
      </c>
      <c r="Z17" s="72">
        <v>21</v>
      </c>
      <c r="AA17" s="276">
        <v>0</v>
      </c>
      <c r="AB17" s="71">
        <v>28</v>
      </c>
      <c r="AC17" s="71">
        <v>26</v>
      </c>
      <c r="AD17" s="71">
        <v>14</v>
      </c>
      <c r="AE17" s="71">
        <v>11</v>
      </c>
      <c r="AF17" s="71">
        <v>15</v>
      </c>
      <c r="AG17" s="72">
        <v>94</v>
      </c>
      <c r="AH17" s="73">
        <v>115</v>
      </c>
      <c r="AI17" s="70">
        <v>21</v>
      </c>
      <c r="AJ17" s="71">
        <v>13</v>
      </c>
      <c r="AK17" s="72">
        <v>34</v>
      </c>
      <c r="AL17" s="276"/>
      <c r="AM17" s="71">
        <v>26</v>
      </c>
      <c r="AN17" s="71">
        <v>32</v>
      </c>
      <c r="AO17" s="71">
        <v>25</v>
      </c>
      <c r="AP17" s="71">
        <v>23</v>
      </c>
      <c r="AQ17" s="71">
        <v>12</v>
      </c>
      <c r="AR17" s="72">
        <v>118</v>
      </c>
      <c r="AS17" s="73">
        <v>152</v>
      </c>
      <c r="AT17" s="70">
        <v>24</v>
      </c>
      <c r="AU17" s="71">
        <v>58</v>
      </c>
      <c r="AV17" s="72">
        <v>82</v>
      </c>
      <c r="AW17" s="276"/>
      <c r="AX17" s="71">
        <v>62</v>
      </c>
      <c r="AY17" s="71">
        <v>40</v>
      </c>
      <c r="AZ17" s="71">
        <v>45</v>
      </c>
      <c r="BA17" s="71">
        <v>33</v>
      </c>
      <c r="BB17" s="71">
        <v>27</v>
      </c>
      <c r="BC17" s="72">
        <v>207</v>
      </c>
      <c r="BD17" s="73">
        <v>289</v>
      </c>
      <c r="BE17" s="70">
        <v>48</v>
      </c>
      <c r="BF17" s="71">
        <v>54</v>
      </c>
      <c r="BG17" s="72">
        <v>102</v>
      </c>
      <c r="BH17" s="276"/>
      <c r="BI17" s="71">
        <v>90</v>
      </c>
      <c r="BJ17" s="71">
        <v>90</v>
      </c>
      <c r="BK17" s="71">
        <v>41</v>
      </c>
      <c r="BL17" s="71">
        <v>43</v>
      </c>
      <c r="BM17" s="71">
        <v>21</v>
      </c>
      <c r="BN17" s="72">
        <v>285</v>
      </c>
      <c r="BO17" s="73">
        <v>387</v>
      </c>
      <c r="BP17" s="70">
        <v>34</v>
      </c>
      <c r="BQ17" s="71">
        <v>40</v>
      </c>
      <c r="BR17" s="72">
        <v>74</v>
      </c>
      <c r="BS17" s="276"/>
      <c r="BT17" s="71">
        <v>70</v>
      </c>
      <c r="BU17" s="71">
        <v>63</v>
      </c>
      <c r="BV17" s="71">
        <v>50</v>
      </c>
      <c r="BW17" s="71">
        <v>36</v>
      </c>
      <c r="BX17" s="71">
        <v>19</v>
      </c>
      <c r="BY17" s="72">
        <v>238</v>
      </c>
      <c r="BZ17" s="73">
        <v>312</v>
      </c>
      <c r="CA17" s="70">
        <v>5</v>
      </c>
      <c r="CB17" s="71">
        <v>4</v>
      </c>
      <c r="CC17" s="72">
        <v>9</v>
      </c>
      <c r="CD17" s="276"/>
      <c r="CE17" s="71">
        <v>7</v>
      </c>
      <c r="CF17" s="71">
        <v>9</v>
      </c>
      <c r="CG17" s="71">
        <v>8</v>
      </c>
      <c r="CH17" s="71">
        <v>2</v>
      </c>
      <c r="CI17" s="71">
        <v>7</v>
      </c>
      <c r="CJ17" s="72">
        <v>33</v>
      </c>
      <c r="CK17" s="73">
        <v>42</v>
      </c>
      <c r="CL17" s="70">
        <v>146</v>
      </c>
      <c r="CM17" s="71">
        <v>183</v>
      </c>
      <c r="CN17" s="72">
        <v>329</v>
      </c>
      <c r="CO17" s="276"/>
      <c r="CP17" s="71">
        <v>296</v>
      </c>
      <c r="CQ17" s="71">
        <v>270</v>
      </c>
      <c r="CR17" s="71">
        <v>187</v>
      </c>
      <c r="CS17" s="71">
        <v>152</v>
      </c>
      <c r="CT17" s="71">
        <v>105</v>
      </c>
      <c r="CU17" s="72">
        <v>1010</v>
      </c>
      <c r="CV17" s="73">
        <v>1339</v>
      </c>
      <c r="CW17" s="126">
        <v>347</v>
      </c>
      <c r="CX17" s="82">
        <v>412</v>
      </c>
      <c r="CY17" s="83">
        <v>759</v>
      </c>
      <c r="CZ17" s="273"/>
      <c r="DA17" s="82">
        <v>584</v>
      </c>
      <c r="DB17" s="82">
        <v>480</v>
      </c>
      <c r="DC17" s="82">
        <v>344</v>
      </c>
      <c r="DD17" s="82">
        <v>370</v>
      </c>
      <c r="DE17" s="82">
        <v>301</v>
      </c>
      <c r="DF17" s="84">
        <v>2079</v>
      </c>
      <c r="DG17" s="85">
        <v>2838</v>
      </c>
      <c r="DH17" s="70">
        <v>3</v>
      </c>
      <c r="DI17" s="71">
        <v>6</v>
      </c>
      <c r="DJ17" s="72">
        <v>9</v>
      </c>
      <c r="DK17" s="276"/>
      <c r="DL17" s="71">
        <v>7</v>
      </c>
      <c r="DM17" s="71">
        <v>16</v>
      </c>
      <c r="DN17" s="71">
        <v>1</v>
      </c>
      <c r="DO17" s="71">
        <v>5</v>
      </c>
      <c r="DP17" s="71">
        <v>4</v>
      </c>
      <c r="DQ17" s="72">
        <v>33</v>
      </c>
      <c r="DR17" s="73">
        <v>42</v>
      </c>
      <c r="DS17" s="70">
        <v>15</v>
      </c>
      <c r="DT17" s="71">
        <v>34</v>
      </c>
      <c r="DU17" s="72">
        <v>49</v>
      </c>
      <c r="DV17" s="276"/>
      <c r="DW17" s="71">
        <v>34</v>
      </c>
      <c r="DX17" s="71">
        <v>17</v>
      </c>
      <c r="DY17" s="71">
        <v>17</v>
      </c>
      <c r="DZ17" s="71">
        <v>13</v>
      </c>
      <c r="EA17" s="71">
        <v>19</v>
      </c>
      <c r="EB17" s="72">
        <v>100</v>
      </c>
      <c r="EC17" s="73">
        <v>149</v>
      </c>
      <c r="ED17" s="70">
        <v>42</v>
      </c>
      <c r="EE17" s="71">
        <v>45</v>
      </c>
      <c r="EF17" s="72">
        <v>87</v>
      </c>
      <c r="EG17" s="276"/>
      <c r="EH17" s="71">
        <v>68</v>
      </c>
      <c r="EI17" s="71">
        <v>45</v>
      </c>
      <c r="EJ17" s="71">
        <v>33</v>
      </c>
      <c r="EK17" s="71">
        <v>18</v>
      </c>
      <c r="EL17" s="71">
        <v>27</v>
      </c>
      <c r="EM17" s="72">
        <v>191</v>
      </c>
      <c r="EN17" s="73">
        <v>278</v>
      </c>
      <c r="EO17" s="70">
        <v>101</v>
      </c>
      <c r="EP17" s="71">
        <v>104</v>
      </c>
      <c r="EQ17" s="72">
        <v>205</v>
      </c>
      <c r="ER17" s="276"/>
      <c r="ES17" s="71">
        <v>128</v>
      </c>
      <c r="ET17" s="71">
        <v>86</v>
      </c>
      <c r="EU17" s="71">
        <v>56</v>
      </c>
      <c r="EV17" s="71">
        <v>54</v>
      </c>
      <c r="EW17" s="71">
        <v>48</v>
      </c>
      <c r="EX17" s="72">
        <v>372</v>
      </c>
      <c r="EY17" s="73">
        <v>577</v>
      </c>
      <c r="EZ17" s="70">
        <v>119</v>
      </c>
      <c r="FA17" s="71">
        <v>119</v>
      </c>
      <c r="FB17" s="72">
        <v>238</v>
      </c>
      <c r="FC17" s="276"/>
      <c r="FD17" s="71">
        <v>192</v>
      </c>
      <c r="FE17" s="71">
        <v>136</v>
      </c>
      <c r="FF17" s="71">
        <v>91</v>
      </c>
      <c r="FG17" s="71">
        <v>97</v>
      </c>
      <c r="FH17" s="71">
        <v>65</v>
      </c>
      <c r="FI17" s="72">
        <v>581</v>
      </c>
      <c r="FJ17" s="73">
        <v>819</v>
      </c>
      <c r="FK17" s="70">
        <v>67</v>
      </c>
      <c r="FL17" s="71">
        <v>104</v>
      </c>
      <c r="FM17" s="72">
        <v>171</v>
      </c>
      <c r="FN17" s="276"/>
      <c r="FO17" s="71">
        <v>155</v>
      </c>
      <c r="FP17" s="71">
        <v>180</v>
      </c>
      <c r="FQ17" s="71">
        <v>146</v>
      </c>
      <c r="FR17" s="71">
        <v>183</v>
      </c>
      <c r="FS17" s="71">
        <v>138</v>
      </c>
      <c r="FT17" s="72">
        <v>802</v>
      </c>
      <c r="FU17" s="73">
        <v>973</v>
      </c>
      <c r="FV17" s="70">
        <v>2</v>
      </c>
      <c r="FW17" s="71">
        <v>0</v>
      </c>
      <c r="FX17" s="72">
        <v>2</v>
      </c>
      <c r="FY17" s="276"/>
      <c r="FZ17" s="71">
        <v>8</v>
      </c>
      <c r="GA17" s="71">
        <v>6</v>
      </c>
      <c r="GB17" s="71">
        <v>5</v>
      </c>
      <c r="GC17" s="71">
        <v>4</v>
      </c>
      <c r="GD17" s="71">
        <v>3</v>
      </c>
      <c r="GE17" s="72">
        <v>26</v>
      </c>
      <c r="GF17" s="73">
        <v>28</v>
      </c>
      <c r="GG17" s="70">
        <v>349</v>
      </c>
      <c r="GH17" s="71">
        <v>412</v>
      </c>
      <c r="GI17" s="72">
        <v>761</v>
      </c>
      <c r="GJ17" s="276"/>
      <c r="GK17" s="71">
        <v>592</v>
      </c>
      <c r="GL17" s="71">
        <v>486</v>
      </c>
      <c r="GM17" s="71">
        <v>349</v>
      </c>
      <c r="GN17" s="71">
        <v>374</v>
      </c>
      <c r="GO17" s="71">
        <v>304</v>
      </c>
      <c r="GP17" s="72">
        <v>2105</v>
      </c>
      <c r="GQ17" s="73">
        <v>2866</v>
      </c>
      <c r="GR17" s="126">
        <v>488</v>
      </c>
      <c r="GS17" s="82">
        <v>591</v>
      </c>
      <c r="GT17" s="83">
        <v>1079</v>
      </c>
      <c r="GU17" s="273"/>
      <c r="GV17" s="82">
        <v>873</v>
      </c>
      <c r="GW17" s="82">
        <v>741</v>
      </c>
      <c r="GX17" s="82">
        <v>523</v>
      </c>
      <c r="GY17" s="82">
        <v>520</v>
      </c>
      <c r="GZ17" s="82">
        <v>399</v>
      </c>
      <c r="HA17" s="84">
        <v>3056</v>
      </c>
      <c r="HB17" s="85">
        <v>4135</v>
      </c>
      <c r="HC17" s="70">
        <v>9</v>
      </c>
      <c r="HD17" s="71">
        <v>7</v>
      </c>
      <c r="HE17" s="72">
        <v>16</v>
      </c>
      <c r="HF17" s="276"/>
      <c r="HG17" s="71">
        <v>20</v>
      </c>
      <c r="HH17" s="71">
        <v>26</v>
      </c>
      <c r="HI17" s="71">
        <v>5</v>
      </c>
      <c r="HJ17" s="71">
        <v>9</v>
      </c>
      <c r="HK17" s="71">
        <v>8</v>
      </c>
      <c r="HL17" s="72">
        <v>68</v>
      </c>
      <c r="HM17" s="73">
        <v>84</v>
      </c>
      <c r="HN17" s="70">
        <v>23</v>
      </c>
      <c r="HO17" s="71">
        <v>47</v>
      </c>
      <c r="HP17" s="72">
        <v>70</v>
      </c>
      <c r="HQ17" s="276"/>
      <c r="HR17" s="71">
        <v>62</v>
      </c>
      <c r="HS17" s="71">
        <v>43</v>
      </c>
      <c r="HT17" s="71">
        <v>31</v>
      </c>
      <c r="HU17" s="71">
        <v>24</v>
      </c>
      <c r="HV17" s="71">
        <v>34</v>
      </c>
      <c r="HW17" s="72">
        <v>194</v>
      </c>
      <c r="HX17" s="73">
        <v>264</v>
      </c>
      <c r="HY17" s="70">
        <v>63</v>
      </c>
      <c r="HZ17" s="71">
        <v>58</v>
      </c>
      <c r="IA17" s="72">
        <v>121</v>
      </c>
      <c r="IB17" s="276"/>
      <c r="IC17" s="71">
        <v>94</v>
      </c>
      <c r="ID17" s="71">
        <v>77</v>
      </c>
      <c r="IE17" s="71">
        <v>58</v>
      </c>
      <c r="IF17" s="71">
        <v>41</v>
      </c>
      <c r="IG17" s="71">
        <v>39</v>
      </c>
      <c r="IH17" s="72">
        <v>309</v>
      </c>
      <c r="II17" s="73">
        <v>430</v>
      </c>
      <c r="IJ17" s="70">
        <v>125</v>
      </c>
      <c r="IK17" s="71">
        <v>162</v>
      </c>
      <c r="IL17" s="72">
        <v>287</v>
      </c>
      <c r="IM17" s="276"/>
      <c r="IN17" s="71">
        <v>190</v>
      </c>
      <c r="IO17" s="71">
        <v>126</v>
      </c>
      <c r="IP17" s="71">
        <v>101</v>
      </c>
      <c r="IQ17" s="71">
        <v>87</v>
      </c>
      <c r="IR17" s="71">
        <v>75</v>
      </c>
      <c r="IS17" s="72">
        <v>579</v>
      </c>
      <c r="IT17" s="73">
        <v>866</v>
      </c>
      <c r="IU17" s="70">
        <v>167</v>
      </c>
      <c r="IV17" s="71">
        <v>173</v>
      </c>
      <c r="IW17" s="72">
        <v>340</v>
      </c>
      <c r="IX17" s="276"/>
      <c r="IY17" s="71">
        <v>282</v>
      </c>
      <c r="IZ17" s="71">
        <v>226</v>
      </c>
      <c r="JA17" s="71">
        <v>132</v>
      </c>
      <c r="JB17" s="71">
        <v>140</v>
      </c>
      <c r="JC17" s="71">
        <v>86</v>
      </c>
      <c r="JD17" s="72">
        <v>866</v>
      </c>
      <c r="JE17" s="73">
        <v>1206</v>
      </c>
      <c r="JF17" s="70">
        <v>101</v>
      </c>
      <c r="JG17" s="71">
        <v>144</v>
      </c>
      <c r="JH17" s="72">
        <v>245</v>
      </c>
      <c r="JI17" s="276"/>
      <c r="JJ17" s="71">
        <v>225</v>
      </c>
      <c r="JK17" s="71">
        <v>243</v>
      </c>
      <c r="JL17" s="71">
        <v>196</v>
      </c>
      <c r="JM17" s="71">
        <v>219</v>
      </c>
      <c r="JN17" s="71">
        <v>157</v>
      </c>
      <c r="JO17" s="72">
        <v>1040</v>
      </c>
      <c r="JP17" s="73">
        <v>1285</v>
      </c>
      <c r="JQ17" s="70">
        <v>7</v>
      </c>
      <c r="JR17" s="71">
        <v>4</v>
      </c>
      <c r="JS17" s="72">
        <v>11</v>
      </c>
      <c r="JT17" s="276"/>
      <c r="JU17" s="71">
        <v>15</v>
      </c>
      <c r="JV17" s="71">
        <v>15</v>
      </c>
      <c r="JW17" s="71">
        <v>13</v>
      </c>
      <c r="JX17" s="71">
        <v>6</v>
      </c>
      <c r="JY17" s="71">
        <v>10</v>
      </c>
      <c r="JZ17" s="72">
        <v>59</v>
      </c>
      <c r="KA17" s="73">
        <v>70</v>
      </c>
      <c r="KB17" s="70">
        <v>495</v>
      </c>
      <c r="KC17" s="71">
        <v>595</v>
      </c>
      <c r="KD17" s="72">
        <v>1090</v>
      </c>
      <c r="KE17" s="276"/>
      <c r="KF17" s="71">
        <v>888</v>
      </c>
      <c r="KG17" s="71">
        <v>756</v>
      </c>
      <c r="KH17" s="71">
        <v>536</v>
      </c>
      <c r="KI17" s="71">
        <v>526</v>
      </c>
      <c r="KJ17" s="71">
        <v>409</v>
      </c>
      <c r="KK17" s="72">
        <v>3115</v>
      </c>
      <c r="KL17" s="73">
        <v>4205</v>
      </c>
    </row>
    <row r="18" spans="1:298" ht="19.5" customHeight="1" x14ac:dyDescent="0.2">
      <c r="A18" s="129" t="s">
        <v>15</v>
      </c>
      <c r="B18" s="350">
        <v>109</v>
      </c>
      <c r="C18" s="82">
        <v>132</v>
      </c>
      <c r="D18" s="83">
        <v>241</v>
      </c>
      <c r="E18" s="273"/>
      <c r="F18" s="82">
        <v>239</v>
      </c>
      <c r="G18" s="82">
        <v>217</v>
      </c>
      <c r="H18" s="82">
        <v>149</v>
      </c>
      <c r="I18" s="82">
        <v>113</v>
      </c>
      <c r="J18" s="82">
        <v>61</v>
      </c>
      <c r="K18" s="84">
        <v>779</v>
      </c>
      <c r="L18" s="85">
        <v>1020</v>
      </c>
      <c r="M18" s="70">
        <v>7</v>
      </c>
      <c r="N18" s="71">
        <v>5</v>
      </c>
      <c r="O18" s="72">
        <v>12</v>
      </c>
      <c r="P18" s="276"/>
      <c r="Q18" s="71">
        <v>11</v>
      </c>
      <c r="R18" s="71">
        <v>8</v>
      </c>
      <c r="S18" s="71">
        <v>12</v>
      </c>
      <c r="T18" s="71">
        <v>7</v>
      </c>
      <c r="U18" s="71">
        <v>6</v>
      </c>
      <c r="V18" s="72">
        <v>44</v>
      </c>
      <c r="W18" s="73">
        <v>56</v>
      </c>
      <c r="X18" s="70">
        <v>15</v>
      </c>
      <c r="Y18" s="71">
        <v>12</v>
      </c>
      <c r="Z18" s="72">
        <v>27</v>
      </c>
      <c r="AA18" s="276">
        <v>0</v>
      </c>
      <c r="AB18" s="71">
        <v>27</v>
      </c>
      <c r="AC18" s="71">
        <v>23</v>
      </c>
      <c r="AD18" s="71">
        <v>19</v>
      </c>
      <c r="AE18" s="71">
        <v>14</v>
      </c>
      <c r="AF18" s="71">
        <v>12</v>
      </c>
      <c r="AG18" s="72">
        <v>95</v>
      </c>
      <c r="AH18" s="73">
        <v>122</v>
      </c>
      <c r="AI18" s="70">
        <v>19</v>
      </c>
      <c r="AJ18" s="71">
        <v>22</v>
      </c>
      <c r="AK18" s="72">
        <v>41</v>
      </c>
      <c r="AL18" s="276"/>
      <c r="AM18" s="71">
        <v>41</v>
      </c>
      <c r="AN18" s="71">
        <v>39</v>
      </c>
      <c r="AO18" s="71">
        <v>16</v>
      </c>
      <c r="AP18" s="71">
        <v>18</v>
      </c>
      <c r="AQ18" s="71">
        <v>18</v>
      </c>
      <c r="AR18" s="72">
        <v>132</v>
      </c>
      <c r="AS18" s="73">
        <v>173</v>
      </c>
      <c r="AT18" s="70">
        <v>30</v>
      </c>
      <c r="AU18" s="71">
        <v>35</v>
      </c>
      <c r="AV18" s="72">
        <v>65</v>
      </c>
      <c r="AW18" s="276"/>
      <c r="AX18" s="71">
        <v>57</v>
      </c>
      <c r="AY18" s="71">
        <v>50</v>
      </c>
      <c r="AZ18" s="71">
        <v>38</v>
      </c>
      <c r="BA18" s="71">
        <v>22</v>
      </c>
      <c r="BB18" s="71">
        <v>13</v>
      </c>
      <c r="BC18" s="72">
        <v>180</v>
      </c>
      <c r="BD18" s="73">
        <v>245</v>
      </c>
      <c r="BE18" s="70">
        <v>25</v>
      </c>
      <c r="BF18" s="71">
        <v>31</v>
      </c>
      <c r="BG18" s="72">
        <v>56</v>
      </c>
      <c r="BH18" s="276"/>
      <c r="BI18" s="71">
        <v>66</v>
      </c>
      <c r="BJ18" s="71">
        <v>64</v>
      </c>
      <c r="BK18" s="71">
        <v>37</v>
      </c>
      <c r="BL18" s="71">
        <v>23</v>
      </c>
      <c r="BM18" s="71">
        <v>9</v>
      </c>
      <c r="BN18" s="72">
        <v>199</v>
      </c>
      <c r="BO18" s="73">
        <v>255</v>
      </c>
      <c r="BP18" s="70">
        <v>13</v>
      </c>
      <c r="BQ18" s="71">
        <v>27</v>
      </c>
      <c r="BR18" s="72">
        <v>40</v>
      </c>
      <c r="BS18" s="276"/>
      <c r="BT18" s="71">
        <v>37</v>
      </c>
      <c r="BU18" s="71">
        <v>33</v>
      </c>
      <c r="BV18" s="71">
        <v>27</v>
      </c>
      <c r="BW18" s="71">
        <v>29</v>
      </c>
      <c r="BX18" s="71">
        <v>3</v>
      </c>
      <c r="BY18" s="72">
        <v>129</v>
      </c>
      <c r="BZ18" s="73">
        <v>169</v>
      </c>
      <c r="CA18" s="70">
        <v>2</v>
      </c>
      <c r="CB18" s="71">
        <v>5</v>
      </c>
      <c r="CC18" s="72">
        <v>7</v>
      </c>
      <c r="CD18" s="276"/>
      <c r="CE18" s="71">
        <v>5</v>
      </c>
      <c r="CF18" s="71">
        <v>7</v>
      </c>
      <c r="CG18" s="71">
        <v>5</v>
      </c>
      <c r="CH18" s="71">
        <v>3</v>
      </c>
      <c r="CI18" s="71">
        <v>5</v>
      </c>
      <c r="CJ18" s="72">
        <v>25</v>
      </c>
      <c r="CK18" s="73">
        <v>32</v>
      </c>
      <c r="CL18" s="70">
        <v>111</v>
      </c>
      <c r="CM18" s="71">
        <v>137</v>
      </c>
      <c r="CN18" s="72">
        <v>248</v>
      </c>
      <c r="CO18" s="276"/>
      <c r="CP18" s="71">
        <v>244</v>
      </c>
      <c r="CQ18" s="71">
        <v>224</v>
      </c>
      <c r="CR18" s="71">
        <v>154</v>
      </c>
      <c r="CS18" s="71">
        <v>116</v>
      </c>
      <c r="CT18" s="71">
        <v>66</v>
      </c>
      <c r="CU18" s="72">
        <v>804</v>
      </c>
      <c r="CV18" s="73">
        <v>1052</v>
      </c>
      <c r="CW18" s="126">
        <v>251</v>
      </c>
      <c r="CX18" s="82">
        <v>344</v>
      </c>
      <c r="CY18" s="83">
        <v>595</v>
      </c>
      <c r="CZ18" s="273"/>
      <c r="DA18" s="82">
        <v>413</v>
      </c>
      <c r="DB18" s="82">
        <v>453</v>
      </c>
      <c r="DC18" s="82">
        <v>306</v>
      </c>
      <c r="DD18" s="82">
        <v>296</v>
      </c>
      <c r="DE18" s="82">
        <v>168</v>
      </c>
      <c r="DF18" s="84">
        <v>1636</v>
      </c>
      <c r="DG18" s="85">
        <v>2231</v>
      </c>
      <c r="DH18" s="70">
        <v>7</v>
      </c>
      <c r="DI18" s="71">
        <v>6</v>
      </c>
      <c r="DJ18" s="72">
        <v>13</v>
      </c>
      <c r="DK18" s="276"/>
      <c r="DL18" s="71">
        <v>11</v>
      </c>
      <c r="DM18" s="71">
        <v>8</v>
      </c>
      <c r="DN18" s="71">
        <v>8</v>
      </c>
      <c r="DO18" s="71">
        <v>5</v>
      </c>
      <c r="DP18" s="71">
        <v>5</v>
      </c>
      <c r="DQ18" s="72">
        <v>37</v>
      </c>
      <c r="DR18" s="73">
        <v>50</v>
      </c>
      <c r="DS18" s="70">
        <v>12</v>
      </c>
      <c r="DT18" s="71">
        <v>27</v>
      </c>
      <c r="DU18" s="72">
        <v>39</v>
      </c>
      <c r="DV18" s="276"/>
      <c r="DW18" s="71">
        <v>30</v>
      </c>
      <c r="DX18" s="71">
        <v>34</v>
      </c>
      <c r="DY18" s="71">
        <v>19</v>
      </c>
      <c r="DZ18" s="71">
        <v>8</v>
      </c>
      <c r="EA18" s="71">
        <v>12</v>
      </c>
      <c r="EB18" s="72">
        <v>103</v>
      </c>
      <c r="EC18" s="73">
        <v>142</v>
      </c>
      <c r="ED18" s="70">
        <v>52</v>
      </c>
      <c r="EE18" s="71">
        <v>52</v>
      </c>
      <c r="EF18" s="72">
        <v>104</v>
      </c>
      <c r="EG18" s="276"/>
      <c r="EH18" s="71">
        <v>53</v>
      </c>
      <c r="EI18" s="71">
        <v>41</v>
      </c>
      <c r="EJ18" s="71">
        <v>25</v>
      </c>
      <c r="EK18" s="71">
        <v>20</v>
      </c>
      <c r="EL18" s="71">
        <v>18</v>
      </c>
      <c r="EM18" s="72">
        <v>157</v>
      </c>
      <c r="EN18" s="73">
        <v>261</v>
      </c>
      <c r="EO18" s="70">
        <v>81</v>
      </c>
      <c r="EP18" s="71">
        <v>103</v>
      </c>
      <c r="EQ18" s="72">
        <v>184</v>
      </c>
      <c r="ER18" s="276"/>
      <c r="ES18" s="71">
        <v>106</v>
      </c>
      <c r="ET18" s="71">
        <v>97</v>
      </c>
      <c r="EU18" s="71">
        <v>52</v>
      </c>
      <c r="EV18" s="71">
        <v>43</v>
      </c>
      <c r="EW18" s="71">
        <v>35</v>
      </c>
      <c r="EX18" s="72">
        <v>333</v>
      </c>
      <c r="EY18" s="73">
        <v>517</v>
      </c>
      <c r="EZ18" s="70">
        <v>56</v>
      </c>
      <c r="FA18" s="71">
        <v>102</v>
      </c>
      <c r="FB18" s="72">
        <v>158</v>
      </c>
      <c r="FC18" s="276"/>
      <c r="FD18" s="71">
        <v>113</v>
      </c>
      <c r="FE18" s="71">
        <v>125</v>
      </c>
      <c r="FF18" s="71">
        <v>73</v>
      </c>
      <c r="FG18" s="71">
        <v>90</v>
      </c>
      <c r="FH18" s="71">
        <v>36</v>
      </c>
      <c r="FI18" s="72">
        <v>437</v>
      </c>
      <c r="FJ18" s="73">
        <v>595</v>
      </c>
      <c r="FK18" s="70">
        <v>43</v>
      </c>
      <c r="FL18" s="71">
        <v>54</v>
      </c>
      <c r="FM18" s="72">
        <v>97</v>
      </c>
      <c r="FN18" s="276"/>
      <c r="FO18" s="71">
        <v>100</v>
      </c>
      <c r="FP18" s="71">
        <v>148</v>
      </c>
      <c r="FQ18" s="71">
        <v>129</v>
      </c>
      <c r="FR18" s="71">
        <v>130</v>
      </c>
      <c r="FS18" s="71">
        <v>62</v>
      </c>
      <c r="FT18" s="72">
        <v>569</v>
      </c>
      <c r="FU18" s="73">
        <v>666</v>
      </c>
      <c r="FV18" s="70">
        <v>1</v>
      </c>
      <c r="FW18" s="71">
        <v>6</v>
      </c>
      <c r="FX18" s="72">
        <v>7</v>
      </c>
      <c r="FY18" s="276"/>
      <c r="FZ18" s="71">
        <v>3</v>
      </c>
      <c r="GA18" s="71">
        <v>11</v>
      </c>
      <c r="GB18" s="71">
        <v>0</v>
      </c>
      <c r="GC18" s="71">
        <v>1</v>
      </c>
      <c r="GD18" s="71">
        <v>7</v>
      </c>
      <c r="GE18" s="72">
        <v>22</v>
      </c>
      <c r="GF18" s="73">
        <v>29</v>
      </c>
      <c r="GG18" s="70">
        <v>252</v>
      </c>
      <c r="GH18" s="71">
        <v>350</v>
      </c>
      <c r="GI18" s="72">
        <v>602</v>
      </c>
      <c r="GJ18" s="276"/>
      <c r="GK18" s="71">
        <v>416</v>
      </c>
      <c r="GL18" s="71">
        <v>464</v>
      </c>
      <c r="GM18" s="71">
        <v>306</v>
      </c>
      <c r="GN18" s="71">
        <v>297</v>
      </c>
      <c r="GO18" s="71">
        <v>175</v>
      </c>
      <c r="GP18" s="72">
        <v>1658</v>
      </c>
      <c r="GQ18" s="73">
        <v>2260</v>
      </c>
      <c r="GR18" s="126">
        <v>360</v>
      </c>
      <c r="GS18" s="82">
        <v>476</v>
      </c>
      <c r="GT18" s="83">
        <v>836</v>
      </c>
      <c r="GU18" s="273"/>
      <c r="GV18" s="82">
        <v>652</v>
      </c>
      <c r="GW18" s="82">
        <v>670</v>
      </c>
      <c r="GX18" s="82">
        <v>455</v>
      </c>
      <c r="GY18" s="82">
        <v>409</v>
      </c>
      <c r="GZ18" s="82">
        <v>229</v>
      </c>
      <c r="HA18" s="84">
        <v>2415</v>
      </c>
      <c r="HB18" s="85">
        <v>3251</v>
      </c>
      <c r="HC18" s="70">
        <v>14</v>
      </c>
      <c r="HD18" s="71">
        <v>11</v>
      </c>
      <c r="HE18" s="72">
        <v>25</v>
      </c>
      <c r="HF18" s="276"/>
      <c r="HG18" s="71">
        <v>22</v>
      </c>
      <c r="HH18" s="71">
        <v>16</v>
      </c>
      <c r="HI18" s="71">
        <v>20</v>
      </c>
      <c r="HJ18" s="71">
        <v>12</v>
      </c>
      <c r="HK18" s="71">
        <v>11</v>
      </c>
      <c r="HL18" s="72">
        <v>81</v>
      </c>
      <c r="HM18" s="73">
        <v>106</v>
      </c>
      <c r="HN18" s="70">
        <v>27</v>
      </c>
      <c r="HO18" s="71">
        <v>39</v>
      </c>
      <c r="HP18" s="72">
        <v>66</v>
      </c>
      <c r="HQ18" s="276"/>
      <c r="HR18" s="71">
        <v>57</v>
      </c>
      <c r="HS18" s="71">
        <v>57</v>
      </c>
      <c r="HT18" s="71">
        <v>38</v>
      </c>
      <c r="HU18" s="71">
        <v>22</v>
      </c>
      <c r="HV18" s="71">
        <v>24</v>
      </c>
      <c r="HW18" s="72">
        <v>198</v>
      </c>
      <c r="HX18" s="73">
        <v>264</v>
      </c>
      <c r="HY18" s="70">
        <v>71</v>
      </c>
      <c r="HZ18" s="71">
        <v>74</v>
      </c>
      <c r="IA18" s="72">
        <v>145</v>
      </c>
      <c r="IB18" s="276"/>
      <c r="IC18" s="71">
        <v>94</v>
      </c>
      <c r="ID18" s="71">
        <v>80</v>
      </c>
      <c r="IE18" s="71">
        <v>41</v>
      </c>
      <c r="IF18" s="71">
        <v>38</v>
      </c>
      <c r="IG18" s="71">
        <v>36</v>
      </c>
      <c r="IH18" s="72">
        <v>289</v>
      </c>
      <c r="II18" s="73">
        <v>434</v>
      </c>
      <c r="IJ18" s="70">
        <v>111</v>
      </c>
      <c r="IK18" s="71">
        <v>138</v>
      </c>
      <c r="IL18" s="72">
        <v>249</v>
      </c>
      <c r="IM18" s="276"/>
      <c r="IN18" s="71">
        <v>163</v>
      </c>
      <c r="IO18" s="71">
        <v>147</v>
      </c>
      <c r="IP18" s="71">
        <v>90</v>
      </c>
      <c r="IQ18" s="71">
        <v>65</v>
      </c>
      <c r="IR18" s="71">
        <v>48</v>
      </c>
      <c r="IS18" s="72">
        <v>513</v>
      </c>
      <c r="IT18" s="73">
        <v>762</v>
      </c>
      <c r="IU18" s="70">
        <v>81</v>
      </c>
      <c r="IV18" s="71">
        <v>133</v>
      </c>
      <c r="IW18" s="72">
        <v>214</v>
      </c>
      <c r="IX18" s="276"/>
      <c r="IY18" s="71">
        <v>179</v>
      </c>
      <c r="IZ18" s="71">
        <v>189</v>
      </c>
      <c r="JA18" s="71">
        <v>110</v>
      </c>
      <c r="JB18" s="71">
        <v>113</v>
      </c>
      <c r="JC18" s="71">
        <v>45</v>
      </c>
      <c r="JD18" s="72">
        <v>636</v>
      </c>
      <c r="JE18" s="73">
        <v>850</v>
      </c>
      <c r="JF18" s="70">
        <v>56</v>
      </c>
      <c r="JG18" s="71">
        <v>81</v>
      </c>
      <c r="JH18" s="72">
        <v>137</v>
      </c>
      <c r="JI18" s="276"/>
      <c r="JJ18" s="71">
        <v>137</v>
      </c>
      <c r="JK18" s="71">
        <v>181</v>
      </c>
      <c r="JL18" s="71">
        <v>156</v>
      </c>
      <c r="JM18" s="71">
        <v>159</v>
      </c>
      <c r="JN18" s="71">
        <v>65</v>
      </c>
      <c r="JO18" s="72">
        <v>698</v>
      </c>
      <c r="JP18" s="73">
        <v>835</v>
      </c>
      <c r="JQ18" s="70">
        <v>3</v>
      </c>
      <c r="JR18" s="71">
        <v>11</v>
      </c>
      <c r="JS18" s="72">
        <v>14</v>
      </c>
      <c r="JT18" s="276"/>
      <c r="JU18" s="71">
        <v>8</v>
      </c>
      <c r="JV18" s="71">
        <v>18</v>
      </c>
      <c r="JW18" s="71">
        <v>5</v>
      </c>
      <c r="JX18" s="71">
        <v>4</v>
      </c>
      <c r="JY18" s="71">
        <v>12</v>
      </c>
      <c r="JZ18" s="72">
        <v>47</v>
      </c>
      <c r="KA18" s="73">
        <v>61</v>
      </c>
      <c r="KB18" s="70">
        <v>363</v>
      </c>
      <c r="KC18" s="71">
        <v>487</v>
      </c>
      <c r="KD18" s="72">
        <v>850</v>
      </c>
      <c r="KE18" s="276"/>
      <c r="KF18" s="71">
        <v>660</v>
      </c>
      <c r="KG18" s="71">
        <v>688</v>
      </c>
      <c r="KH18" s="71">
        <v>460</v>
      </c>
      <c r="KI18" s="71">
        <v>413</v>
      </c>
      <c r="KJ18" s="71">
        <v>241</v>
      </c>
      <c r="KK18" s="72">
        <v>2462</v>
      </c>
      <c r="KL18" s="73">
        <v>3312</v>
      </c>
    </row>
    <row r="19" spans="1:298" ht="19.5" customHeight="1" x14ac:dyDescent="0.2">
      <c r="A19" s="129" t="s">
        <v>16</v>
      </c>
      <c r="B19" s="350">
        <v>209</v>
      </c>
      <c r="C19" s="82">
        <v>232</v>
      </c>
      <c r="D19" s="83">
        <v>441</v>
      </c>
      <c r="E19" s="273"/>
      <c r="F19" s="82">
        <v>483</v>
      </c>
      <c r="G19" s="82">
        <v>585</v>
      </c>
      <c r="H19" s="82">
        <v>405</v>
      </c>
      <c r="I19" s="82">
        <v>331</v>
      </c>
      <c r="J19" s="82">
        <v>180</v>
      </c>
      <c r="K19" s="84">
        <v>1984</v>
      </c>
      <c r="L19" s="85">
        <v>2425</v>
      </c>
      <c r="M19" s="70">
        <v>12</v>
      </c>
      <c r="N19" s="71">
        <v>11</v>
      </c>
      <c r="O19" s="72">
        <v>23</v>
      </c>
      <c r="P19" s="276"/>
      <c r="Q19" s="71">
        <v>22</v>
      </c>
      <c r="R19" s="71">
        <v>29</v>
      </c>
      <c r="S19" s="71">
        <v>22</v>
      </c>
      <c r="T19" s="71">
        <v>26</v>
      </c>
      <c r="U19" s="71">
        <v>19</v>
      </c>
      <c r="V19" s="72">
        <v>118</v>
      </c>
      <c r="W19" s="73">
        <v>141</v>
      </c>
      <c r="X19" s="70">
        <v>34</v>
      </c>
      <c r="Y19" s="71">
        <v>41</v>
      </c>
      <c r="Z19" s="72">
        <v>75</v>
      </c>
      <c r="AA19" s="276">
        <v>0</v>
      </c>
      <c r="AB19" s="71">
        <v>68</v>
      </c>
      <c r="AC19" s="71">
        <v>83</v>
      </c>
      <c r="AD19" s="71">
        <v>59</v>
      </c>
      <c r="AE19" s="71">
        <v>48</v>
      </c>
      <c r="AF19" s="71">
        <v>28</v>
      </c>
      <c r="AG19" s="72">
        <v>286</v>
      </c>
      <c r="AH19" s="73">
        <v>361</v>
      </c>
      <c r="AI19" s="70">
        <v>41</v>
      </c>
      <c r="AJ19" s="71">
        <v>40</v>
      </c>
      <c r="AK19" s="72">
        <v>81</v>
      </c>
      <c r="AL19" s="276"/>
      <c r="AM19" s="71">
        <v>92</v>
      </c>
      <c r="AN19" s="71">
        <v>85</v>
      </c>
      <c r="AO19" s="71">
        <v>59</v>
      </c>
      <c r="AP19" s="71">
        <v>53</v>
      </c>
      <c r="AQ19" s="71">
        <v>27</v>
      </c>
      <c r="AR19" s="72">
        <v>316</v>
      </c>
      <c r="AS19" s="73">
        <v>397</v>
      </c>
      <c r="AT19" s="70">
        <v>48</v>
      </c>
      <c r="AU19" s="71">
        <v>55</v>
      </c>
      <c r="AV19" s="72">
        <v>103</v>
      </c>
      <c r="AW19" s="276"/>
      <c r="AX19" s="71">
        <v>103</v>
      </c>
      <c r="AY19" s="71">
        <v>155</v>
      </c>
      <c r="AZ19" s="71">
        <v>102</v>
      </c>
      <c r="BA19" s="71">
        <v>80</v>
      </c>
      <c r="BB19" s="71">
        <v>51</v>
      </c>
      <c r="BC19" s="72">
        <v>491</v>
      </c>
      <c r="BD19" s="73">
        <v>594</v>
      </c>
      <c r="BE19" s="70">
        <v>46</v>
      </c>
      <c r="BF19" s="71">
        <v>54</v>
      </c>
      <c r="BG19" s="72">
        <v>100</v>
      </c>
      <c r="BH19" s="276"/>
      <c r="BI19" s="71">
        <v>120</v>
      </c>
      <c r="BJ19" s="71">
        <v>136</v>
      </c>
      <c r="BK19" s="71">
        <v>98</v>
      </c>
      <c r="BL19" s="71">
        <v>58</v>
      </c>
      <c r="BM19" s="71">
        <v>28</v>
      </c>
      <c r="BN19" s="72">
        <v>440</v>
      </c>
      <c r="BO19" s="73">
        <v>540</v>
      </c>
      <c r="BP19" s="70">
        <v>28</v>
      </c>
      <c r="BQ19" s="71">
        <v>31</v>
      </c>
      <c r="BR19" s="72">
        <v>59</v>
      </c>
      <c r="BS19" s="276"/>
      <c r="BT19" s="71">
        <v>78</v>
      </c>
      <c r="BU19" s="71">
        <v>97</v>
      </c>
      <c r="BV19" s="71">
        <v>65</v>
      </c>
      <c r="BW19" s="71">
        <v>66</v>
      </c>
      <c r="BX19" s="71">
        <v>27</v>
      </c>
      <c r="BY19" s="72">
        <v>333</v>
      </c>
      <c r="BZ19" s="73">
        <v>392</v>
      </c>
      <c r="CA19" s="70">
        <v>13</v>
      </c>
      <c r="CB19" s="71">
        <v>11</v>
      </c>
      <c r="CC19" s="72">
        <v>24</v>
      </c>
      <c r="CD19" s="276"/>
      <c r="CE19" s="71">
        <v>17</v>
      </c>
      <c r="CF19" s="71">
        <v>26</v>
      </c>
      <c r="CG19" s="71">
        <v>16</v>
      </c>
      <c r="CH19" s="71">
        <v>9</v>
      </c>
      <c r="CI19" s="71">
        <v>13</v>
      </c>
      <c r="CJ19" s="72">
        <v>81</v>
      </c>
      <c r="CK19" s="73">
        <v>105</v>
      </c>
      <c r="CL19" s="70">
        <v>222</v>
      </c>
      <c r="CM19" s="71">
        <v>243</v>
      </c>
      <c r="CN19" s="72">
        <v>465</v>
      </c>
      <c r="CO19" s="276"/>
      <c r="CP19" s="71">
        <v>500</v>
      </c>
      <c r="CQ19" s="71">
        <v>611</v>
      </c>
      <c r="CR19" s="71">
        <v>421</v>
      </c>
      <c r="CS19" s="71">
        <v>340</v>
      </c>
      <c r="CT19" s="71">
        <v>193</v>
      </c>
      <c r="CU19" s="72">
        <v>2065</v>
      </c>
      <c r="CV19" s="73">
        <v>2530</v>
      </c>
      <c r="CW19" s="126">
        <v>385</v>
      </c>
      <c r="CX19" s="82">
        <v>547</v>
      </c>
      <c r="CY19" s="83">
        <v>932</v>
      </c>
      <c r="CZ19" s="273"/>
      <c r="DA19" s="82">
        <v>851</v>
      </c>
      <c r="DB19" s="82">
        <v>1004</v>
      </c>
      <c r="DC19" s="82">
        <v>796</v>
      </c>
      <c r="DD19" s="82">
        <v>724</v>
      </c>
      <c r="DE19" s="82">
        <v>525</v>
      </c>
      <c r="DF19" s="84">
        <v>3900</v>
      </c>
      <c r="DG19" s="85">
        <v>4832</v>
      </c>
      <c r="DH19" s="70">
        <v>12</v>
      </c>
      <c r="DI19" s="71">
        <v>24</v>
      </c>
      <c r="DJ19" s="72">
        <v>36</v>
      </c>
      <c r="DK19" s="276"/>
      <c r="DL19" s="71">
        <v>19</v>
      </c>
      <c r="DM19" s="71">
        <v>39</v>
      </c>
      <c r="DN19" s="71">
        <v>22</v>
      </c>
      <c r="DO19" s="71">
        <v>15</v>
      </c>
      <c r="DP19" s="71">
        <v>15</v>
      </c>
      <c r="DQ19" s="72">
        <v>110</v>
      </c>
      <c r="DR19" s="73">
        <v>146</v>
      </c>
      <c r="DS19" s="70">
        <v>40</v>
      </c>
      <c r="DT19" s="71">
        <v>62</v>
      </c>
      <c r="DU19" s="72">
        <v>102</v>
      </c>
      <c r="DV19" s="276"/>
      <c r="DW19" s="71">
        <v>70</v>
      </c>
      <c r="DX19" s="71">
        <v>68</v>
      </c>
      <c r="DY19" s="71">
        <v>50</v>
      </c>
      <c r="DZ19" s="71">
        <v>43</v>
      </c>
      <c r="EA19" s="71">
        <v>45</v>
      </c>
      <c r="EB19" s="72">
        <v>276</v>
      </c>
      <c r="EC19" s="73">
        <v>378</v>
      </c>
      <c r="ED19" s="70">
        <v>72</v>
      </c>
      <c r="EE19" s="71">
        <v>93</v>
      </c>
      <c r="EF19" s="72">
        <v>165</v>
      </c>
      <c r="EG19" s="276"/>
      <c r="EH19" s="71">
        <v>108</v>
      </c>
      <c r="EI19" s="71">
        <v>138</v>
      </c>
      <c r="EJ19" s="71">
        <v>83</v>
      </c>
      <c r="EK19" s="71">
        <v>54</v>
      </c>
      <c r="EL19" s="71">
        <v>52</v>
      </c>
      <c r="EM19" s="72">
        <v>435</v>
      </c>
      <c r="EN19" s="73">
        <v>600</v>
      </c>
      <c r="EO19" s="70">
        <v>108</v>
      </c>
      <c r="EP19" s="71">
        <v>143</v>
      </c>
      <c r="EQ19" s="72">
        <v>251</v>
      </c>
      <c r="ER19" s="276"/>
      <c r="ES19" s="71">
        <v>185</v>
      </c>
      <c r="ET19" s="71">
        <v>194</v>
      </c>
      <c r="EU19" s="71">
        <v>151</v>
      </c>
      <c r="EV19" s="71">
        <v>132</v>
      </c>
      <c r="EW19" s="71">
        <v>79</v>
      </c>
      <c r="EX19" s="72">
        <v>741</v>
      </c>
      <c r="EY19" s="73">
        <v>992</v>
      </c>
      <c r="EZ19" s="70">
        <v>101</v>
      </c>
      <c r="FA19" s="71">
        <v>134</v>
      </c>
      <c r="FB19" s="72">
        <v>235</v>
      </c>
      <c r="FC19" s="276"/>
      <c r="FD19" s="71">
        <v>266</v>
      </c>
      <c r="FE19" s="71">
        <v>273</v>
      </c>
      <c r="FF19" s="71">
        <v>191</v>
      </c>
      <c r="FG19" s="71">
        <v>169</v>
      </c>
      <c r="FH19" s="71">
        <v>122</v>
      </c>
      <c r="FI19" s="72">
        <v>1021</v>
      </c>
      <c r="FJ19" s="73">
        <v>1256</v>
      </c>
      <c r="FK19" s="70">
        <v>52</v>
      </c>
      <c r="FL19" s="71">
        <v>91</v>
      </c>
      <c r="FM19" s="72">
        <v>143</v>
      </c>
      <c r="FN19" s="276"/>
      <c r="FO19" s="71">
        <v>203</v>
      </c>
      <c r="FP19" s="71">
        <v>292</v>
      </c>
      <c r="FQ19" s="71">
        <v>299</v>
      </c>
      <c r="FR19" s="71">
        <v>311</v>
      </c>
      <c r="FS19" s="71">
        <v>212</v>
      </c>
      <c r="FT19" s="72">
        <v>1317</v>
      </c>
      <c r="FU19" s="73">
        <v>1460</v>
      </c>
      <c r="FV19" s="70">
        <v>8</v>
      </c>
      <c r="FW19" s="71">
        <v>14</v>
      </c>
      <c r="FX19" s="72">
        <v>22</v>
      </c>
      <c r="FY19" s="276"/>
      <c r="FZ19" s="71">
        <v>6</v>
      </c>
      <c r="GA19" s="71">
        <v>18</v>
      </c>
      <c r="GB19" s="71">
        <v>9</v>
      </c>
      <c r="GC19" s="71">
        <v>16</v>
      </c>
      <c r="GD19" s="71">
        <v>11</v>
      </c>
      <c r="GE19" s="72">
        <v>60</v>
      </c>
      <c r="GF19" s="73">
        <v>82</v>
      </c>
      <c r="GG19" s="70">
        <v>393</v>
      </c>
      <c r="GH19" s="71">
        <v>561</v>
      </c>
      <c r="GI19" s="72">
        <v>954</v>
      </c>
      <c r="GJ19" s="276"/>
      <c r="GK19" s="71">
        <v>857</v>
      </c>
      <c r="GL19" s="71">
        <v>1022</v>
      </c>
      <c r="GM19" s="71">
        <v>805</v>
      </c>
      <c r="GN19" s="71">
        <v>740</v>
      </c>
      <c r="GO19" s="71">
        <v>536</v>
      </c>
      <c r="GP19" s="72">
        <v>3960</v>
      </c>
      <c r="GQ19" s="73">
        <v>4914</v>
      </c>
      <c r="GR19" s="126">
        <v>594</v>
      </c>
      <c r="GS19" s="82">
        <v>779</v>
      </c>
      <c r="GT19" s="83">
        <v>1373</v>
      </c>
      <c r="GU19" s="273"/>
      <c r="GV19" s="82">
        <v>1334</v>
      </c>
      <c r="GW19" s="82">
        <v>1589</v>
      </c>
      <c r="GX19" s="82">
        <v>1201</v>
      </c>
      <c r="GY19" s="82">
        <v>1055</v>
      </c>
      <c r="GZ19" s="82">
        <v>705</v>
      </c>
      <c r="HA19" s="84">
        <v>5884</v>
      </c>
      <c r="HB19" s="85">
        <v>7257</v>
      </c>
      <c r="HC19" s="70">
        <v>24</v>
      </c>
      <c r="HD19" s="71">
        <v>35</v>
      </c>
      <c r="HE19" s="72">
        <v>59</v>
      </c>
      <c r="HF19" s="276"/>
      <c r="HG19" s="71">
        <v>41</v>
      </c>
      <c r="HH19" s="71">
        <v>68</v>
      </c>
      <c r="HI19" s="71">
        <v>44</v>
      </c>
      <c r="HJ19" s="71">
        <v>41</v>
      </c>
      <c r="HK19" s="71">
        <v>34</v>
      </c>
      <c r="HL19" s="72">
        <v>228</v>
      </c>
      <c r="HM19" s="73">
        <v>287</v>
      </c>
      <c r="HN19" s="70">
        <v>74</v>
      </c>
      <c r="HO19" s="71">
        <v>103</v>
      </c>
      <c r="HP19" s="72">
        <v>177</v>
      </c>
      <c r="HQ19" s="276"/>
      <c r="HR19" s="71">
        <v>138</v>
      </c>
      <c r="HS19" s="71">
        <v>151</v>
      </c>
      <c r="HT19" s="71">
        <v>109</v>
      </c>
      <c r="HU19" s="71">
        <v>91</v>
      </c>
      <c r="HV19" s="71">
        <v>73</v>
      </c>
      <c r="HW19" s="72">
        <v>562</v>
      </c>
      <c r="HX19" s="73">
        <v>739</v>
      </c>
      <c r="HY19" s="70">
        <v>113</v>
      </c>
      <c r="HZ19" s="71">
        <v>133</v>
      </c>
      <c r="IA19" s="72">
        <v>246</v>
      </c>
      <c r="IB19" s="276"/>
      <c r="IC19" s="71">
        <v>200</v>
      </c>
      <c r="ID19" s="71">
        <v>223</v>
      </c>
      <c r="IE19" s="71">
        <v>142</v>
      </c>
      <c r="IF19" s="71">
        <v>107</v>
      </c>
      <c r="IG19" s="71">
        <v>79</v>
      </c>
      <c r="IH19" s="72">
        <v>751</v>
      </c>
      <c r="II19" s="73">
        <v>997</v>
      </c>
      <c r="IJ19" s="70">
        <v>156</v>
      </c>
      <c r="IK19" s="71">
        <v>198</v>
      </c>
      <c r="IL19" s="72">
        <v>354</v>
      </c>
      <c r="IM19" s="276"/>
      <c r="IN19" s="71">
        <v>288</v>
      </c>
      <c r="IO19" s="71">
        <v>349</v>
      </c>
      <c r="IP19" s="71">
        <v>253</v>
      </c>
      <c r="IQ19" s="71">
        <v>212</v>
      </c>
      <c r="IR19" s="71">
        <v>130</v>
      </c>
      <c r="IS19" s="72">
        <v>1232</v>
      </c>
      <c r="IT19" s="73">
        <v>1586</v>
      </c>
      <c r="IU19" s="70">
        <v>147</v>
      </c>
      <c r="IV19" s="71">
        <v>188</v>
      </c>
      <c r="IW19" s="72">
        <v>335</v>
      </c>
      <c r="IX19" s="276"/>
      <c r="IY19" s="71">
        <v>386</v>
      </c>
      <c r="IZ19" s="71">
        <v>409</v>
      </c>
      <c r="JA19" s="71">
        <v>289</v>
      </c>
      <c r="JB19" s="71">
        <v>227</v>
      </c>
      <c r="JC19" s="71">
        <v>150</v>
      </c>
      <c r="JD19" s="72">
        <v>1461</v>
      </c>
      <c r="JE19" s="73">
        <v>1796</v>
      </c>
      <c r="JF19" s="70">
        <v>80</v>
      </c>
      <c r="JG19" s="71">
        <v>122</v>
      </c>
      <c r="JH19" s="72">
        <v>202</v>
      </c>
      <c r="JI19" s="276"/>
      <c r="JJ19" s="71">
        <v>281</v>
      </c>
      <c r="JK19" s="71">
        <v>389</v>
      </c>
      <c r="JL19" s="71">
        <v>364</v>
      </c>
      <c r="JM19" s="71">
        <v>377</v>
      </c>
      <c r="JN19" s="71">
        <v>239</v>
      </c>
      <c r="JO19" s="72">
        <v>1650</v>
      </c>
      <c r="JP19" s="73">
        <v>1852</v>
      </c>
      <c r="JQ19" s="70">
        <v>21</v>
      </c>
      <c r="JR19" s="71">
        <v>25</v>
      </c>
      <c r="JS19" s="72">
        <v>46</v>
      </c>
      <c r="JT19" s="276"/>
      <c r="JU19" s="71">
        <v>23</v>
      </c>
      <c r="JV19" s="71">
        <v>44</v>
      </c>
      <c r="JW19" s="71">
        <v>25</v>
      </c>
      <c r="JX19" s="71">
        <v>25</v>
      </c>
      <c r="JY19" s="71">
        <v>24</v>
      </c>
      <c r="JZ19" s="72">
        <v>141</v>
      </c>
      <c r="KA19" s="73">
        <v>187</v>
      </c>
      <c r="KB19" s="70">
        <v>615</v>
      </c>
      <c r="KC19" s="71">
        <v>804</v>
      </c>
      <c r="KD19" s="72">
        <v>1419</v>
      </c>
      <c r="KE19" s="276"/>
      <c r="KF19" s="71">
        <v>1357</v>
      </c>
      <c r="KG19" s="71">
        <v>1633</v>
      </c>
      <c r="KH19" s="71">
        <v>1226</v>
      </c>
      <c r="KI19" s="71">
        <v>1080</v>
      </c>
      <c r="KJ19" s="71">
        <v>729</v>
      </c>
      <c r="KK19" s="72">
        <v>6025</v>
      </c>
      <c r="KL19" s="73">
        <v>7444</v>
      </c>
    </row>
    <row r="20" spans="1:298" ht="19.5" customHeight="1" x14ac:dyDescent="0.2">
      <c r="A20" s="129" t="s">
        <v>17</v>
      </c>
      <c r="B20" s="350">
        <v>272</v>
      </c>
      <c r="C20" s="82">
        <v>354</v>
      </c>
      <c r="D20" s="83">
        <v>626</v>
      </c>
      <c r="E20" s="273"/>
      <c r="F20" s="82">
        <v>542</v>
      </c>
      <c r="G20" s="82">
        <v>698</v>
      </c>
      <c r="H20" s="82">
        <v>518</v>
      </c>
      <c r="I20" s="82">
        <v>398</v>
      </c>
      <c r="J20" s="82">
        <v>239</v>
      </c>
      <c r="K20" s="84">
        <v>2395</v>
      </c>
      <c r="L20" s="85">
        <v>3021</v>
      </c>
      <c r="M20" s="70">
        <v>10</v>
      </c>
      <c r="N20" s="71">
        <v>30</v>
      </c>
      <c r="O20" s="72">
        <v>40</v>
      </c>
      <c r="P20" s="276"/>
      <c r="Q20" s="71">
        <v>34</v>
      </c>
      <c r="R20" s="71">
        <v>41</v>
      </c>
      <c r="S20" s="71">
        <v>32</v>
      </c>
      <c r="T20" s="71">
        <v>23</v>
      </c>
      <c r="U20" s="71">
        <v>26</v>
      </c>
      <c r="V20" s="72">
        <v>156</v>
      </c>
      <c r="W20" s="73">
        <v>196</v>
      </c>
      <c r="X20" s="70">
        <v>37</v>
      </c>
      <c r="Y20" s="71">
        <v>50</v>
      </c>
      <c r="Z20" s="72">
        <v>87</v>
      </c>
      <c r="AA20" s="276">
        <v>0</v>
      </c>
      <c r="AB20" s="71">
        <v>51</v>
      </c>
      <c r="AC20" s="71">
        <v>98</v>
      </c>
      <c r="AD20" s="71">
        <v>68</v>
      </c>
      <c r="AE20" s="71">
        <v>58</v>
      </c>
      <c r="AF20" s="71">
        <v>36</v>
      </c>
      <c r="AG20" s="72">
        <v>311</v>
      </c>
      <c r="AH20" s="73">
        <v>398</v>
      </c>
      <c r="AI20" s="70">
        <v>51</v>
      </c>
      <c r="AJ20" s="71">
        <v>67</v>
      </c>
      <c r="AK20" s="72">
        <v>118</v>
      </c>
      <c r="AL20" s="276"/>
      <c r="AM20" s="71">
        <v>92</v>
      </c>
      <c r="AN20" s="71">
        <v>126</v>
      </c>
      <c r="AO20" s="71">
        <v>86</v>
      </c>
      <c r="AP20" s="71">
        <v>78</v>
      </c>
      <c r="AQ20" s="71">
        <v>50</v>
      </c>
      <c r="AR20" s="72">
        <v>432</v>
      </c>
      <c r="AS20" s="73">
        <v>550</v>
      </c>
      <c r="AT20" s="70">
        <v>65</v>
      </c>
      <c r="AU20" s="71">
        <v>87</v>
      </c>
      <c r="AV20" s="72">
        <v>152</v>
      </c>
      <c r="AW20" s="276"/>
      <c r="AX20" s="71">
        <v>146</v>
      </c>
      <c r="AY20" s="71">
        <v>171</v>
      </c>
      <c r="AZ20" s="71">
        <v>146</v>
      </c>
      <c r="BA20" s="71">
        <v>91</v>
      </c>
      <c r="BB20" s="71">
        <v>54</v>
      </c>
      <c r="BC20" s="72">
        <v>608</v>
      </c>
      <c r="BD20" s="73">
        <v>760</v>
      </c>
      <c r="BE20" s="70">
        <v>72</v>
      </c>
      <c r="BF20" s="71">
        <v>75</v>
      </c>
      <c r="BG20" s="72">
        <v>147</v>
      </c>
      <c r="BH20" s="276"/>
      <c r="BI20" s="71">
        <v>133</v>
      </c>
      <c r="BJ20" s="71">
        <v>162</v>
      </c>
      <c r="BK20" s="71">
        <v>110</v>
      </c>
      <c r="BL20" s="71">
        <v>88</v>
      </c>
      <c r="BM20" s="71">
        <v>53</v>
      </c>
      <c r="BN20" s="72">
        <v>546</v>
      </c>
      <c r="BO20" s="73">
        <v>693</v>
      </c>
      <c r="BP20" s="70">
        <v>37</v>
      </c>
      <c r="BQ20" s="71">
        <v>45</v>
      </c>
      <c r="BR20" s="72">
        <v>82</v>
      </c>
      <c r="BS20" s="276"/>
      <c r="BT20" s="71">
        <v>86</v>
      </c>
      <c r="BU20" s="71">
        <v>100</v>
      </c>
      <c r="BV20" s="71">
        <v>76</v>
      </c>
      <c r="BW20" s="71">
        <v>60</v>
      </c>
      <c r="BX20" s="71">
        <v>20</v>
      </c>
      <c r="BY20" s="72">
        <v>342</v>
      </c>
      <c r="BZ20" s="73">
        <v>424</v>
      </c>
      <c r="CA20" s="70">
        <v>14</v>
      </c>
      <c r="CB20" s="71">
        <v>22</v>
      </c>
      <c r="CC20" s="72">
        <v>36</v>
      </c>
      <c r="CD20" s="276"/>
      <c r="CE20" s="71">
        <v>17</v>
      </c>
      <c r="CF20" s="71">
        <v>41</v>
      </c>
      <c r="CG20" s="71">
        <v>32</v>
      </c>
      <c r="CH20" s="71">
        <v>21</v>
      </c>
      <c r="CI20" s="71">
        <v>11</v>
      </c>
      <c r="CJ20" s="72">
        <v>122</v>
      </c>
      <c r="CK20" s="73">
        <v>158</v>
      </c>
      <c r="CL20" s="70">
        <v>286</v>
      </c>
      <c r="CM20" s="71">
        <v>376</v>
      </c>
      <c r="CN20" s="72">
        <v>662</v>
      </c>
      <c r="CO20" s="276"/>
      <c r="CP20" s="71">
        <v>559</v>
      </c>
      <c r="CQ20" s="71">
        <v>739</v>
      </c>
      <c r="CR20" s="71">
        <v>550</v>
      </c>
      <c r="CS20" s="71">
        <v>419</v>
      </c>
      <c r="CT20" s="71">
        <v>250</v>
      </c>
      <c r="CU20" s="72">
        <v>2517</v>
      </c>
      <c r="CV20" s="73">
        <v>3179</v>
      </c>
      <c r="CW20" s="126">
        <v>590</v>
      </c>
      <c r="CX20" s="82">
        <v>795</v>
      </c>
      <c r="CY20" s="83">
        <v>1385</v>
      </c>
      <c r="CZ20" s="273"/>
      <c r="DA20" s="82">
        <v>922</v>
      </c>
      <c r="DB20" s="82">
        <v>1176</v>
      </c>
      <c r="DC20" s="82">
        <v>862</v>
      </c>
      <c r="DD20" s="82">
        <v>770</v>
      </c>
      <c r="DE20" s="82">
        <v>552</v>
      </c>
      <c r="DF20" s="84">
        <v>4282</v>
      </c>
      <c r="DG20" s="85">
        <v>5667</v>
      </c>
      <c r="DH20" s="70">
        <v>14</v>
      </c>
      <c r="DI20" s="71">
        <v>29</v>
      </c>
      <c r="DJ20" s="72">
        <v>43</v>
      </c>
      <c r="DK20" s="276"/>
      <c r="DL20" s="71">
        <v>21</v>
      </c>
      <c r="DM20" s="71">
        <v>36</v>
      </c>
      <c r="DN20" s="71">
        <v>29</v>
      </c>
      <c r="DO20" s="71">
        <v>17</v>
      </c>
      <c r="DP20" s="71">
        <v>23</v>
      </c>
      <c r="DQ20" s="72">
        <v>126</v>
      </c>
      <c r="DR20" s="73">
        <v>169</v>
      </c>
      <c r="DS20" s="70">
        <v>61</v>
      </c>
      <c r="DT20" s="71">
        <v>76</v>
      </c>
      <c r="DU20" s="72">
        <v>137</v>
      </c>
      <c r="DV20" s="276"/>
      <c r="DW20" s="71">
        <v>58</v>
      </c>
      <c r="DX20" s="71">
        <v>70</v>
      </c>
      <c r="DY20" s="71">
        <v>67</v>
      </c>
      <c r="DZ20" s="71">
        <v>40</v>
      </c>
      <c r="EA20" s="71">
        <v>44</v>
      </c>
      <c r="EB20" s="72">
        <v>279</v>
      </c>
      <c r="EC20" s="73">
        <v>416</v>
      </c>
      <c r="ED20" s="70">
        <v>95</v>
      </c>
      <c r="EE20" s="71">
        <v>131</v>
      </c>
      <c r="EF20" s="72">
        <v>226</v>
      </c>
      <c r="EG20" s="276"/>
      <c r="EH20" s="71">
        <v>130</v>
      </c>
      <c r="EI20" s="71">
        <v>162</v>
      </c>
      <c r="EJ20" s="71">
        <v>109</v>
      </c>
      <c r="EK20" s="71">
        <v>92</v>
      </c>
      <c r="EL20" s="71">
        <v>64</v>
      </c>
      <c r="EM20" s="72">
        <v>557</v>
      </c>
      <c r="EN20" s="73">
        <v>783</v>
      </c>
      <c r="EO20" s="70">
        <v>182</v>
      </c>
      <c r="EP20" s="71">
        <v>213</v>
      </c>
      <c r="EQ20" s="72">
        <v>395</v>
      </c>
      <c r="ER20" s="276"/>
      <c r="ES20" s="71">
        <v>231</v>
      </c>
      <c r="ET20" s="71">
        <v>278</v>
      </c>
      <c r="EU20" s="71">
        <v>181</v>
      </c>
      <c r="EV20" s="71">
        <v>157</v>
      </c>
      <c r="EW20" s="71">
        <v>96</v>
      </c>
      <c r="EX20" s="72">
        <v>943</v>
      </c>
      <c r="EY20" s="73">
        <v>1338</v>
      </c>
      <c r="EZ20" s="70">
        <v>158</v>
      </c>
      <c r="FA20" s="71">
        <v>222</v>
      </c>
      <c r="FB20" s="72">
        <v>380</v>
      </c>
      <c r="FC20" s="276"/>
      <c r="FD20" s="71">
        <v>280</v>
      </c>
      <c r="FE20" s="71">
        <v>308</v>
      </c>
      <c r="FF20" s="71">
        <v>230</v>
      </c>
      <c r="FG20" s="71">
        <v>184</v>
      </c>
      <c r="FH20" s="71">
        <v>160</v>
      </c>
      <c r="FI20" s="72">
        <v>1162</v>
      </c>
      <c r="FJ20" s="73">
        <v>1542</v>
      </c>
      <c r="FK20" s="70">
        <v>80</v>
      </c>
      <c r="FL20" s="71">
        <v>124</v>
      </c>
      <c r="FM20" s="72">
        <v>204</v>
      </c>
      <c r="FN20" s="276"/>
      <c r="FO20" s="71">
        <v>202</v>
      </c>
      <c r="FP20" s="71">
        <v>322</v>
      </c>
      <c r="FQ20" s="71">
        <v>246</v>
      </c>
      <c r="FR20" s="71">
        <v>280</v>
      </c>
      <c r="FS20" s="71">
        <v>165</v>
      </c>
      <c r="FT20" s="72">
        <v>1215</v>
      </c>
      <c r="FU20" s="73">
        <v>1419</v>
      </c>
      <c r="FV20" s="70">
        <v>4</v>
      </c>
      <c r="FW20" s="71">
        <v>21</v>
      </c>
      <c r="FX20" s="72">
        <v>25</v>
      </c>
      <c r="FY20" s="276"/>
      <c r="FZ20" s="71">
        <v>3</v>
      </c>
      <c r="GA20" s="71">
        <v>31</v>
      </c>
      <c r="GB20" s="71">
        <v>19</v>
      </c>
      <c r="GC20" s="71">
        <v>19</v>
      </c>
      <c r="GD20" s="71">
        <v>13</v>
      </c>
      <c r="GE20" s="72">
        <v>85</v>
      </c>
      <c r="GF20" s="73">
        <v>110</v>
      </c>
      <c r="GG20" s="70">
        <v>594</v>
      </c>
      <c r="GH20" s="71">
        <v>816</v>
      </c>
      <c r="GI20" s="72">
        <v>1410</v>
      </c>
      <c r="GJ20" s="276"/>
      <c r="GK20" s="71">
        <v>925</v>
      </c>
      <c r="GL20" s="71">
        <v>1207</v>
      </c>
      <c r="GM20" s="71">
        <v>881</v>
      </c>
      <c r="GN20" s="71">
        <v>789</v>
      </c>
      <c r="GO20" s="71">
        <v>565</v>
      </c>
      <c r="GP20" s="72">
        <v>4367</v>
      </c>
      <c r="GQ20" s="73">
        <v>5777</v>
      </c>
      <c r="GR20" s="126">
        <v>862</v>
      </c>
      <c r="GS20" s="82">
        <v>1149</v>
      </c>
      <c r="GT20" s="83">
        <v>2011</v>
      </c>
      <c r="GU20" s="273"/>
      <c r="GV20" s="82">
        <v>1464</v>
      </c>
      <c r="GW20" s="82">
        <v>1874</v>
      </c>
      <c r="GX20" s="82">
        <v>1380</v>
      </c>
      <c r="GY20" s="82">
        <v>1168</v>
      </c>
      <c r="GZ20" s="82">
        <v>791</v>
      </c>
      <c r="HA20" s="84">
        <v>6677</v>
      </c>
      <c r="HB20" s="85">
        <v>8688</v>
      </c>
      <c r="HC20" s="70">
        <v>24</v>
      </c>
      <c r="HD20" s="71">
        <v>59</v>
      </c>
      <c r="HE20" s="72">
        <v>83</v>
      </c>
      <c r="HF20" s="276"/>
      <c r="HG20" s="71">
        <v>55</v>
      </c>
      <c r="HH20" s="71">
        <v>77</v>
      </c>
      <c r="HI20" s="71">
        <v>61</v>
      </c>
      <c r="HJ20" s="71">
        <v>40</v>
      </c>
      <c r="HK20" s="71">
        <v>49</v>
      </c>
      <c r="HL20" s="72">
        <v>282</v>
      </c>
      <c r="HM20" s="73">
        <v>365</v>
      </c>
      <c r="HN20" s="70">
        <v>98</v>
      </c>
      <c r="HO20" s="71">
        <v>126</v>
      </c>
      <c r="HP20" s="72">
        <v>224</v>
      </c>
      <c r="HQ20" s="276"/>
      <c r="HR20" s="71">
        <v>109</v>
      </c>
      <c r="HS20" s="71">
        <v>168</v>
      </c>
      <c r="HT20" s="71">
        <v>135</v>
      </c>
      <c r="HU20" s="71">
        <v>98</v>
      </c>
      <c r="HV20" s="71">
        <v>80</v>
      </c>
      <c r="HW20" s="72">
        <v>590</v>
      </c>
      <c r="HX20" s="73">
        <v>814</v>
      </c>
      <c r="HY20" s="70">
        <v>146</v>
      </c>
      <c r="HZ20" s="71">
        <v>198</v>
      </c>
      <c r="IA20" s="72">
        <v>344</v>
      </c>
      <c r="IB20" s="276"/>
      <c r="IC20" s="71">
        <v>222</v>
      </c>
      <c r="ID20" s="71">
        <v>288</v>
      </c>
      <c r="IE20" s="71">
        <v>195</v>
      </c>
      <c r="IF20" s="71">
        <v>170</v>
      </c>
      <c r="IG20" s="71">
        <v>114</v>
      </c>
      <c r="IH20" s="72">
        <v>989</v>
      </c>
      <c r="II20" s="73">
        <v>1333</v>
      </c>
      <c r="IJ20" s="70">
        <v>247</v>
      </c>
      <c r="IK20" s="71">
        <v>300</v>
      </c>
      <c r="IL20" s="72">
        <v>547</v>
      </c>
      <c r="IM20" s="276"/>
      <c r="IN20" s="71">
        <v>377</v>
      </c>
      <c r="IO20" s="71">
        <v>449</v>
      </c>
      <c r="IP20" s="71">
        <v>327</v>
      </c>
      <c r="IQ20" s="71">
        <v>248</v>
      </c>
      <c r="IR20" s="71">
        <v>150</v>
      </c>
      <c r="IS20" s="72">
        <v>1551</v>
      </c>
      <c r="IT20" s="73">
        <v>2098</v>
      </c>
      <c r="IU20" s="70">
        <v>230</v>
      </c>
      <c r="IV20" s="71">
        <v>297</v>
      </c>
      <c r="IW20" s="72">
        <v>527</v>
      </c>
      <c r="IX20" s="276"/>
      <c r="IY20" s="71">
        <v>413</v>
      </c>
      <c r="IZ20" s="71">
        <v>470</v>
      </c>
      <c r="JA20" s="71">
        <v>340</v>
      </c>
      <c r="JB20" s="71">
        <v>272</v>
      </c>
      <c r="JC20" s="71">
        <v>213</v>
      </c>
      <c r="JD20" s="72">
        <v>1708</v>
      </c>
      <c r="JE20" s="73">
        <v>2235</v>
      </c>
      <c r="JF20" s="70">
        <v>117</v>
      </c>
      <c r="JG20" s="71">
        <v>169</v>
      </c>
      <c r="JH20" s="72">
        <v>286</v>
      </c>
      <c r="JI20" s="276"/>
      <c r="JJ20" s="71">
        <v>288</v>
      </c>
      <c r="JK20" s="71">
        <v>422</v>
      </c>
      <c r="JL20" s="71">
        <v>322</v>
      </c>
      <c r="JM20" s="71">
        <v>340</v>
      </c>
      <c r="JN20" s="71">
        <v>185</v>
      </c>
      <c r="JO20" s="72">
        <v>1557</v>
      </c>
      <c r="JP20" s="73">
        <v>1843</v>
      </c>
      <c r="JQ20" s="70">
        <v>18</v>
      </c>
      <c r="JR20" s="71">
        <v>43</v>
      </c>
      <c r="JS20" s="72">
        <v>61</v>
      </c>
      <c r="JT20" s="276"/>
      <c r="JU20" s="71">
        <v>20</v>
      </c>
      <c r="JV20" s="71">
        <v>72</v>
      </c>
      <c r="JW20" s="71">
        <v>51</v>
      </c>
      <c r="JX20" s="71">
        <v>40</v>
      </c>
      <c r="JY20" s="71">
        <v>24</v>
      </c>
      <c r="JZ20" s="72">
        <v>207</v>
      </c>
      <c r="KA20" s="73">
        <v>268</v>
      </c>
      <c r="KB20" s="70">
        <v>880</v>
      </c>
      <c r="KC20" s="71">
        <v>1192</v>
      </c>
      <c r="KD20" s="72">
        <v>2072</v>
      </c>
      <c r="KE20" s="276"/>
      <c r="KF20" s="71">
        <v>1484</v>
      </c>
      <c r="KG20" s="71">
        <v>1946</v>
      </c>
      <c r="KH20" s="71">
        <v>1431</v>
      </c>
      <c r="KI20" s="71">
        <v>1208</v>
      </c>
      <c r="KJ20" s="71">
        <v>815</v>
      </c>
      <c r="KK20" s="72">
        <v>6884</v>
      </c>
      <c r="KL20" s="73">
        <v>8956</v>
      </c>
    </row>
    <row r="21" spans="1:298" ht="19.5" customHeight="1" x14ac:dyDescent="0.2">
      <c r="A21" s="129" t="s">
        <v>18</v>
      </c>
      <c r="B21" s="350">
        <v>411</v>
      </c>
      <c r="C21" s="82">
        <v>413</v>
      </c>
      <c r="D21" s="83">
        <v>824</v>
      </c>
      <c r="E21" s="273"/>
      <c r="F21" s="82">
        <v>897</v>
      </c>
      <c r="G21" s="82">
        <v>707</v>
      </c>
      <c r="H21" s="82">
        <v>503</v>
      </c>
      <c r="I21" s="82">
        <v>452</v>
      </c>
      <c r="J21" s="82">
        <v>265</v>
      </c>
      <c r="K21" s="84">
        <v>2824</v>
      </c>
      <c r="L21" s="85">
        <v>3648</v>
      </c>
      <c r="M21" s="70">
        <v>19</v>
      </c>
      <c r="N21" s="71">
        <v>34</v>
      </c>
      <c r="O21" s="72">
        <v>53</v>
      </c>
      <c r="P21" s="276"/>
      <c r="Q21" s="71">
        <v>51</v>
      </c>
      <c r="R21" s="71">
        <v>47</v>
      </c>
      <c r="S21" s="71">
        <v>36</v>
      </c>
      <c r="T21" s="71">
        <v>36</v>
      </c>
      <c r="U21" s="71">
        <v>21</v>
      </c>
      <c r="V21" s="72">
        <v>191</v>
      </c>
      <c r="W21" s="73">
        <v>244</v>
      </c>
      <c r="X21" s="70">
        <v>53</v>
      </c>
      <c r="Y21" s="71">
        <v>46</v>
      </c>
      <c r="Z21" s="72">
        <v>99</v>
      </c>
      <c r="AA21" s="276">
        <v>0</v>
      </c>
      <c r="AB21" s="71">
        <v>102</v>
      </c>
      <c r="AC21" s="71">
        <v>91</v>
      </c>
      <c r="AD21" s="71">
        <v>76</v>
      </c>
      <c r="AE21" s="71">
        <v>64</v>
      </c>
      <c r="AF21" s="71">
        <v>36</v>
      </c>
      <c r="AG21" s="72">
        <v>369</v>
      </c>
      <c r="AH21" s="73">
        <v>468</v>
      </c>
      <c r="AI21" s="70">
        <v>71</v>
      </c>
      <c r="AJ21" s="71">
        <v>63</v>
      </c>
      <c r="AK21" s="72">
        <v>134</v>
      </c>
      <c r="AL21" s="276"/>
      <c r="AM21" s="71">
        <v>148</v>
      </c>
      <c r="AN21" s="71">
        <v>110</v>
      </c>
      <c r="AO21" s="71">
        <v>88</v>
      </c>
      <c r="AP21" s="71">
        <v>76</v>
      </c>
      <c r="AQ21" s="71">
        <v>56</v>
      </c>
      <c r="AR21" s="72">
        <v>478</v>
      </c>
      <c r="AS21" s="73">
        <v>612</v>
      </c>
      <c r="AT21" s="70">
        <v>120</v>
      </c>
      <c r="AU21" s="71">
        <v>103</v>
      </c>
      <c r="AV21" s="72">
        <v>223</v>
      </c>
      <c r="AW21" s="276"/>
      <c r="AX21" s="71">
        <v>237</v>
      </c>
      <c r="AY21" s="71">
        <v>196</v>
      </c>
      <c r="AZ21" s="71">
        <v>103</v>
      </c>
      <c r="BA21" s="71">
        <v>106</v>
      </c>
      <c r="BB21" s="71">
        <v>59</v>
      </c>
      <c r="BC21" s="72">
        <v>701</v>
      </c>
      <c r="BD21" s="73">
        <v>924</v>
      </c>
      <c r="BE21" s="70">
        <v>96</v>
      </c>
      <c r="BF21" s="71">
        <v>107</v>
      </c>
      <c r="BG21" s="72">
        <v>203</v>
      </c>
      <c r="BH21" s="276"/>
      <c r="BI21" s="71">
        <v>240</v>
      </c>
      <c r="BJ21" s="71">
        <v>158</v>
      </c>
      <c r="BK21" s="71">
        <v>118</v>
      </c>
      <c r="BL21" s="71">
        <v>96</v>
      </c>
      <c r="BM21" s="71">
        <v>45</v>
      </c>
      <c r="BN21" s="72">
        <v>657</v>
      </c>
      <c r="BO21" s="73">
        <v>860</v>
      </c>
      <c r="BP21" s="70">
        <v>52</v>
      </c>
      <c r="BQ21" s="71">
        <v>60</v>
      </c>
      <c r="BR21" s="72">
        <v>112</v>
      </c>
      <c r="BS21" s="276"/>
      <c r="BT21" s="71">
        <v>119</v>
      </c>
      <c r="BU21" s="71">
        <v>105</v>
      </c>
      <c r="BV21" s="71">
        <v>82</v>
      </c>
      <c r="BW21" s="71">
        <v>74</v>
      </c>
      <c r="BX21" s="71">
        <v>48</v>
      </c>
      <c r="BY21" s="72">
        <v>428</v>
      </c>
      <c r="BZ21" s="73">
        <v>540</v>
      </c>
      <c r="CA21" s="70">
        <v>7</v>
      </c>
      <c r="CB21" s="71">
        <v>20</v>
      </c>
      <c r="CC21" s="72">
        <v>27</v>
      </c>
      <c r="CD21" s="276"/>
      <c r="CE21" s="71">
        <v>31</v>
      </c>
      <c r="CF21" s="71">
        <v>42</v>
      </c>
      <c r="CG21" s="71">
        <v>33</v>
      </c>
      <c r="CH21" s="71">
        <v>22</v>
      </c>
      <c r="CI21" s="71">
        <v>22</v>
      </c>
      <c r="CJ21" s="72">
        <v>150</v>
      </c>
      <c r="CK21" s="73">
        <v>177</v>
      </c>
      <c r="CL21" s="70">
        <v>418</v>
      </c>
      <c r="CM21" s="71">
        <v>433</v>
      </c>
      <c r="CN21" s="72">
        <v>851</v>
      </c>
      <c r="CO21" s="276"/>
      <c r="CP21" s="71">
        <v>928</v>
      </c>
      <c r="CQ21" s="71">
        <v>749</v>
      </c>
      <c r="CR21" s="71">
        <v>536</v>
      </c>
      <c r="CS21" s="71">
        <v>474</v>
      </c>
      <c r="CT21" s="71">
        <v>287</v>
      </c>
      <c r="CU21" s="72">
        <v>2974</v>
      </c>
      <c r="CV21" s="73">
        <v>3825</v>
      </c>
      <c r="CW21" s="126">
        <v>824</v>
      </c>
      <c r="CX21" s="82">
        <v>1012</v>
      </c>
      <c r="CY21" s="83">
        <v>1836</v>
      </c>
      <c r="CZ21" s="273"/>
      <c r="DA21" s="82">
        <v>1376</v>
      </c>
      <c r="DB21" s="82">
        <v>1237</v>
      </c>
      <c r="DC21" s="82">
        <v>915</v>
      </c>
      <c r="DD21" s="82">
        <v>895</v>
      </c>
      <c r="DE21" s="82">
        <v>622</v>
      </c>
      <c r="DF21" s="84">
        <v>5045</v>
      </c>
      <c r="DG21" s="85">
        <v>6881</v>
      </c>
      <c r="DH21" s="70">
        <v>20</v>
      </c>
      <c r="DI21" s="71">
        <v>30</v>
      </c>
      <c r="DJ21" s="72">
        <v>50</v>
      </c>
      <c r="DK21" s="276"/>
      <c r="DL21" s="71">
        <v>41</v>
      </c>
      <c r="DM21" s="71">
        <v>27</v>
      </c>
      <c r="DN21" s="71">
        <v>21</v>
      </c>
      <c r="DO21" s="71">
        <v>16</v>
      </c>
      <c r="DP21" s="71">
        <v>20</v>
      </c>
      <c r="DQ21" s="72">
        <v>125</v>
      </c>
      <c r="DR21" s="73">
        <v>175</v>
      </c>
      <c r="DS21" s="70">
        <v>80</v>
      </c>
      <c r="DT21" s="71">
        <v>106</v>
      </c>
      <c r="DU21" s="72">
        <v>186</v>
      </c>
      <c r="DV21" s="276"/>
      <c r="DW21" s="71">
        <v>101</v>
      </c>
      <c r="DX21" s="71">
        <v>94</v>
      </c>
      <c r="DY21" s="71">
        <v>55</v>
      </c>
      <c r="DZ21" s="71">
        <v>46</v>
      </c>
      <c r="EA21" s="71">
        <v>39</v>
      </c>
      <c r="EB21" s="72">
        <v>335</v>
      </c>
      <c r="EC21" s="73">
        <v>521</v>
      </c>
      <c r="ED21" s="70">
        <v>156</v>
      </c>
      <c r="EE21" s="71">
        <v>160</v>
      </c>
      <c r="EF21" s="72">
        <v>316</v>
      </c>
      <c r="EG21" s="276"/>
      <c r="EH21" s="71">
        <v>210</v>
      </c>
      <c r="EI21" s="71">
        <v>142</v>
      </c>
      <c r="EJ21" s="71">
        <v>126</v>
      </c>
      <c r="EK21" s="71">
        <v>99</v>
      </c>
      <c r="EL21" s="71">
        <v>73</v>
      </c>
      <c r="EM21" s="72">
        <v>650</v>
      </c>
      <c r="EN21" s="73">
        <v>966</v>
      </c>
      <c r="EO21" s="70">
        <v>248</v>
      </c>
      <c r="EP21" s="71">
        <v>300</v>
      </c>
      <c r="EQ21" s="72">
        <v>548</v>
      </c>
      <c r="ER21" s="276"/>
      <c r="ES21" s="71">
        <v>361</v>
      </c>
      <c r="ET21" s="71">
        <v>276</v>
      </c>
      <c r="EU21" s="71">
        <v>177</v>
      </c>
      <c r="EV21" s="71">
        <v>176</v>
      </c>
      <c r="EW21" s="71">
        <v>129</v>
      </c>
      <c r="EX21" s="72">
        <v>1119</v>
      </c>
      <c r="EY21" s="73">
        <v>1667</v>
      </c>
      <c r="EZ21" s="70">
        <v>222</v>
      </c>
      <c r="FA21" s="71">
        <v>282</v>
      </c>
      <c r="FB21" s="72">
        <v>504</v>
      </c>
      <c r="FC21" s="276"/>
      <c r="FD21" s="71">
        <v>379</v>
      </c>
      <c r="FE21" s="71">
        <v>380</v>
      </c>
      <c r="FF21" s="71">
        <v>236</v>
      </c>
      <c r="FG21" s="71">
        <v>238</v>
      </c>
      <c r="FH21" s="71">
        <v>177</v>
      </c>
      <c r="FI21" s="72">
        <v>1410</v>
      </c>
      <c r="FJ21" s="73">
        <v>1914</v>
      </c>
      <c r="FK21" s="70">
        <v>98</v>
      </c>
      <c r="FL21" s="71">
        <v>134</v>
      </c>
      <c r="FM21" s="72">
        <v>232</v>
      </c>
      <c r="FN21" s="276"/>
      <c r="FO21" s="71">
        <v>284</v>
      </c>
      <c r="FP21" s="71">
        <v>318</v>
      </c>
      <c r="FQ21" s="71">
        <v>300</v>
      </c>
      <c r="FR21" s="71">
        <v>320</v>
      </c>
      <c r="FS21" s="71">
        <v>184</v>
      </c>
      <c r="FT21" s="72">
        <v>1406</v>
      </c>
      <c r="FU21" s="73">
        <v>1638</v>
      </c>
      <c r="FV21" s="70">
        <v>13</v>
      </c>
      <c r="FW21" s="71">
        <v>16</v>
      </c>
      <c r="FX21" s="72">
        <v>29</v>
      </c>
      <c r="FY21" s="276"/>
      <c r="FZ21" s="71">
        <v>27</v>
      </c>
      <c r="GA21" s="71">
        <v>25</v>
      </c>
      <c r="GB21" s="71">
        <v>21</v>
      </c>
      <c r="GC21" s="71">
        <v>15</v>
      </c>
      <c r="GD21" s="71">
        <v>17</v>
      </c>
      <c r="GE21" s="72">
        <v>105</v>
      </c>
      <c r="GF21" s="73">
        <v>134</v>
      </c>
      <c r="GG21" s="70">
        <v>837</v>
      </c>
      <c r="GH21" s="71">
        <v>1028</v>
      </c>
      <c r="GI21" s="72">
        <v>1865</v>
      </c>
      <c r="GJ21" s="276"/>
      <c r="GK21" s="71">
        <v>1403</v>
      </c>
      <c r="GL21" s="71">
        <v>1262</v>
      </c>
      <c r="GM21" s="71">
        <v>936</v>
      </c>
      <c r="GN21" s="71">
        <v>910</v>
      </c>
      <c r="GO21" s="71">
        <v>639</v>
      </c>
      <c r="GP21" s="72">
        <v>5150</v>
      </c>
      <c r="GQ21" s="73">
        <v>7015</v>
      </c>
      <c r="GR21" s="126">
        <v>1235</v>
      </c>
      <c r="GS21" s="82">
        <v>1425</v>
      </c>
      <c r="GT21" s="83">
        <v>2660</v>
      </c>
      <c r="GU21" s="273"/>
      <c r="GV21" s="82">
        <v>2273</v>
      </c>
      <c r="GW21" s="82">
        <v>1944</v>
      </c>
      <c r="GX21" s="82">
        <v>1418</v>
      </c>
      <c r="GY21" s="82">
        <v>1347</v>
      </c>
      <c r="GZ21" s="82">
        <v>887</v>
      </c>
      <c r="HA21" s="84">
        <v>7869</v>
      </c>
      <c r="HB21" s="85">
        <v>10529</v>
      </c>
      <c r="HC21" s="70">
        <v>39</v>
      </c>
      <c r="HD21" s="71">
        <v>64</v>
      </c>
      <c r="HE21" s="72">
        <v>103</v>
      </c>
      <c r="HF21" s="276"/>
      <c r="HG21" s="71">
        <v>92</v>
      </c>
      <c r="HH21" s="71">
        <v>74</v>
      </c>
      <c r="HI21" s="71">
        <v>57</v>
      </c>
      <c r="HJ21" s="71">
        <v>52</v>
      </c>
      <c r="HK21" s="71">
        <v>41</v>
      </c>
      <c r="HL21" s="72">
        <v>316</v>
      </c>
      <c r="HM21" s="73">
        <v>419</v>
      </c>
      <c r="HN21" s="70">
        <v>133</v>
      </c>
      <c r="HO21" s="71">
        <v>152</v>
      </c>
      <c r="HP21" s="72">
        <v>285</v>
      </c>
      <c r="HQ21" s="276"/>
      <c r="HR21" s="71">
        <v>203</v>
      </c>
      <c r="HS21" s="71">
        <v>185</v>
      </c>
      <c r="HT21" s="71">
        <v>131</v>
      </c>
      <c r="HU21" s="71">
        <v>110</v>
      </c>
      <c r="HV21" s="71">
        <v>75</v>
      </c>
      <c r="HW21" s="72">
        <v>704</v>
      </c>
      <c r="HX21" s="73">
        <v>989</v>
      </c>
      <c r="HY21" s="70">
        <v>227</v>
      </c>
      <c r="HZ21" s="71">
        <v>223</v>
      </c>
      <c r="IA21" s="72">
        <v>450</v>
      </c>
      <c r="IB21" s="276"/>
      <c r="IC21" s="71">
        <v>358</v>
      </c>
      <c r="ID21" s="71">
        <v>252</v>
      </c>
      <c r="IE21" s="71">
        <v>214</v>
      </c>
      <c r="IF21" s="71">
        <v>175</v>
      </c>
      <c r="IG21" s="71">
        <v>129</v>
      </c>
      <c r="IH21" s="72">
        <v>1128</v>
      </c>
      <c r="II21" s="73">
        <v>1578</v>
      </c>
      <c r="IJ21" s="70">
        <v>368</v>
      </c>
      <c r="IK21" s="71">
        <v>403</v>
      </c>
      <c r="IL21" s="72">
        <v>771</v>
      </c>
      <c r="IM21" s="276"/>
      <c r="IN21" s="71">
        <v>598</v>
      </c>
      <c r="IO21" s="71">
        <v>472</v>
      </c>
      <c r="IP21" s="71">
        <v>280</v>
      </c>
      <c r="IQ21" s="71">
        <v>282</v>
      </c>
      <c r="IR21" s="71">
        <v>188</v>
      </c>
      <c r="IS21" s="72">
        <v>1820</v>
      </c>
      <c r="IT21" s="73">
        <v>2591</v>
      </c>
      <c r="IU21" s="70">
        <v>318</v>
      </c>
      <c r="IV21" s="71">
        <v>389</v>
      </c>
      <c r="IW21" s="72">
        <v>707</v>
      </c>
      <c r="IX21" s="276"/>
      <c r="IY21" s="71">
        <v>619</v>
      </c>
      <c r="IZ21" s="71">
        <v>538</v>
      </c>
      <c r="JA21" s="71">
        <v>354</v>
      </c>
      <c r="JB21" s="71">
        <v>334</v>
      </c>
      <c r="JC21" s="71">
        <v>222</v>
      </c>
      <c r="JD21" s="72">
        <v>2067</v>
      </c>
      <c r="JE21" s="73">
        <v>2774</v>
      </c>
      <c r="JF21" s="70">
        <v>150</v>
      </c>
      <c r="JG21" s="71">
        <v>194</v>
      </c>
      <c r="JH21" s="72">
        <v>344</v>
      </c>
      <c r="JI21" s="276"/>
      <c r="JJ21" s="71">
        <v>403</v>
      </c>
      <c r="JK21" s="71">
        <v>423</v>
      </c>
      <c r="JL21" s="71">
        <v>382</v>
      </c>
      <c r="JM21" s="71">
        <v>394</v>
      </c>
      <c r="JN21" s="71">
        <v>232</v>
      </c>
      <c r="JO21" s="72">
        <v>1834</v>
      </c>
      <c r="JP21" s="73">
        <v>2178</v>
      </c>
      <c r="JQ21" s="70">
        <v>20</v>
      </c>
      <c r="JR21" s="71">
        <v>36</v>
      </c>
      <c r="JS21" s="72">
        <v>56</v>
      </c>
      <c r="JT21" s="276"/>
      <c r="JU21" s="71">
        <v>58</v>
      </c>
      <c r="JV21" s="71">
        <v>67</v>
      </c>
      <c r="JW21" s="71">
        <v>54</v>
      </c>
      <c r="JX21" s="71">
        <v>37</v>
      </c>
      <c r="JY21" s="71">
        <v>39</v>
      </c>
      <c r="JZ21" s="72">
        <v>255</v>
      </c>
      <c r="KA21" s="73">
        <v>311</v>
      </c>
      <c r="KB21" s="70">
        <v>1255</v>
      </c>
      <c r="KC21" s="71">
        <v>1461</v>
      </c>
      <c r="KD21" s="72">
        <v>2716</v>
      </c>
      <c r="KE21" s="276"/>
      <c r="KF21" s="71">
        <v>2331</v>
      </c>
      <c r="KG21" s="71">
        <v>2011</v>
      </c>
      <c r="KH21" s="71">
        <v>1472</v>
      </c>
      <c r="KI21" s="71">
        <v>1384</v>
      </c>
      <c r="KJ21" s="71">
        <v>926</v>
      </c>
      <c r="KK21" s="72">
        <v>8124</v>
      </c>
      <c r="KL21" s="73">
        <v>10840</v>
      </c>
    </row>
    <row r="22" spans="1:298" ht="19.5" customHeight="1" x14ac:dyDescent="0.2">
      <c r="A22" s="129" t="s">
        <v>19</v>
      </c>
      <c r="B22" s="350">
        <v>160</v>
      </c>
      <c r="C22" s="82">
        <v>167</v>
      </c>
      <c r="D22" s="83">
        <v>327</v>
      </c>
      <c r="E22" s="273"/>
      <c r="F22" s="82">
        <v>364</v>
      </c>
      <c r="G22" s="82">
        <v>322</v>
      </c>
      <c r="H22" s="82">
        <v>200</v>
      </c>
      <c r="I22" s="82">
        <v>150</v>
      </c>
      <c r="J22" s="82">
        <v>101</v>
      </c>
      <c r="K22" s="84">
        <v>1137</v>
      </c>
      <c r="L22" s="85">
        <v>1464</v>
      </c>
      <c r="M22" s="86">
        <v>8</v>
      </c>
      <c r="N22" s="71">
        <v>9</v>
      </c>
      <c r="O22" s="72">
        <v>17</v>
      </c>
      <c r="P22" s="276"/>
      <c r="Q22" s="71">
        <v>21</v>
      </c>
      <c r="R22" s="71">
        <v>24</v>
      </c>
      <c r="S22" s="71">
        <v>13</v>
      </c>
      <c r="T22" s="71">
        <v>9</v>
      </c>
      <c r="U22" s="71">
        <v>10</v>
      </c>
      <c r="V22" s="72">
        <v>77</v>
      </c>
      <c r="W22" s="73">
        <v>94</v>
      </c>
      <c r="X22" s="70">
        <v>14</v>
      </c>
      <c r="Y22" s="71">
        <v>15</v>
      </c>
      <c r="Z22" s="72">
        <v>29</v>
      </c>
      <c r="AA22" s="276">
        <v>0</v>
      </c>
      <c r="AB22" s="71">
        <v>45</v>
      </c>
      <c r="AC22" s="71">
        <v>52</v>
      </c>
      <c r="AD22" s="71">
        <v>31</v>
      </c>
      <c r="AE22" s="71">
        <v>14</v>
      </c>
      <c r="AF22" s="71">
        <v>14</v>
      </c>
      <c r="AG22" s="72">
        <v>156</v>
      </c>
      <c r="AH22" s="73">
        <v>185</v>
      </c>
      <c r="AI22" s="86">
        <v>37</v>
      </c>
      <c r="AJ22" s="71">
        <v>22</v>
      </c>
      <c r="AK22" s="72">
        <v>59</v>
      </c>
      <c r="AL22" s="276"/>
      <c r="AM22" s="71">
        <v>59</v>
      </c>
      <c r="AN22" s="71">
        <v>52</v>
      </c>
      <c r="AO22" s="71">
        <v>30</v>
      </c>
      <c r="AP22" s="71">
        <v>33</v>
      </c>
      <c r="AQ22" s="71">
        <v>20</v>
      </c>
      <c r="AR22" s="72">
        <v>194</v>
      </c>
      <c r="AS22" s="73">
        <v>253</v>
      </c>
      <c r="AT22" s="70">
        <v>40</v>
      </c>
      <c r="AU22" s="71">
        <v>39</v>
      </c>
      <c r="AV22" s="72">
        <v>79</v>
      </c>
      <c r="AW22" s="276"/>
      <c r="AX22" s="71">
        <v>84</v>
      </c>
      <c r="AY22" s="71">
        <v>68</v>
      </c>
      <c r="AZ22" s="71">
        <v>45</v>
      </c>
      <c r="BA22" s="71">
        <v>42</v>
      </c>
      <c r="BB22" s="71">
        <v>21</v>
      </c>
      <c r="BC22" s="72">
        <v>260</v>
      </c>
      <c r="BD22" s="73">
        <v>339</v>
      </c>
      <c r="BE22" s="86">
        <v>39</v>
      </c>
      <c r="BF22" s="71">
        <v>46</v>
      </c>
      <c r="BG22" s="72">
        <v>85</v>
      </c>
      <c r="BH22" s="276"/>
      <c r="BI22" s="71">
        <v>98</v>
      </c>
      <c r="BJ22" s="71">
        <v>75</v>
      </c>
      <c r="BK22" s="71">
        <v>54</v>
      </c>
      <c r="BL22" s="71">
        <v>29</v>
      </c>
      <c r="BM22" s="71">
        <v>20</v>
      </c>
      <c r="BN22" s="72">
        <v>276</v>
      </c>
      <c r="BO22" s="73">
        <v>361</v>
      </c>
      <c r="BP22" s="70">
        <v>22</v>
      </c>
      <c r="BQ22" s="71">
        <v>36</v>
      </c>
      <c r="BR22" s="72">
        <v>58</v>
      </c>
      <c r="BS22" s="276"/>
      <c r="BT22" s="71">
        <v>57</v>
      </c>
      <c r="BU22" s="71">
        <v>51</v>
      </c>
      <c r="BV22" s="71">
        <v>27</v>
      </c>
      <c r="BW22" s="71">
        <v>23</v>
      </c>
      <c r="BX22" s="71">
        <v>16</v>
      </c>
      <c r="BY22" s="72">
        <v>174</v>
      </c>
      <c r="BZ22" s="73">
        <v>232</v>
      </c>
      <c r="CA22" s="70">
        <v>2</v>
      </c>
      <c r="CB22" s="71">
        <v>10</v>
      </c>
      <c r="CC22" s="72">
        <v>12</v>
      </c>
      <c r="CD22" s="276"/>
      <c r="CE22" s="71">
        <v>12</v>
      </c>
      <c r="CF22" s="71">
        <v>13</v>
      </c>
      <c r="CG22" s="71">
        <v>15</v>
      </c>
      <c r="CH22" s="71">
        <v>6</v>
      </c>
      <c r="CI22" s="71">
        <v>4</v>
      </c>
      <c r="CJ22" s="72">
        <v>50</v>
      </c>
      <c r="CK22" s="73">
        <v>62</v>
      </c>
      <c r="CL22" s="70">
        <v>162</v>
      </c>
      <c r="CM22" s="71">
        <v>177</v>
      </c>
      <c r="CN22" s="72">
        <v>339</v>
      </c>
      <c r="CO22" s="276"/>
      <c r="CP22" s="71">
        <v>376</v>
      </c>
      <c r="CQ22" s="71">
        <v>335</v>
      </c>
      <c r="CR22" s="71">
        <v>215</v>
      </c>
      <c r="CS22" s="71">
        <v>156</v>
      </c>
      <c r="CT22" s="71">
        <v>105</v>
      </c>
      <c r="CU22" s="72">
        <v>1187</v>
      </c>
      <c r="CV22" s="73">
        <v>1526</v>
      </c>
      <c r="CW22" s="126">
        <v>300</v>
      </c>
      <c r="CX22" s="82">
        <v>390</v>
      </c>
      <c r="CY22" s="83">
        <v>690</v>
      </c>
      <c r="CZ22" s="273"/>
      <c r="DA22" s="82">
        <v>619</v>
      </c>
      <c r="DB22" s="82">
        <v>488</v>
      </c>
      <c r="DC22" s="82">
        <v>424</v>
      </c>
      <c r="DD22" s="82">
        <v>335</v>
      </c>
      <c r="DE22" s="82">
        <v>242</v>
      </c>
      <c r="DF22" s="84">
        <v>2108</v>
      </c>
      <c r="DG22" s="85">
        <v>2798</v>
      </c>
      <c r="DH22" s="86">
        <v>9</v>
      </c>
      <c r="DI22" s="71">
        <v>12</v>
      </c>
      <c r="DJ22" s="72">
        <v>21</v>
      </c>
      <c r="DK22" s="276"/>
      <c r="DL22" s="71">
        <v>17</v>
      </c>
      <c r="DM22" s="71">
        <v>9</v>
      </c>
      <c r="DN22" s="71">
        <v>10</v>
      </c>
      <c r="DO22" s="71">
        <v>0</v>
      </c>
      <c r="DP22" s="71">
        <v>2</v>
      </c>
      <c r="DQ22" s="72">
        <v>38</v>
      </c>
      <c r="DR22" s="73">
        <v>59</v>
      </c>
      <c r="DS22" s="70">
        <v>25</v>
      </c>
      <c r="DT22" s="71">
        <v>33</v>
      </c>
      <c r="DU22" s="72">
        <v>58</v>
      </c>
      <c r="DV22" s="276"/>
      <c r="DW22" s="71">
        <v>50</v>
      </c>
      <c r="DX22" s="71">
        <v>37</v>
      </c>
      <c r="DY22" s="71">
        <v>12</v>
      </c>
      <c r="DZ22" s="71">
        <v>17</v>
      </c>
      <c r="EA22" s="71">
        <v>17</v>
      </c>
      <c r="EB22" s="72">
        <v>133</v>
      </c>
      <c r="EC22" s="73">
        <v>191</v>
      </c>
      <c r="ED22" s="86">
        <v>48</v>
      </c>
      <c r="EE22" s="71">
        <v>55</v>
      </c>
      <c r="EF22" s="72">
        <v>103</v>
      </c>
      <c r="EG22" s="276"/>
      <c r="EH22" s="71">
        <v>79</v>
      </c>
      <c r="EI22" s="71">
        <v>57</v>
      </c>
      <c r="EJ22" s="71">
        <v>41</v>
      </c>
      <c r="EK22" s="71">
        <v>31</v>
      </c>
      <c r="EL22" s="71">
        <v>37</v>
      </c>
      <c r="EM22" s="72">
        <v>245</v>
      </c>
      <c r="EN22" s="73">
        <v>348</v>
      </c>
      <c r="EO22" s="70">
        <v>103</v>
      </c>
      <c r="EP22" s="71">
        <v>99</v>
      </c>
      <c r="EQ22" s="72">
        <v>202</v>
      </c>
      <c r="ER22" s="276"/>
      <c r="ES22" s="71">
        <v>147</v>
      </c>
      <c r="ET22" s="71">
        <v>110</v>
      </c>
      <c r="EU22" s="71">
        <v>74</v>
      </c>
      <c r="EV22" s="71">
        <v>58</v>
      </c>
      <c r="EW22" s="71">
        <v>51</v>
      </c>
      <c r="EX22" s="72">
        <v>440</v>
      </c>
      <c r="EY22" s="73">
        <v>642</v>
      </c>
      <c r="EZ22" s="86">
        <v>76</v>
      </c>
      <c r="FA22" s="71">
        <v>111</v>
      </c>
      <c r="FB22" s="72">
        <v>187</v>
      </c>
      <c r="FC22" s="276"/>
      <c r="FD22" s="71">
        <v>167</v>
      </c>
      <c r="FE22" s="71">
        <v>122</v>
      </c>
      <c r="FF22" s="71">
        <v>120</v>
      </c>
      <c r="FG22" s="71">
        <v>72</v>
      </c>
      <c r="FH22" s="71">
        <v>46</v>
      </c>
      <c r="FI22" s="72">
        <v>527</v>
      </c>
      <c r="FJ22" s="73">
        <v>714</v>
      </c>
      <c r="FK22" s="70">
        <v>39</v>
      </c>
      <c r="FL22" s="71">
        <v>80</v>
      </c>
      <c r="FM22" s="72">
        <v>119</v>
      </c>
      <c r="FN22" s="276"/>
      <c r="FO22" s="71">
        <v>159</v>
      </c>
      <c r="FP22" s="71">
        <v>153</v>
      </c>
      <c r="FQ22" s="71">
        <v>167</v>
      </c>
      <c r="FR22" s="71">
        <v>157</v>
      </c>
      <c r="FS22" s="71">
        <v>89</v>
      </c>
      <c r="FT22" s="72">
        <v>725</v>
      </c>
      <c r="FU22" s="73">
        <v>844</v>
      </c>
      <c r="FV22" s="70">
        <v>3</v>
      </c>
      <c r="FW22" s="71">
        <v>5</v>
      </c>
      <c r="FX22" s="72">
        <v>8</v>
      </c>
      <c r="FY22" s="276"/>
      <c r="FZ22" s="71">
        <v>8</v>
      </c>
      <c r="GA22" s="71">
        <v>6</v>
      </c>
      <c r="GB22" s="71">
        <v>3</v>
      </c>
      <c r="GC22" s="71">
        <v>3</v>
      </c>
      <c r="GD22" s="71">
        <v>6</v>
      </c>
      <c r="GE22" s="72">
        <v>26</v>
      </c>
      <c r="GF22" s="73">
        <v>34</v>
      </c>
      <c r="GG22" s="70">
        <v>303</v>
      </c>
      <c r="GH22" s="71">
        <v>395</v>
      </c>
      <c r="GI22" s="72">
        <v>698</v>
      </c>
      <c r="GJ22" s="276"/>
      <c r="GK22" s="71">
        <v>627</v>
      </c>
      <c r="GL22" s="71">
        <v>494</v>
      </c>
      <c r="GM22" s="71">
        <v>427</v>
      </c>
      <c r="GN22" s="71">
        <v>338</v>
      </c>
      <c r="GO22" s="71">
        <v>248</v>
      </c>
      <c r="GP22" s="72">
        <v>2134</v>
      </c>
      <c r="GQ22" s="73">
        <v>2832</v>
      </c>
      <c r="GR22" s="126">
        <v>460</v>
      </c>
      <c r="GS22" s="82">
        <v>557</v>
      </c>
      <c r="GT22" s="83">
        <v>1017</v>
      </c>
      <c r="GU22" s="273"/>
      <c r="GV22" s="82">
        <v>983</v>
      </c>
      <c r="GW22" s="82">
        <v>810</v>
      </c>
      <c r="GX22" s="82">
        <v>624</v>
      </c>
      <c r="GY22" s="82">
        <v>485</v>
      </c>
      <c r="GZ22" s="82">
        <v>343</v>
      </c>
      <c r="HA22" s="84">
        <v>3245</v>
      </c>
      <c r="HB22" s="85">
        <v>4262</v>
      </c>
      <c r="HC22" s="86">
        <v>17</v>
      </c>
      <c r="HD22" s="71">
        <v>21</v>
      </c>
      <c r="HE22" s="72">
        <v>38</v>
      </c>
      <c r="HF22" s="276"/>
      <c r="HG22" s="71">
        <v>38</v>
      </c>
      <c r="HH22" s="71">
        <v>33</v>
      </c>
      <c r="HI22" s="71">
        <v>23</v>
      </c>
      <c r="HJ22" s="71">
        <v>9</v>
      </c>
      <c r="HK22" s="71">
        <v>12</v>
      </c>
      <c r="HL22" s="72">
        <v>115</v>
      </c>
      <c r="HM22" s="73">
        <v>153</v>
      </c>
      <c r="HN22" s="70">
        <v>39</v>
      </c>
      <c r="HO22" s="71">
        <v>48</v>
      </c>
      <c r="HP22" s="72">
        <v>87</v>
      </c>
      <c r="HQ22" s="276"/>
      <c r="HR22" s="71">
        <v>95</v>
      </c>
      <c r="HS22" s="71">
        <v>89</v>
      </c>
      <c r="HT22" s="71">
        <v>43</v>
      </c>
      <c r="HU22" s="71">
        <v>31</v>
      </c>
      <c r="HV22" s="71">
        <v>31</v>
      </c>
      <c r="HW22" s="72">
        <v>289</v>
      </c>
      <c r="HX22" s="73">
        <v>376</v>
      </c>
      <c r="HY22" s="86">
        <v>85</v>
      </c>
      <c r="HZ22" s="71">
        <v>77</v>
      </c>
      <c r="IA22" s="72">
        <v>162</v>
      </c>
      <c r="IB22" s="276"/>
      <c r="IC22" s="71">
        <v>138</v>
      </c>
      <c r="ID22" s="71">
        <v>109</v>
      </c>
      <c r="IE22" s="71">
        <v>71</v>
      </c>
      <c r="IF22" s="71">
        <v>64</v>
      </c>
      <c r="IG22" s="71">
        <v>57</v>
      </c>
      <c r="IH22" s="72">
        <v>439</v>
      </c>
      <c r="II22" s="73">
        <v>601</v>
      </c>
      <c r="IJ22" s="70">
        <v>143</v>
      </c>
      <c r="IK22" s="71">
        <v>138</v>
      </c>
      <c r="IL22" s="72">
        <v>281</v>
      </c>
      <c r="IM22" s="276"/>
      <c r="IN22" s="71">
        <v>231</v>
      </c>
      <c r="IO22" s="71">
        <v>178</v>
      </c>
      <c r="IP22" s="71">
        <v>119</v>
      </c>
      <c r="IQ22" s="71">
        <v>100</v>
      </c>
      <c r="IR22" s="71">
        <v>72</v>
      </c>
      <c r="IS22" s="72">
        <v>700</v>
      </c>
      <c r="IT22" s="73">
        <v>981</v>
      </c>
      <c r="IU22" s="86">
        <v>115</v>
      </c>
      <c r="IV22" s="71">
        <v>157</v>
      </c>
      <c r="IW22" s="72">
        <v>272</v>
      </c>
      <c r="IX22" s="276"/>
      <c r="IY22" s="71">
        <v>265</v>
      </c>
      <c r="IZ22" s="71">
        <v>197</v>
      </c>
      <c r="JA22" s="71">
        <v>174</v>
      </c>
      <c r="JB22" s="71">
        <v>101</v>
      </c>
      <c r="JC22" s="71">
        <v>66</v>
      </c>
      <c r="JD22" s="72">
        <v>803</v>
      </c>
      <c r="JE22" s="73">
        <v>1075</v>
      </c>
      <c r="JF22" s="70">
        <v>61</v>
      </c>
      <c r="JG22" s="71">
        <v>116</v>
      </c>
      <c r="JH22" s="72">
        <v>177</v>
      </c>
      <c r="JI22" s="276"/>
      <c r="JJ22" s="71">
        <v>216</v>
      </c>
      <c r="JK22" s="71">
        <v>204</v>
      </c>
      <c r="JL22" s="71">
        <v>194</v>
      </c>
      <c r="JM22" s="71">
        <v>180</v>
      </c>
      <c r="JN22" s="71">
        <v>105</v>
      </c>
      <c r="JO22" s="72">
        <v>899</v>
      </c>
      <c r="JP22" s="73">
        <v>1076</v>
      </c>
      <c r="JQ22" s="70">
        <v>5</v>
      </c>
      <c r="JR22" s="71">
        <v>15</v>
      </c>
      <c r="JS22" s="72">
        <v>20</v>
      </c>
      <c r="JT22" s="276"/>
      <c r="JU22" s="71">
        <v>20</v>
      </c>
      <c r="JV22" s="71">
        <v>19</v>
      </c>
      <c r="JW22" s="71">
        <v>18</v>
      </c>
      <c r="JX22" s="71">
        <v>9</v>
      </c>
      <c r="JY22" s="71">
        <v>10</v>
      </c>
      <c r="JZ22" s="72">
        <v>76</v>
      </c>
      <c r="KA22" s="73">
        <v>96</v>
      </c>
      <c r="KB22" s="70">
        <v>465</v>
      </c>
      <c r="KC22" s="71">
        <v>572</v>
      </c>
      <c r="KD22" s="72">
        <v>1037</v>
      </c>
      <c r="KE22" s="276"/>
      <c r="KF22" s="71">
        <v>1003</v>
      </c>
      <c r="KG22" s="71">
        <v>829</v>
      </c>
      <c r="KH22" s="71">
        <v>642</v>
      </c>
      <c r="KI22" s="71">
        <v>494</v>
      </c>
      <c r="KJ22" s="71">
        <v>353</v>
      </c>
      <c r="KK22" s="72">
        <v>3321</v>
      </c>
      <c r="KL22" s="73">
        <v>4358</v>
      </c>
    </row>
    <row r="23" spans="1:298" ht="19.5" customHeight="1" x14ac:dyDescent="0.2">
      <c r="A23" s="129" t="s">
        <v>20</v>
      </c>
      <c r="B23" s="350">
        <v>251</v>
      </c>
      <c r="C23" s="82">
        <v>319</v>
      </c>
      <c r="D23" s="83">
        <v>570</v>
      </c>
      <c r="E23" s="273"/>
      <c r="F23" s="82">
        <v>539</v>
      </c>
      <c r="G23" s="82">
        <v>329</v>
      </c>
      <c r="H23" s="82">
        <v>228</v>
      </c>
      <c r="I23" s="82">
        <v>192</v>
      </c>
      <c r="J23" s="82">
        <v>99</v>
      </c>
      <c r="K23" s="84">
        <v>1387</v>
      </c>
      <c r="L23" s="85">
        <v>1957</v>
      </c>
      <c r="M23" s="70">
        <v>13</v>
      </c>
      <c r="N23" s="71">
        <v>8</v>
      </c>
      <c r="O23" s="72">
        <v>21</v>
      </c>
      <c r="P23" s="276"/>
      <c r="Q23" s="71">
        <v>26</v>
      </c>
      <c r="R23" s="71">
        <v>17</v>
      </c>
      <c r="S23" s="71">
        <v>12</v>
      </c>
      <c r="T23" s="71">
        <v>12</v>
      </c>
      <c r="U23" s="71">
        <v>5</v>
      </c>
      <c r="V23" s="72">
        <v>72</v>
      </c>
      <c r="W23" s="73">
        <v>93</v>
      </c>
      <c r="X23" s="70">
        <v>24</v>
      </c>
      <c r="Y23" s="71">
        <v>31</v>
      </c>
      <c r="Z23" s="72">
        <v>55</v>
      </c>
      <c r="AA23" s="276">
        <v>0</v>
      </c>
      <c r="AB23" s="71">
        <v>73</v>
      </c>
      <c r="AC23" s="71">
        <v>39</v>
      </c>
      <c r="AD23" s="71">
        <v>33</v>
      </c>
      <c r="AE23" s="71">
        <v>23</v>
      </c>
      <c r="AF23" s="71">
        <v>18</v>
      </c>
      <c r="AG23" s="72">
        <v>186</v>
      </c>
      <c r="AH23" s="73">
        <v>241</v>
      </c>
      <c r="AI23" s="70">
        <v>58</v>
      </c>
      <c r="AJ23" s="71">
        <v>58</v>
      </c>
      <c r="AK23" s="72">
        <v>116</v>
      </c>
      <c r="AL23" s="276"/>
      <c r="AM23" s="71">
        <v>95</v>
      </c>
      <c r="AN23" s="71">
        <v>55</v>
      </c>
      <c r="AO23" s="71">
        <v>38</v>
      </c>
      <c r="AP23" s="71">
        <v>44</v>
      </c>
      <c r="AQ23" s="71">
        <v>22</v>
      </c>
      <c r="AR23" s="72">
        <v>254</v>
      </c>
      <c r="AS23" s="73">
        <v>370</v>
      </c>
      <c r="AT23" s="70">
        <v>63</v>
      </c>
      <c r="AU23" s="71">
        <v>100</v>
      </c>
      <c r="AV23" s="72">
        <v>163</v>
      </c>
      <c r="AW23" s="276"/>
      <c r="AX23" s="71">
        <v>164</v>
      </c>
      <c r="AY23" s="71">
        <v>104</v>
      </c>
      <c r="AZ23" s="71">
        <v>63</v>
      </c>
      <c r="BA23" s="71">
        <v>41</v>
      </c>
      <c r="BB23" s="71">
        <v>25</v>
      </c>
      <c r="BC23" s="72">
        <v>397</v>
      </c>
      <c r="BD23" s="73">
        <v>560</v>
      </c>
      <c r="BE23" s="70">
        <v>60</v>
      </c>
      <c r="BF23" s="71">
        <v>80</v>
      </c>
      <c r="BG23" s="72">
        <v>140</v>
      </c>
      <c r="BH23" s="276"/>
      <c r="BI23" s="71">
        <v>126</v>
      </c>
      <c r="BJ23" s="71">
        <v>77</v>
      </c>
      <c r="BK23" s="71">
        <v>50</v>
      </c>
      <c r="BL23" s="71">
        <v>40</v>
      </c>
      <c r="BM23" s="71">
        <v>22</v>
      </c>
      <c r="BN23" s="72">
        <v>315</v>
      </c>
      <c r="BO23" s="73">
        <v>455</v>
      </c>
      <c r="BP23" s="70">
        <v>33</v>
      </c>
      <c r="BQ23" s="71">
        <v>42</v>
      </c>
      <c r="BR23" s="72">
        <v>75</v>
      </c>
      <c r="BS23" s="276"/>
      <c r="BT23" s="71">
        <v>55</v>
      </c>
      <c r="BU23" s="71">
        <v>37</v>
      </c>
      <c r="BV23" s="71">
        <v>32</v>
      </c>
      <c r="BW23" s="71">
        <v>32</v>
      </c>
      <c r="BX23" s="71">
        <v>7</v>
      </c>
      <c r="BY23" s="72">
        <v>163</v>
      </c>
      <c r="BZ23" s="73">
        <v>238</v>
      </c>
      <c r="CA23" s="70">
        <v>4</v>
      </c>
      <c r="CB23" s="71">
        <v>16</v>
      </c>
      <c r="CC23" s="72">
        <v>20</v>
      </c>
      <c r="CD23" s="276"/>
      <c r="CE23" s="71">
        <v>27</v>
      </c>
      <c r="CF23" s="71">
        <v>12</v>
      </c>
      <c r="CG23" s="71">
        <v>15</v>
      </c>
      <c r="CH23" s="71">
        <v>11</v>
      </c>
      <c r="CI23" s="71">
        <v>3</v>
      </c>
      <c r="CJ23" s="72">
        <v>68</v>
      </c>
      <c r="CK23" s="73">
        <v>88</v>
      </c>
      <c r="CL23" s="70">
        <v>255</v>
      </c>
      <c r="CM23" s="71">
        <v>335</v>
      </c>
      <c r="CN23" s="72">
        <v>590</v>
      </c>
      <c r="CO23" s="276"/>
      <c r="CP23" s="71">
        <v>566</v>
      </c>
      <c r="CQ23" s="71">
        <v>341</v>
      </c>
      <c r="CR23" s="71">
        <v>243</v>
      </c>
      <c r="CS23" s="71">
        <v>203</v>
      </c>
      <c r="CT23" s="71">
        <v>102</v>
      </c>
      <c r="CU23" s="72">
        <v>1455</v>
      </c>
      <c r="CV23" s="73">
        <v>2045</v>
      </c>
      <c r="CW23" s="126">
        <v>441</v>
      </c>
      <c r="CX23" s="82">
        <v>578</v>
      </c>
      <c r="CY23" s="83">
        <v>1019</v>
      </c>
      <c r="CZ23" s="273"/>
      <c r="DA23" s="82">
        <v>825</v>
      </c>
      <c r="DB23" s="82">
        <v>482</v>
      </c>
      <c r="DC23" s="82">
        <v>451</v>
      </c>
      <c r="DD23" s="82">
        <v>397</v>
      </c>
      <c r="DE23" s="82">
        <v>252</v>
      </c>
      <c r="DF23" s="84">
        <v>2407</v>
      </c>
      <c r="DG23" s="85">
        <v>3426</v>
      </c>
      <c r="DH23" s="70">
        <v>11</v>
      </c>
      <c r="DI23" s="71">
        <v>15</v>
      </c>
      <c r="DJ23" s="72">
        <v>26</v>
      </c>
      <c r="DK23" s="276"/>
      <c r="DL23" s="71">
        <v>25</v>
      </c>
      <c r="DM23" s="71">
        <v>10</v>
      </c>
      <c r="DN23" s="71">
        <v>5</v>
      </c>
      <c r="DO23" s="71">
        <v>15</v>
      </c>
      <c r="DP23" s="71">
        <v>10</v>
      </c>
      <c r="DQ23" s="72">
        <v>65</v>
      </c>
      <c r="DR23" s="73">
        <v>91</v>
      </c>
      <c r="DS23" s="70">
        <v>43</v>
      </c>
      <c r="DT23" s="71">
        <v>46</v>
      </c>
      <c r="DU23" s="72">
        <v>89</v>
      </c>
      <c r="DV23" s="276"/>
      <c r="DW23" s="71">
        <v>63</v>
      </c>
      <c r="DX23" s="71">
        <v>28</v>
      </c>
      <c r="DY23" s="71">
        <v>22</v>
      </c>
      <c r="DZ23" s="71">
        <v>23</v>
      </c>
      <c r="EA23" s="71">
        <v>22</v>
      </c>
      <c r="EB23" s="72">
        <v>158</v>
      </c>
      <c r="EC23" s="73">
        <v>247</v>
      </c>
      <c r="ED23" s="70">
        <v>82</v>
      </c>
      <c r="EE23" s="71">
        <v>89</v>
      </c>
      <c r="EF23" s="72">
        <v>171</v>
      </c>
      <c r="EG23" s="276"/>
      <c r="EH23" s="71">
        <v>121</v>
      </c>
      <c r="EI23" s="71">
        <v>60</v>
      </c>
      <c r="EJ23" s="71">
        <v>36</v>
      </c>
      <c r="EK23" s="71">
        <v>32</v>
      </c>
      <c r="EL23" s="71">
        <v>33</v>
      </c>
      <c r="EM23" s="72">
        <v>282</v>
      </c>
      <c r="EN23" s="73">
        <v>453</v>
      </c>
      <c r="EO23" s="70">
        <v>135</v>
      </c>
      <c r="EP23" s="71">
        <v>172</v>
      </c>
      <c r="EQ23" s="72">
        <v>307</v>
      </c>
      <c r="ER23" s="276"/>
      <c r="ES23" s="71">
        <v>191</v>
      </c>
      <c r="ET23" s="71">
        <v>104</v>
      </c>
      <c r="EU23" s="71">
        <v>89</v>
      </c>
      <c r="EV23" s="71">
        <v>77</v>
      </c>
      <c r="EW23" s="71">
        <v>47</v>
      </c>
      <c r="EX23" s="72">
        <v>508</v>
      </c>
      <c r="EY23" s="73">
        <v>815</v>
      </c>
      <c r="EZ23" s="70">
        <v>123</v>
      </c>
      <c r="FA23" s="71">
        <v>149</v>
      </c>
      <c r="FB23" s="72">
        <v>272</v>
      </c>
      <c r="FC23" s="276"/>
      <c r="FD23" s="71">
        <v>227</v>
      </c>
      <c r="FE23" s="71">
        <v>128</v>
      </c>
      <c r="FF23" s="71">
        <v>135</v>
      </c>
      <c r="FG23" s="71">
        <v>104</v>
      </c>
      <c r="FH23" s="71">
        <v>65</v>
      </c>
      <c r="FI23" s="72">
        <v>659</v>
      </c>
      <c r="FJ23" s="73">
        <v>931</v>
      </c>
      <c r="FK23" s="70">
        <v>47</v>
      </c>
      <c r="FL23" s="71">
        <v>107</v>
      </c>
      <c r="FM23" s="72">
        <v>154</v>
      </c>
      <c r="FN23" s="276"/>
      <c r="FO23" s="71">
        <v>198</v>
      </c>
      <c r="FP23" s="71">
        <v>152</v>
      </c>
      <c r="FQ23" s="71">
        <v>164</v>
      </c>
      <c r="FR23" s="71">
        <v>146</v>
      </c>
      <c r="FS23" s="71">
        <v>75</v>
      </c>
      <c r="FT23" s="72">
        <v>735</v>
      </c>
      <c r="FU23" s="73">
        <v>889</v>
      </c>
      <c r="FV23" s="70">
        <v>6</v>
      </c>
      <c r="FW23" s="71">
        <v>13</v>
      </c>
      <c r="FX23" s="72">
        <v>19</v>
      </c>
      <c r="FY23" s="276"/>
      <c r="FZ23" s="71">
        <v>14</v>
      </c>
      <c r="GA23" s="71">
        <v>10</v>
      </c>
      <c r="GB23" s="71">
        <v>6</v>
      </c>
      <c r="GC23" s="71">
        <v>7</v>
      </c>
      <c r="GD23" s="71">
        <v>6</v>
      </c>
      <c r="GE23" s="72">
        <v>43</v>
      </c>
      <c r="GF23" s="73">
        <v>62</v>
      </c>
      <c r="GG23" s="70">
        <v>447</v>
      </c>
      <c r="GH23" s="71">
        <v>591</v>
      </c>
      <c r="GI23" s="72">
        <v>1038</v>
      </c>
      <c r="GJ23" s="276"/>
      <c r="GK23" s="71">
        <v>839</v>
      </c>
      <c r="GL23" s="71">
        <v>492</v>
      </c>
      <c r="GM23" s="71">
        <v>457</v>
      </c>
      <c r="GN23" s="71">
        <v>404</v>
      </c>
      <c r="GO23" s="71">
        <v>258</v>
      </c>
      <c r="GP23" s="72">
        <v>2450</v>
      </c>
      <c r="GQ23" s="73">
        <v>3488</v>
      </c>
      <c r="GR23" s="126">
        <v>692</v>
      </c>
      <c r="GS23" s="82">
        <v>897</v>
      </c>
      <c r="GT23" s="83">
        <v>1589</v>
      </c>
      <c r="GU23" s="273"/>
      <c r="GV23" s="82">
        <v>1364</v>
      </c>
      <c r="GW23" s="82">
        <v>811</v>
      </c>
      <c r="GX23" s="82">
        <v>679</v>
      </c>
      <c r="GY23" s="82">
        <v>589</v>
      </c>
      <c r="GZ23" s="82">
        <v>351</v>
      </c>
      <c r="HA23" s="84">
        <v>3794</v>
      </c>
      <c r="HB23" s="85">
        <v>5383</v>
      </c>
      <c r="HC23" s="70">
        <v>24</v>
      </c>
      <c r="HD23" s="71">
        <v>23</v>
      </c>
      <c r="HE23" s="72">
        <v>47</v>
      </c>
      <c r="HF23" s="276"/>
      <c r="HG23" s="71">
        <v>51</v>
      </c>
      <c r="HH23" s="71">
        <v>27</v>
      </c>
      <c r="HI23" s="71">
        <v>17</v>
      </c>
      <c r="HJ23" s="71">
        <v>27</v>
      </c>
      <c r="HK23" s="71">
        <v>15</v>
      </c>
      <c r="HL23" s="72">
        <v>137</v>
      </c>
      <c r="HM23" s="73">
        <v>184</v>
      </c>
      <c r="HN23" s="70">
        <v>67</v>
      </c>
      <c r="HO23" s="71">
        <v>77</v>
      </c>
      <c r="HP23" s="72">
        <v>144</v>
      </c>
      <c r="HQ23" s="276"/>
      <c r="HR23" s="71">
        <v>136</v>
      </c>
      <c r="HS23" s="71">
        <v>67</v>
      </c>
      <c r="HT23" s="71">
        <v>55</v>
      </c>
      <c r="HU23" s="71">
        <v>46</v>
      </c>
      <c r="HV23" s="71">
        <v>40</v>
      </c>
      <c r="HW23" s="72">
        <v>344</v>
      </c>
      <c r="HX23" s="73">
        <v>488</v>
      </c>
      <c r="HY23" s="70">
        <v>140</v>
      </c>
      <c r="HZ23" s="71">
        <v>147</v>
      </c>
      <c r="IA23" s="72">
        <v>287</v>
      </c>
      <c r="IB23" s="276"/>
      <c r="IC23" s="71">
        <v>216</v>
      </c>
      <c r="ID23" s="71">
        <v>115</v>
      </c>
      <c r="IE23" s="71">
        <v>74</v>
      </c>
      <c r="IF23" s="71">
        <v>76</v>
      </c>
      <c r="IG23" s="71">
        <v>55</v>
      </c>
      <c r="IH23" s="72">
        <v>536</v>
      </c>
      <c r="II23" s="73">
        <v>823</v>
      </c>
      <c r="IJ23" s="70">
        <v>198</v>
      </c>
      <c r="IK23" s="71">
        <v>272</v>
      </c>
      <c r="IL23" s="72">
        <v>470</v>
      </c>
      <c r="IM23" s="276"/>
      <c r="IN23" s="71">
        <v>355</v>
      </c>
      <c r="IO23" s="71">
        <v>208</v>
      </c>
      <c r="IP23" s="71">
        <v>152</v>
      </c>
      <c r="IQ23" s="71">
        <v>118</v>
      </c>
      <c r="IR23" s="71">
        <v>72</v>
      </c>
      <c r="IS23" s="72">
        <v>905</v>
      </c>
      <c r="IT23" s="73">
        <v>1375</v>
      </c>
      <c r="IU23" s="70">
        <v>183</v>
      </c>
      <c r="IV23" s="71">
        <v>229</v>
      </c>
      <c r="IW23" s="72">
        <v>412</v>
      </c>
      <c r="IX23" s="276"/>
      <c r="IY23" s="71">
        <v>353</v>
      </c>
      <c r="IZ23" s="71">
        <v>205</v>
      </c>
      <c r="JA23" s="71">
        <v>185</v>
      </c>
      <c r="JB23" s="71">
        <v>144</v>
      </c>
      <c r="JC23" s="71">
        <v>87</v>
      </c>
      <c r="JD23" s="72">
        <v>974</v>
      </c>
      <c r="JE23" s="73">
        <v>1386</v>
      </c>
      <c r="JF23" s="70">
        <v>80</v>
      </c>
      <c r="JG23" s="71">
        <v>149</v>
      </c>
      <c r="JH23" s="72">
        <v>229</v>
      </c>
      <c r="JI23" s="276"/>
      <c r="JJ23" s="71">
        <v>253</v>
      </c>
      <c r="JK23" s="71">
        <v>189</v>
      </c>
      <c r="JL23" s="71">
        <v>196</v>
      </c>
      <c r="JM23" s="71">
        <v>178</v>
      </c>
      <c r="JN23" s="71">
        <v>82</v>
      </c>
      <c r="JO23" s="72">
        <v>898</v>
      </c>
      <c r="JP23" s="73">
        <v>1127</v>
      </c>
      <c r="JQ23" s="70">
        <v>10</v>
      </c>
      <c r="JR23" s="71">
        <v>29</v>
      </c>
      <c r="JS23" s="72">
        <v>39</v>
      </c>
      <c r="JT23" s="276"/>
      <c r="JU23" s="71">
        <v>41</v>
      </c>
      <c r="JV23" s="71">
        <v>22</v>
      </c>
      <c r="JW23" s="71">
        <v>21</v>
      </c>
      <c r="JX23" s="71">
        <v>18</v>
      </c>
      <c r="JY23" s="71">
        <v>9</v>
      </c>
      <c r="JZ23" s="72">
        <v>111</v>
      </c>
      <c r="KA23" s="73">
        <v>150</v>
      </c>
      <c r="KB23" s="70">
        <v>702</v>
      </c>
      <c r="KC23" s="71">
        <v>926</v>
      </c>
      <c r="KD23" s="72">
        <v>1628</v>
      </c>
      <c r="KE23" s="276"/>
      <c r="KF23" s="71">
        <v>1405</v>
      </c>
      <c r="KG23" s="71">
        <v>833</v>
      </c>
      <c r="KH23" s="71">
        <v>700</v>
      </c>
      <c r="KI23" s="71">
        <v>607</v>
      </c>
      <c r="KJ23" s="71">
        <v>360</v>
      </c>
      <c r="KK23" s="72">
        <v>3905</v>
      </c>
      <c r="KL23" s="73">
        <v>5533</v>
      </c>
    </row>
    <row r="24" spans="1:298" ht="19.5" customHeight="1" x14ac:dyDescent="0.2">
      <c r="A24" s="129" t="s">
        <v>21</v>
      </c>
      <c r="B24" s="350">
        <v>279</v>
      </c>
      <c r="C24" s="82">
        <v>230</v>
      </c>
      <c r="D24" s="83">
        <v>509</v>
      </c>
      <c r="E24" s="273"/>
      <c r="F24" s="82">
        <v>431</v>
      </c>
      <c r="G24" s="82">
        <v>434</v>
      </c>
      <c r="H24" s="82">
        <v>280</v>
      </c>
      <c r="I24" s="82">
        <v>207</v>
      </c>
      <c r="J24" s="82">
        <v>104</v>
      </c>
      <c r="K24" s="84">
        <v>1456</v>
      </c>
      <c r="L24" s="85">
        <v>1965</v>
      </c>
      <c r="M24" s="70">
        <v>13</v>
      </c>
      <c r="N24" s="71">
        <v>13</v>
      </c>
      <c r="O24" s="72">
        <v>26</v>
      </c>
      <c r="P24" s="276"/>
      <c r="Q24" s="71">
        <v>17</v>
      </c>
      <c r="R24" s="71">
        <v>22</v>
      </c>
      <c r="S24" s="71">
        <v>17</v>
      </c>
      <c r="T24" s="71">
        <v>14</v>
      </c>
      <c r="U24" s="71">
        <v>7</v>
      </c>
      <c r="V24" s="72">
        <v>77</v>
      </c>
      <c r="W24" s="73">
        <v>103</v>
      </c>
      <c r="X24" s="70">
        <v>34</v>
      </c>
      <c r="Y24" s="71">
        <v>31</v>
      </c>
      <c r="Z24" s="72">
        <v>65</v>
      </c>
      <c r="AA24" s="276">
        <v>0</v>
      </c>
      <c r="AB24" s="71">
        <v>38</v>
      </c>
      <c r="AC24" s="71">
        <v>58</v>
      </c>
      <c r="AD24" s="71">
        <v>39</v>
      </c>
      <c r="AE24" s="71">
        <v>34</v>
      </c>
      <c r="AF24" s="71">
        <v>16</v>
      </c>
      <c r="AG24" s="72">
        <v>185</v>
      </c>
      <c r="AH24" s="73">
        <v>250</v>
      </c>
      <c r="AI24" s="70">
        <v>58</v>
      </c>
      <c r="AJ24" s="71">
        <v>40</v>
      </c>
      <c r="AK24" s="72">
        <v>98</v>
      </c>
      <c r="AL24" s="276"/>
      <c r="AM24" s="71">
        <v>76</v>
      </c>
      <c r="AN24" s="71">
        <v>77</v>
      </c>
      <c r="AO24" s="71">
        <v>50</v>
      </c>
      <c r="AP24" s="71">
        <v>32</v>
      </c>
      <c r="AQ24" s="71">
        <v>14</v>
      </c>
      <c r="AR24" s="72">
        <v>249</v>
      </c>
      <c r="AS24" s="73">
        <v>347</v>
      </c>
      <c r="AT24" s="70">
        <v>71</v>
      </c>
      <c r="AU24" s="71">
        <v>67</v>
      </c>
      <c r="AV24" s="72">
        <v>138</v>
      </c>
      <c r="AW24" s="276"/>
      <c r="AX24" s="71">
        <v>117</v>
      </c>
      <c r="AY24" s="71">
        <v>112</v>
      </c>
      <c r="AZ24" s="71">
        <v>70</v>
      </c>
      <c r="BA24" s="71">
        <v>44</v>
      </c>
      <c r="BB24" s="71">
        <v>29</v>
      </c>
      <c r="BC24" s="72">
        <v>372</v>
      </c>
      <c r="BD24" s="73">
        <v>510</v>
      </c>
      <c r="BE24" s="70">
        <v>69</v>
      </c>
      <c r="BF24" s="71">
        <v>59</v>
      </c>
      <c r="BG24" s="72">
        <v>128</v>
      </c>
      <c r="BH24" s="276"/>
      <c r="BI24" s="71">
        <v>124</v>
      </c>
      <c r="BJ24" s="71">
        <v>106</v>
      </c>
      <c r="BK24" s="71">
        <v>69</v>
      </c>
      <c r="BL24" s="71">
        <v>56</v>
      </c>
      <c r="BM24" s="71">
        <v>24</v>
      </c>
      <c r="BN24" s="72">
        <v>379</v>
      </c>
      <c r="BO24" s="73">
        <v>507</v>
      </c>
      <c r="BP24" s="70">
        <v>34</v>
      </c>
      <c r="BQ24" s="71">
        <v>20</v>
      </c>
      <c r="BR24" s="72">
        <v>54</v>
      </c>
      <c r="BS24" s="276"/>
      <c r="BT24" s="71">
        <v>59</v>
      </c>
      <c r="BU24" s="71">
        <v>59</v>
      </c>
      <c r="BV24" s="71">
        <v>35</v>
      </c>
      <c r="BW24" s="71">
        <v>27</v>
      </c>
      <c r="BX24" s="71">
        <v>14</v>
      </c>
      <c r="BY24" s="72">
        <v>194</v>
      </c>
      <c r="BZ24" s="73">
        <v>248</v>
      </c>
      <c r="CA24" s="70">
        <v>4</v>
      </c>
      <c r="CB24" s="71">
        <v>16</v>
      </c>
      <c r="CC24" s="72">
        <v>20</v>
      </c>
      <c r="CD24" s="276"/>
      <c r="CE24" s="71">
        <v>11</v>
      </c>
      <c r="CF24" s="71">
        <v>19</v>
      </c>
      <c r="CG24" s="71">
        <v>6</v>
      </c>
      <c r="CH24" s="71">
        <v>6</v>
      </c>
      <c r="CI24" s="71">
        <v>13</v>
      </c>
      <c r="CJ24" s="72">
        <v>55</v>
      </c>
      <c r="CK24" s="73">
        <v>75</v>
      </c>
      <c r="CL24" s="70">
        <v>283</v>
      </c>
      <c r="CM24" s="71">
        <v>246</v>
      </c>
      <c r="CN24" s="72">
        <v>529</v>
      </c>
      <c r="CO24" s="276"/>
      <c r="CP24" s="71">
        <v>442</v>
      </c>
      <c r="CQ24" s="71">
        <v>453</v>
      </c>
      <c r="CR24" s="71">
        <v>286</v>
      </c>
      <c r="CS24" s="71">
        <v>213</v>
      </c>
      <c r="CT24" s="71">
        <v>117</v>
      </c>
      <c r="CU24" s="72">
        <v>1511</v>
      </c>
      <c r="CV24" s="73">
        <v>2040</v>
      </c>
      <c r="CW24" s="126">
        <v>514</v>
      </c>
      <c r="CX24" s="82">
        <v>592</v>
      </c>
      <c r="CY24" s="83">
        <v>1106</v>
      </c>
      <c r="CZ24" s="273"/>
      <c r="DA24" s="82">
        <v>671</v>
      </c>
      <c r="DB24" s="82">
        <v>681</v>
      </c>
      <c r="DC24" s="82">
        <v>527</v>
      </c>
      <c r="DD24" s="82">
        <v>432</v>
      </c>
      <c r="DE24" s="82">
        <v>340</v>
      </c>
      <c r="DF24" s="84">
        <v>2651</v>
      </c>
      <c r="DG24" s="85">
        <v>3757</v>
      </c>
      <c r="DH24" s="70">
        <v>12</v>
      </c>
      <c r="DI24" s="71">
        <v>16</v>
      </c>
      <c r="DJ24" s="72">
        <v>28</v>
      </c>
      <c r="DK24" s="276"/>
      <c r="DL24" s="71">
        <v>20</v>
      </c>
      <c r="DM24" s="71">
        <v>15</v>
      </c>
      <c r="DN24" s="71">
        <v>21</v>
      </c>
      <c r="DO24" s="71">
        <v>14</v>
      </c>
      <c r="DP24" s="71">
        <v>9</v>
      </c>
      <c r="DQ24" s="72">
        <v>79</v>
      </c>
      <c r="DR24" s="73">
        <v>107</v>
      </c>
      <c r="DS24" s="70">
        <v>51</v>
      </c>
      <c r="DT24" s="71">
        <v>50</v>
      </c>
      <c r="DU24" s="72">
        <v>101</v>
      </c>
      <c r="DV24" s="276"/>
      <c r="DW24" s="71">
        <v>44</v>
      </c>
      <c r="DX24" s="71">
        <v>34</v>
      </c>
      <c r="DY24" s="71">
        <v>30</v>
      </c>
      <c r="DZ24" s="71">
        <v>27</v>
      </c>
      <c r="EA24" s="71">
        <v>28</v>
      </c>
      <c r="EB24" s="72">
        <v>163</v>
      </c>
      <c r="EC24" s="73">
        <v>264</v>
      </c>
      <c r="ED24" s="70">
        <v>97</v>
      </c>
      <c r="EE24" s="71">
        <v>104</v>
      </c>
      <c r="EF24" s="72">
        <v>201</v>
      </c>
      <c r="EG24" s="276"/>
      <c r="EH24" s="71">
        <v>93</v>
      </c>
      <c r="EI24" s="71">
        <v>85</v>
      </c>
      <c r="EJ24" s="71">
        <v>62</v>
      </c>
      <c r="EK24" s="71">
        <v>44</v>
      </c>
      <c r="EL24" s="71">
        <v>34</v>
      </c>
      <c r="EM24" s="72">
        <v>318</v>
      </c>
      <c r="EN24" s="73">
        <v>519</v>
      </c>
      <c r="EO24" s="70">
        <v>160</v>
      </c>
      <c r="EP24" s="71">
        <v>149</v>
      </c>
      <c r="EQ24" s="72">
        <v>309</v>
      </c>
      <c r="ER24" s="276"/>
      <c r="ES24" s="71">
        <v>187</v>
      </c>
      <c r="ET24" s="71">
        <v>139</v>
      </c>
      <c r="EU24" s="71">
        <v>112</v>
      </c>
      <c r="EV24" s="71">
        <v>89</v>
      </c>
      <c r="EW24" s="71">
        <v>84</v>
      </c>
      <c r="EX24" s="72">
        <v>611</v>
      </c>
      <c r="EY24" s="73">
        <v>920</v>
      </c>
      <c r="EZ24" s="70">
        <v>127</v>
      </c>
      <c r="FA24" s="71">
        <v>173</v>
      </c>
      <c r="FB24" s="72">
        <v>300</v>
      </c>
      <c r="FC24" s="276"/>
      <c r="FD24" s="71">
        <v>179</v>
      </c>
      <c r="FE24" s="71">
        <v>209</v>
      </c>
      <c r="FF24" s="71">
        <v>131</v>
      </c>
      <c r="FG24" s="71">
        <v>113</v>
      </c>
      <c r="FH24" s="71">
        <v>85</v>
      </c>
      <c r="FI24" s="72">
        <v>717</v>
      </c>
      <c r="FJ24" s="73">
        <v>1017</v>
      </c>
      <c r="FK24" s="70">
        <v>67</v>
      </c>
      <c r="FL24" s="71">
        <v>100</v>
      </c>
      <c r="FM24" s="72">
        <v>167</v>
      </c>
      <c r="FN24" s="276"/>
      <c r="FO24" s="71">
        <v>148</v>
      </c>
      <c r="FP24" s="71">
        <v>199</v>
      </c>
      <c r="FQ24" s="71">
        <v>171</v>
      </c>
      <c r="FR24" s="71">
        <v>145</v>
      </c>
      <c r="FS24" s="71">
        <v>100</v>
      </c>
      <c r="FT24" s="72">
        <v>763</v>
      </c>
      <c r="FU24" s="73">
        <v>930</v>
      </c>
      <c r="FV24" s="70">
        <v>7</v>
      </c>
      <c r="FW24" s="71">
        <v>12</v>
      </c>
      <c r="FX24" s="72">
        <v>19</v>
      </c>
      <c r="FY24" s="276"/>
      <c r="FZ24" s="71">
        <v>6</v>
      </c>
      <c r="GA24" s="71">
        <v>23</v>
      </c>
      <c r="GB24" s="71">
        <v>6</v>
      </c>
      <c r="GC24" s="71">
        <v>6</v>
      </c>
      <c r="GD24" s="71">
        <v>6</v>
      </c>
      <c r="GE24" s="72">
        <v>47</v>
      </c>
      <c r="GF24" s="73">
        <v>66</v>
      </c>
      <c r="GG24" s="70">
        <v>521</v>
      </c>
      <c r="GH24" s="71">
        <v>604</v>
      </c>
      <c r="GI24" s="72">
        <v>1125</v>
      </c>
      <c r="GJ24" s="276"/>
      <c r="GK24" s="71">
        <v>677</v>
      </c>
      <c r="GL24" s="71">
        <v>704</v>
      </c>
      <c r="GM24" s="71">
        <v>533</v>
      </c>
      <c r="GN24" s="71">
        <v>438</v>
      </c>
      <c r="GO24" s="71">
        <v>346</v>
      </c>
      <c r="GP24" s="72">
        <v>2698</v>
      </c>
      <c r="GQ24" s="73">
        <v>3823</v>
      </c>
      <c r="GR24" s="126">
        <v>793</v>
      </c>
      <c r="GS24" s="82">
        <v>822</v>
      </c>
      <c r="GT24" s="83">
        <v>1615</v>
      </c>
      <c r="GU24" s="273"/>
      <c r="GV24" s="82">
        <v>1102</v>
      </c>
      <c r="GW24" s="82">
        <v>1115</v>
      </c>
      <c r="GX24" s="82">
        <v>807</v>
      </c>
      <c r="GY24" s="82">
        <v>639</v>
      </c>
      <c r="GZ24" s="82">
        <v>444</v>
      </c>
      <c r="HA24" s="84">
        <v>4107</v>
      </c>
      <c r="HB24" s="85">
        <v>5722</v>
      </c>
      <c r="HC24" s="70">
        <v>25</v>
      </c>
      <c r="HD24" s="71">
        <v>29</v>
      </c>
      <c r="HE24" s="72">
        <v>54</v>
      </c>
      <c r="HF24" s="276"/>
      <c r="HG24" s="71">
        <v>37</v>
      </c>
      <c r="HH24" s="71">
        <v>37</v>
      </c>
      <c r="HI24" s="71">
        <v>38</v>
      </c>
      <c r="HJ24" s="71">
        <v>28</v>
      </c>
      <c r="HK24" s="71">
        <v>16</v>
      </c>
      <c r="HL24" s="72">
        <v>156</v>
      </c>
      <c r="HM24" s="73">
        <v>210</v>
      </c>
      <c r="HN24" s="70">
        <v>85</v>
      </c>
      <c r="HO24" s="71">
        <v>81</v>
      </c>
      <c r="HP24" s="72">
        <v>166</v>
      </c>
      <c r="HQ24" s="276"/>
      <c r="HR24" s="71">
        <v>82</v>
      </c>
      <c r="HS24" s="71">
        <v>92</v>
      </c>
      <c r="HT24" s="71">
        <v>69</v>
      </c>
      <c r="HU24" s="71">
        <v>61</v>
      </c>
      <c r="HV24" s="71">
        <v>44</v>
      </c>
      <c r="HW24" s="72">
        <v>348</v>
      </c>
      <c r="HX24" s="73">
        <v>514</v>
      </c>
      <c r="HY24" s="70">
        <v>155</v>
      </c>
      <c r="HZ24" s="71">
        <v>144</v>
      </c>
      <c r="IA24" s="72">
        <v>299</v>
      </c>
      <c r="IB24" s="276"/>
      <c r="IC24" s="71">
        <v>169</v>
      </c>
      <c r="ID24" s="71">
        <v>162</v>
      </c>
      <c r="IE24" s="71">
        <v>112</v>
      </c>
      <c r="IF24" s="71">
        <v>76</v>
      </c>
      <c r="IG24" s="71">
        <v>48</v>
      </c>
      <c r="IH24" s="72">
        <v>567</v>
      </c>
      <c r="II24" s="73">
        <v>866</v>
      </c>
      <c r="IJ24" s="70">
        <v>231</v>
      </c>
      <c r="IK24" s="71">
        <v>216</v>
      </c>
      <c r="IL24" s="72">
        <v>447</v>
      </c>
      <c r="IM24" s="276"/>
      <c r="IN24" s="71">
        <v>304</v>
      </c>
      <c r="IO24" s="71">
        <v>251</v>
      </c>
      <c r="IP24" s="71">
        <v>182</v>
      </c>
      <c r="IQ24" s="71">
        <v>133</v>
      </c>
      <c r="IR24" s="71">
        <v>113</v>
      </c>
      <c r="IS24" s="72">
        <v>983</v>
      </c>
      <c r="IT24" s="73">
        <v>1430</v>
      </c>
      <c r="IU24" s="70">
        <v>196</v>
      </c>
      <c r="IV24" s="71">
        <v>232</v>
      </c>
      <c r="IW24" s="72">
        <v>428</v>
      </c>
      <c r="IX24" s="276"/>
      <c r="IY24" s="71">
        <v>303</v>
      </c>
      <c r="IZ24" s="71">
        <v>315</v>
      </c>
      <c r="JA24" s="71">
        <v>200</v>
      </c>
      <c r="JB24" s="71">
        <v>169</v>
      </c>
      <c r="JC24" s="71">
        <v>109</v>
      </c>
      <c r="JD24" s="72">
        <v>1096</v>
      </c>
      <c r="JE24" s="73">
        <v>1524</v>
      </c>
      <c r="JF24" s="70">
        <v>101</v>
      </c>
      <c r="JG24" s="71">
        <v>120</v>
      </c>
      <c r="JH24" s="72">
        <v>221</v>
      </c>
      <c r="JI24" s="276"/>
      <c r="JJ24" s="71">
        <v>207</v>
      </c>
      <c r="JK24" s="71">
        <v>258</v>
      </c>
      <c r="JL24" s="71">
        <v>206</v>
      </c>
      <c r="JM24" s="71">
        <v>172</v>
      </c>
      <c r="JN24" s="71">
        <v>114</v>
      </c>
      <c r="JO24" s="72">
        <v>957</v>
      </c>
      <c r="JP24" s="73">
        <v>1178</v>
      </c>
      <c r="JQ24" s="70">
        <v>11</v>
      </c>
      <c r="JR24" s="71">
        <v>28</v>
      </c>
      <c r="JS24" s="72">
        <v>39</v>
      </c>
      <c r="JT24" s="276"/>
      <c r="JU24" s="71">
        <v>17</v>
      </c>
      <c r="JV24" s="71">
        <v>42</v>
      </c>
      <c r="JW24" s="71">
        <v>12</v>
      </c>
      <c r="JX24" s="71">
        <v>12</v>
      </c>
      <c r="JY24" s="71">
        <v>19</v>
      </c>
      <c r="JZ24" s="72">
        <v>102</v>
      </c>
      <c r="KA24" s="73">
        <v>141</v>
      </c>
      <c r="KB24" s="70">
        <v>804</v>
      </c>
      <c r="KC24" s="71">
        <v>850</v>
      </c>
      <c r="KD24" s="72">
        <v>1654</v>
      </c>
      <c r="KE24" s="276"/>
      <c r="KF24" s="71">
        <v>1119</v>
      </c>
      <c r="KG24" s="71">
        <v>1157</v>
      </c>
      <c r="KH24" s="71">
        <v>819</v>
      </c>
      <c r="KI24" s="71">
        <v>651</v>
      </c>
      <c r="KJ24" s="71">
        <v>463</v>
      </c>
      <c r="KK24" s="72">
        <v>4209</v>
      </c>
      <c r="KL24" s="73">
        <v>5863</v>
      </c>
    </row>
    <row r="25" spans="1:298" ht="19.5" customHeight="1" x14ac:dyDescent="0.2">
      <c r="A25" s="129" t="s">
        <v>22</v>
      </c>
      <c r="B25" s="350">
        <v>81</v>
      </c>
      <c r="C25" s="82">
        <v>52</v>
      </c>
      <c r="D25" s="83">
        <v>133</v>
      </c>
      <c r="E25" s="273"/>
      <c r="F25" s="82">
        <v>194</v>
      </c>
      <c r="G25" s="82">
        <v>162</v>
      </c>
      <c r="H25" s="82">
        <v>92</v>
      </c>
      <c r="I25" s="82">
        <v>74</v>
      </c>
      <c r="J25" s="82">
        <v>51</v>
      </c>
      <c r="K25" s="84">
        <v>573</v>
      </c>
      <c r="L25" s="85">
        <v>706</v>
      </c>
      <c r="M25" s="70">
        <v>5</v>
      </c>
      <c r="N25" s="71">
        <v>2</v>
      </c>
      <c r="O25" s="72">
        <v>7</v>
      </c>
      <c r="P25" s="276"/>
      <c r="Q25" s="71">
        <v>5</v>
      </c>
      <c r="R25" s="71">
        <v>5</v>
      </c>
      <c r="S25" s="71">
        <v>1</v>
      </c>
      <c r="T25" s="71">
        <v>4</v>
      </c>
      <c r="U25" s="71">
        <v>5</v>
      </c>
      <c r="V25" s="72">
        <v>20</v>
      </c>
      <c r="W25" s="73">
        <v>27</v>
      </c>
      <c r="X25" s="70">
        <v>7</v>
      </c>
      <c r="Y25" s="71">
        <v>11</v>
      </c>
      <c r="Z25" s="72">
        <v>18</v>
      </c>
      <c r="AA25" s="276">
        <v>0</v>
      </c>
      <c r="AB25" s="71">
        <v>23</v>
      </c>
      <c r="AC25" s="71">
        <v>10</v>
      </c>
      <c r="AD25" s="71">
        <v>9</v>
      </c>
      <c r="AE25" s="71">
        <v>8</v>
      </c>
      <c r="AF25" s="71">
        <v>7</v>
      </c>
      <c r="AG25" s="72">
        <v>57</v>
      </c>
      <c r="AH25" s="73">
        <v>75</v>
      </c>
      <c r="AI25" s="70">
        <v>10</v>
      </c>
      <c r="AJ25" s="71">
        <v>7</v>
      </c>
      <c r="AK25" s="72">
        <v>17</v>
      </c>
      <c r="AL25" s="276"/>
      <c r="AM25" s="71">
        <v>36</v>
      </c>
      <c r="AN25" s="71">
        <v>18</v>
      </c>
      <c r="AO25" s="71">
        <v>14</v>
      </c>
      <c r="AP25" s="71">
        <v>5</v>
      </c>
      <c r="AQ25" s="71">
        <v>14</v>
      </c>
      <c r="AR25" s="72">
        <v>87</v>
      </c>
      <c r="AS25" s="73">
        <v>104</v>
      </c>
      <c r="AT25" s="70">
        <v>22</v>
      </c>
      <c r="AU25" s="71">
        <v>11</v>
      </c>
      <c r="AV25" s="72">
        <v>33</v>
      </c>
      <c r="AW25" s="276"/>
      <c r="AX25" s="71">
        <v>49</v>
      </c>
      <c r="AY25" s="71">
        <v>51</v>
      </c>
      <c r="AZ25" s="71">
        <v>25</v>
      </c>
      <c r="BA25" s="71">
        <v>18</v>
      </c>
      <c r="BB25" s="71">
        <v>10</v>
      </c>
      <c r="BC25" s="72">
        <v>153</v>
      </c>
      <c r="BD25" s="73">
        <v>186</v>
      </c>
      <c r="BE25" s="70">
        <v>21</v>
      </c>
      <c r="BF25" s="71">
        <v>15</v>
      </c>
      <c r="BG25" s="72">
        <v>36</v>
      </c>
      <c r="BH25" s="276"/>
      <c r="BI25" s="71">
        <v>53</v>
      </c>
      <c r="BJ25" s="71">
        <v>44</v>
      </c>
      <c r="BK25" s="71">
        <v>25</v>
      </c>
      <c r="BL25" s="71">
        <v>20</v>
      </c>
      <c r="BM25" s="71">
        <v>8</v>
      </c>
      <c r="BN25" s="72">
        <v>150</v>
      </c>
      <c r="BO25" s="73">
        <v>186</v>
      </c>
      <c r="BP25" s="70">
        <v>16</v>
      </c>
      <c r="BQ25" s="71">
        <v>6</v>
      </c>
      <c r="BR25" s="72">
        <v>22</v>
      </c>
      <c r="BS25" s="276"/>
      <c r="BT25" s="71">
        <v>28</v>
      </c>
      <c r="BU25" s="71">
        <v>34</v>
      </c>
      <c r="BV25" s="71">
        <v>18</v>
      </c>
      <c r="BW25" s="71">
        <v>19</v>
      </c>
      <c r="BX25" s="71">
        <v>7</v>
      </c>
      <c r="BY25" s="72">
        <v>106</v>
      </c>
      <c r="BZ25" s="73">
        <v>128</v>
      </c>
      <c r="CA25" s="70">
        <v>1</v>
      </c>
      <c r="CB25" s="71">
        <v>5</v>
      </c>
      <c r="CC25" s="72">
        <v>6</v>
      </c>
      <c r="CD25" s="276"/>
      <c r="CE25" s="71">
        <v>7</v>
      </c>
      <c r="CF25" s="71">
        <v>5</v>
      </c>
      <c r="CG25" s="71">
        <v>1</v>
      </c>
      <c r="CH25" s="71">
        <v>3</v>
      </c>
      <c r="CI25" s="71">
        <v>2</v>
      </c>
      <c r="CJ25" s="72">
        <v>18</v>
      </c>
      <c r="CK25" s="73">
        <v>24</v>
      </c>
      <c r="CL25" s="70">
        <v>82</v>
      </c>
      <c r="CM25" s="71">
        <v>57</v>
      </c>
      <c r="CN25" s="72">
        <v>139</v>
      </c>
      <c r="CO25" s="276"/>
      <c r="CP25" s="71">
        <v>201</v>
      </c>
      <c r="CQ25" s="71">
        <v>167</v>
      </c>
      <c r="CR25" s="71">
        <v>93</v>
      </c>
      <c r="CS25" s="71">
        <v>77</v>
      </c>
      <c r="CT25" s="71">
        <v>53</v>
      </c>
      <c r="CU25" s="72">
        <v>591</v>
      </c>
      <c r="CV25" s="73">
        <v>730</v>
      </c>
      <c r="CW25" s="126">
        <v>118</v>
      </c>
      <c r="CX25" s="82">
        <v>236</v>
      </c>
      <c r="CY25" s="83">
        <v>354</v>
      </c>
      <c r="CZ25" s="273"/>
      <c r="DA25" s="82">
        <v>363</v>
      </c>
      <c r="DB25" s="82">
        <v>303</v>
      </c>
      <c r="DC25" s="82">
        <v>189</v>
      </c>
      <c r="DD25" s="82">
        <v>197</v>
      </c>
      <c r="DE25" s="82">
        <v>113</v>
      </c>
      <c r="DF25" s="84">
        <v>1165</v>
      </c>
      <c r="DG25" s="85">
        <v>1519</v>
      </c>
      <c r="DH25" s="70">
        <v>6</v>
      </c>
      <c r="DI25" s="71">
        <v>8</v>
      </c>
      <c r="DJ25" s="72">
        <v>14</v>
      </c>
      <c r="DK25" s="276"/>
      <c r="DL25" s="71">
        <v>5</v>
      </c>
      <c r="DM25" s="71">
        <v>9</v>
      </c>
      <c r="DN25" s="71">
        <v>1</v>
      </c>
      <c r="DO25" s="71">
        <v>1</v>
      </c>
      <c r="DP25" s="71">
        <v>3</v>
      </c>
      <c r="DQ25" s="72">
        <v>19</v>
      </c>
      <c r="DR25" s="73">
        <v>33</v>
      </c>
      <c r="DS25" s="70">
        <v>6</v>
      </c>
      <c r="DT25" s="71">
        <v>11</v>
      </c>
      <c r="DU25" s="72">
        <v>17</v>
      </c>
      <c r="DV25" s="276"/>
      <c r="DW25" s="71">
        <v>27</v>
      </c>
      <c r="DX25" s="71">
        <v>12</v>
      </c>
      <c r="DY25" s="71">
        <v>10</v>
      </c>
      <c r="DZ25" s="71">
        <v>7</v>
      </c>
      <c r="EA25" s="71">
        <v>8</v>
      </c>
      <c r="EB25" s="72">
        <v>64</v>
      </c>
      <c r="EC25" s="73">
        <v>81</v>
      </c>
      <c r="ED25" s="70">
        <v>23</v>
      </c>
      <c r="EE25" s="71">
        <v>34</v>
      </c>
      <c r="EF25" s="72">
        <v>57</v>
      </c>
      <c r="EG25" s="276"/>
      <c r="EH25" s="71">
        <v>48</v>
      </c>
      <c r="EI25" s="71">
        <v>31</v>
      </c>
      <c r="EJ25" s="71">
        <v>13</v>
      </c>
      <c r="EK25" s="71">
        <v>17</v>
      </c>
      <c r="EL25" s="71">
        <v>13</v>
      </c>
      <c r="EM25" s="72">
        <v>122</v>
      </c>
      <c r="EN25" s="73">
        <v>179</v>
      </c>
      <c r="EO25" s="70">
        <v>34</v>
      </c>
      <c r="EP25" s="71">
        <v>62</v>
      </c>
      <c r="EQ25" s="72">
        <v>96</v>
      </c>
      <c r="ER25" s="276"/>
      <c r="ES25" s="71">
        <v>81</v>
      </c>
      <c r="ET25" s="71">
        <v>51</v>
      </c>
      <c r="EU25" s="71">
        <v>37</v>
      </c>
      <c r="EV25" s="71">
        <v>41</v>
      </c>
      <c r="EW25" s="71">
        <v>19</v>
      </c>
      <c r="EX25" s="72">
        <v>229</v>
      </c>
      <c r="EY25" s="73">
        <v>325</v>
      </c>
      <c r="EZ25" s="70">
        <v>37</v>
      </c>
      <c r="FA25" s="71">
        <v>80</v>
      </c>
      <c r="FB25" s="72">
        <v>117</v>
      </c>
      <c r="FC25" s="276"/>
      <c r="FD25" s="71">
        <v>108</v>
      </c>
      <c r="FE25" s="71">
        <v>92</v>
      </c>
      <c r="FF25" s="71">
        <v>44</v>
      </c>
      <c r="FG25" s="71">
        <v>44</v>
      </c>
      <c r="FH25" s="71">
        <v>34</v>
      </c>
      <c r="FI25" s="72">
        <v>322</v>
      </c>
      <c r="FJ25" s="73">
        <v>439</v>
      </c>
      <c r="FK25" s="70">
        <v>12</v>
      </c>
      <c r="FL25" s="71">
        <v>41</v>
      </c>
      <c r="FM25" s="72">
        <v>53</v>
      </c>
      <c r="FN25" s="276"/>
      <c r="FO25" s="71">
        <v>94</v>
      </c>
      <c r="FP25" s="71">
        <v>108</v>
      </c>
      <c r="FQ25" s="71">
        <v>84</v>
      </c>
      <c r="FR25" s="71">
        <v>87</v>
      </c>
      <c r="FS25" s="71">
        <v>36</v>
      </c>
      <c r="FT25" s="72">
        <v>409</v>
      </c>
      <c r="FU25" s="73">
        <v>462</v>
      </c>
      <c r="FV25" s="70">
        <v>1</v>
      </c>
      <c r="FW25" s="71">
        <v>2</v>
      </c>
      <c r="FX25" s="72">
        <v>3</v>
      </c>
      <c r="FY25" s="276"/>
      <c r="FZ25" s="71">
        <v>5</v>
      </c>
      <c r="GA25" s="71">
        <v>3</v>
      </c>
      <c r="GB25" s="71">
        <v>5</v>
      </c>
      <c r="GC25" s="71">
        <v>5</v>
      </c>
      <c r="GD25" s="71">
        <v>1</v>
      </c>
      <c r="GE25" s="72">
        <v>19</v>
      </c>
      <c r="GF25" s="73">
        <v>22</v>
      </c>
      <c r="GG25" s="70">
        <v>119</v>
      </c>
      <c r="GH25" s="71">
        <v>238</v>
      </c>
      <c r="GI25" s="72">
        <v>357</v>
      </c>
      <c r="GJ25" s="276"/>
      <c r="GK25" s="71">
        <v>368</v>
      </c>
      <c r="GL25" s="71">
        <v>306</v>
      </c>
      <c r="GM25" s="71">
        <v>194</v>
      </c>
      <c r="GN25" s="71">
        <v>202</v>
      </c>
      <c r="GO25" s="71">
        <v>114</v>
      </c>
      <c r="GP25" s="72">
        <v>1184</v>
      </c>
      <c r="GQ25" s="73">
        <v>1541</v>
      </c>
      <c r="GR25" s="126">
        <v>199</v>
      </c>
      <c r="GS25" s="82">
        <v>288</v>
      </c>
      <c r="GT25" s="83">
        <v>487</v>
      </c>
      <c r="GU25" s="273"/>
      <c r="GV25" s="82">
        <v>557</v>
      </c>
      <c r="GW25" s="82">
        <v>465</v>
      </c>
      <c r="GX25" s="82">
        <v>281</v>
      </c>
      <c r="GY25" s="82">
        <v>271</v>
      </c>
      <c r="GZ25" s="82">
        <v>164</v>
      </c>
      <c r="HA25" s="84">
        <v>1738</v>
      </c>
      <c r="HB25" s="85">
        <v>2225</v>
      </c>
      <c r="HC25" s="70">
        <v>11</v>
      </c>
      <c r="HD25" s="71">
        <v>10</v>
      </c>
      <c r="HE25" s="72">
        <v>21</v>
      </c>
      <c r="HF25" s="276"/>
      <c r="HG25" s="71">
        <v>10</v>
      </c>
      <c r="HH25" s="71">
        <v>14</v>
      </c>
      <c r="HI25" s="71">
        <v>2</v>
      </c>
      <c r="HJ25" s="71">
        <v>5</v>
      </c>
      <c r="HK25" s="71">
        <v>8</v>
      </c>
      <c r="HL25" s="72">
        <v>39</v>
      </c>
      <c r="HM25" s="73">
        <v>60</v>
      </c>
      <c r="HN25" s="70">
        <v>13</v>
      </c>
      <c r="HO25" s="71">
        <v>22</v>
      </c>
      <c r="HP25" s="72">
        <v>35</v>
      </c>
      <c r="HQ25" s="276"/>
      <c r="HR25" s="71">
        <v>50</v>
      </c>
      <c r="HS25" s="71">
        <v>22</v>
      </c>
      <c r="HT25" s="71">
        <v>19</v>
      </c>
      <c r="HU25" s="71">
        <v>15</v>
      </c>
      <c r="HV25" s="71">
        <v>15</v>
      </c>
      <c r="HW25" s="72">
        <v>121</v>
      </c>
      <c r="HX25" s="73">
        <v>156</v>
      </c>
      <c r="HY25" s="70">
        <v>33</v>
      </c>
      <c r="HZ25" s="71">
        <v>41</v>
      </c>
      <c r="IA25" s="72">
        <v>74</v>
      </c>
      <c r="IB25" s="276"/>
      <c r="IC25" s="71">
        <v>84</v>
      </c>
      <c r="ID25" s="71">
        <v>49</v>
      </c>
      <c r="IE25" s="71">
        <v>27</v>
      </c>
      <c r="IF25" s="71">
        <v>22</v>
      </c>
      <c r="IG25" s="71">
        <v>27</v>
      </c>
      <c r="IH25" s="72">
        <v>209</v>
      </c>
      <c r="II25" s="73">
        <v>283</v>
      </c>
      <c r="IJ25" s="70">
        <v>56</v>
      </c>
      <c r="IK25" s="71">
        <v>73</v>
      </c>
      <c r="IL25" s="72">
        <v>129</v>
      </c>
      <c r="IM25" s="276"/>
      <c r="IN25" s="71">
        <v>130</v>
      </c>
      <c r="IO25" s="71">
        <v>102</v>
      </c>
      <c r="IP25" s="71">
        <v>62</v>
      </c>
      <c r="IQ25" s="71">
        <v>59</v>
      </c>
      <c r="IR25" s="71">
        <v>29</v>
      </c>
      <c r="IS25" s="72">
        <v>382</v>
      </c>
      <c r="IT25" s="73">
        <v>511</v>
      </c>
      <c r="IU25" s="70">
        <v>58</v>
      </c>
      <c r="IV25" s="71">
        <v>95</v>
      </c>
      <c r="IW25" s="72">
        <v>153</v>
      </c>
      <c r="IX25" s="276"/>
      <c r="IY25" s="71">
        <v>161</v>
      </c>
      <c r="IZ25" s="71">
        <v>136</v>
      </c>
      <c r="JA25" s="71">
        <v>69</v>
      </c>
      <c r="JB25" s="71">
        <v>64</v>
      </c>
      <c r="JC25" s="71">
        <v>42</v>
      </c>
      <c r="JD25" s="72">
        <v>472</v>
      </c>
      <c r="JE25" s="73">
        <v>625</v>
      </c>
      <c r="JF25" s="70">
        <v>28</v>
      </c>
      <c r="JG25" s="71">
        <v>47</v>
      </c>
      <c r="JH25" s="72">
        <v>75</v>
      </c>
      <c r="JI25" s="276"/>
      <c r="JJ25" s="71">
        <v>122</v>
      </c>
      <c r="JK25" s="71">
        <v>142</v>
      </c>
      <c r="JL25" s="71">
        <v>102</v>
      </c>
      <c r="JM25" s="71">
        <v>106</v>
      </c>
      <c r="JN25" s="71">
        <v>43</v>
      </c>
      <c r="JO25" s="72">
        <v>515</v>
      </c>
      <c r="JP25" s="73">
        <v>590</v>
      </c>
      <c r="JQ25" s="70">
        <v>2</v>
      </c>
      <c r="JR25" s="71">
        <v>7</v>
      </c>
      <c r="JS25" s="72">
        <v>9</v>
      </c>
      <c r="JT25" s="276"/>
      <c r="JU25" s="71">
        <v>12</v>
      </c>
      <c r="JV25" s="71">
        <v>8</v>
      </c>
      <c r="JW25" s="71">
        <v>6</v>
      </c>
      <c r="JX25" s="71">
        <v>8</v>
      </c>
      <c r="JY25" s="71">
        <v>3</v>
      </c>
      <c r="JZ25" s="72">
        <v>37</v>
      </c>
      <c r="KA25" s="73">
        <v>46</v>
      </c>
      <c r="KB25" s="70">
        <v>201</v>
      </c>
      <c r="KC25" s="71">
        <v>295</v>
      </c>
      <c r="KD25" s="72">
        <v>496</v>
      </c>
      <c r="KE25" s="276"/>
      <c r="KF25" s="71">
        <v>569</v>
      </c>
      <c r="KG25" s="71">
        <v>473</v>
      </c>
      <c r="KH25" s="71">
        <v>287</v>
      </c>
      <c r="KI25" s="71">
        <v>279</v>
      </c>
      <c r="KJ25" s="71">
        <v>167</v>
      </c>
      <c r="KK25" s="72">
        <v>1775</v>
      </c>
      <c r="KL25" s="73">
        <v>2271</v>
      </c>
    </row>
    <row r="26" spans="1:298" ht="19.5" customHeight="1" x14ac:dyDescent="0.2">
      <c r="A26" s="129" t="s">
        <v>23</v>
      </c>
      <c r="B26" s="350">
        <v>178</v>
      </c>
      <c r="C26" s="82">
        <v>159</v>
      </c>
      <c r="D26" s="83">
        <v>337</v>
      </c>
      <c r="E26" s="273"/>
      <c r="F26" s="82">
        <v>311</v>
      </c>
      <c r="G26" s="82">
        <v>268</v>
      </c>
      <c r="H26" s="82">
        <v>178</v>
      </c>
      <c r="I26" s="82">
        <v>164</v>
      </c>
      <c r="J26" s="82">
        <v>83</v>
      </c>
      <c r="K26" s="84">
        <v>1004</v>
      </c>
      <c r="L26" s="85">
        <v>1341</v>
      </c>
      <c r="M26" s="70">
        <v>10</v>
      </c>
      <c r="N26" s="71">
        <v>12</v>
      </c>
      <c r="O26" s="72">
        <v>22</v>
      </c>
      <c r="P26" s="276"/>
      <c r="Q26" s="71">
        <v>9</v>
      </c>
      <c r="R26" s="71">
        <v>9</v>
      </c>
      <c r="S26" s="71">
        <v>7</v>
      </c>
      <c r="T26" s="71">
        <v>10</v>
      </c>
      <c r="U26" s="71">
        <v>3</v>
      </c>
      <c r="V26" s="72">
        <v>38</v>
      </c>
      <c r="W26" s="73">
        <v>60</v>
      </c>
      <c r="X26" s="70">
        <v>28</v>
      </c>
      <c r="Y26" s="71">
        <v>15</v>
      </c>
      <c r="Z26" s="72">
        <v>43</v>
      </c>
      <c r="AA26" s="276">
        <v>0</v>
      </c>
      <c r="AB26" s="71">
        <v>32</v>
      </c>
      <c r="AC26" s="71">
        <v>39</v>
      </c>
      <c r="AD26" s="71">
        <v>19</v>
      </c>
      <c r="AE26" s="71">
        <v>21</v>
      </c>
      <c r="AF26" s="71">
        <v>13</v>
      </c>
      <c r="AG26" s="72">
        <v>124</v>
      </c>
      <c r="AH26" s="73">
        <v>167</v>
      </c>
      <c r="AI26" s="70">
        <v>38</v>
      </c>
      <c r="AJ26" s="71">
        <v>35</v>
      </c>
      <c r="AK26" s="72">
        <v>73</v>
      </c>
      <c r="AL26" s="276"/>
      <c r="AM26" s="71">
        <v>68</v>
      </c>
      <c r="AN26" s="71">
        <v>57</v>
      </c>
      <c r="AO26" s="71">
        <v>20</v>
      </c>
      <c r="AP26" s="71">
        <v>21</v>
      </c>
      <c r="AQ26" s="71">
        <v>20</v>
      </c>
      <c r="AR26" s="72">
        <v>186</v>
      </c>
      <c r="AS26" s="73">
        <v>259</v>
      </c>
      <c r="AT26" s="70">
        <v>52</v>
      </c>
      <c r="AU26" s="71">
        <v>40</v>
      </c>
      <c r="AV26" s="72">
        <v>92</v>
      </c>
      <c r="AW26" s="276"/>
      <c r="AX26" s="71">
        <v>91</v>
      </c>
      <c r="AY26" s="71">
        <v>75</v>
      </c>
      <c r="AZ26" s="71">
        <v>54</v>
      </c>
      <c r="BA26" s="71">
        <v>44</v>
      </c>
      <c r="BB26" s="71">
        <v>19</v>
      </c>
      <c r="BC26" s="72">
        <v>283</v>
      </c>
      <c r="BD26" s="73">
        <v>375</v>
      </c>
      <c r="BE26" s="70">
        <v>40</v>
      </c>
      <c r="BF26" s="71">
        <v>41</v>
      </c>
      <c r="BG26" s="72">
        <v>81</v>
      </c>
      <c r="BH26" s="276"/>
      <c r="BI26" s="71">
        <v>81</v>
      </c>
      <c r="BJ26" s="71">
        <v>56</v>
      </c>
      <c r="BK26" s="71">
        <v>50</v>
      </c>
      <c r="BL26" s="71">
        <v>41</v>
      </c>
      <c r="BM26" s="71">
        <v>16</v>
      </c>
      <c r="BN26" s="72">
        <v>244</v>
      </c>
      <c r="BO26" s="73">
        <v>325</v>
      </c>
      <c r="BP26" s="70">
        <v>10</v>
      </c>
      <c r="BQ26" s="71">
        <v>16</v>
      </c>
      <c r="BR26" s="72">
        <v>26</v>
      </c>
      <c r="BS26" s="276"/>
      <c r="BT26" s="71">
        <v>30</v>
      </c>
      <c r="BU26" s="71">
        <v>32</v>
      </c>
      <c r="BV26" s="71">
        <v>28</v>
      </c>
      <c r="BW26" s="71">
        <v>27</v>
      </c>
      <c r="BX26" s="71">
        <v>12</v>
      </c>
      <c r="BY26" s="72">
        <v>129</v>
      </c>
      <c r="BZ26" s="73">
        <v>155</v>
      </c>
      <c r="CA26" s="70">
        <v>7</v>
      </c>
      <c r="CB26" s="71">
        <v>8</v>
      </c>
      <c r="CC26" s="72">
        <v>15</v>
      </c>
      <c r="CD26" s="276"/>
      <c r="CE26" s="71">
        <v>4</v>
      </c>
      <c r="CF26" s="71">
        <v>11</v>
      </c>
      <c r="CG26" s="71">
        <v>5</v>
      </c>
      <c r="CH26" s="71">
        <v>7</v>
      </c>
      <c r="CI26" s="71">
        <v>6</v>
      </c>
      <c r="CJ26" s="72">
        <v>33</v>
      </c>
      <c r="CK26" s="73">
        <v>48</v>
      </c>
      <c r="CL26" s="70">
        <v>185</v>
      </c>
      <c r="CM26" s="71">
        <v>167</v>
      </c>
      <c r="CN26" s="72">
        <v>352</v>
      </c>
      <c r="CO26" s="276"/>
      <c r="CP26" s="71">
        <v>315</v>
      </c>
      <c r="CQ26" s="71">
        <v>279</v>
      </c>
      <c r="CR26" s="71">
        <v>183</v>
      </c>
      <c r="CS26" s="71">
        <v>171</v>
      </c>
      <c r="CT26" s="71">
        <v>89</v>
      </c>
      <c r="CU26" s="72">
        <v>1037</v>
      </c>
      <c r="CV26" s="73">
        <v>1389</v>
      </c>
      <c r="CW26" s="126">
        <v>315</v>
      </c>
      <c r="CX26" s="82">
        <v>368</v>
      </c>
      <c r="CY26" s="83">
        <v>683</v>
      </c>
      <c r="CZ26" s="273"/>
      <c r="DA26" s="82">
        <v>510</v>
      </c>
      <c r="DB26" s="82">
        <v>433</v>
      </c>
      <c r="DC26" s="82">
        <v>270</v>
      </c>
      <c r="DD26" s="82">
        <v>331</v>
      </c>
      <c r="DE26" s="82">
        <v>215</v>
      </c>
      <c r="DF26" s="84">
        <v>1759</v>
      </c>
      <c r="DG26" s="85">
        <v>2442</v>
      </c>
      <c r="DH26" s="70">
        <v>3</v>
      </c>
      <c r="DI26" s="71">
        <v>21</v>
      </c>
      <c r="DJ26" s="72">
        <v>24</v>
      </c>
      <c r="DK26" s="276"/>
      <c r="DL26" s="71">
        <v>11</v>
      </c>
      <c r="DM26" s="71">
        <v>12</v>
      </c>
      <c r="DN26" s="71">
        <v>7</v>
      </c>
      <c r="DO26" s="71">
        <v>8</v>
      </c>
      <c r="DP26" s="71">
        <v>0</v>
      </c>
      <c r="DQ26" s="72">
        <v>38</v>
      </c>
      <c r="DR26" s="73">
        <v>62</v>
      </c>
      <c r="DS26" s="70">
        <v>25</v>
      </c>
      <c r="DT26" s="71">
        <v>31</v>
      </c>
      <c r="DU26" s="72">
        <v>56</v>
      </c>
      <c r="DV26" s="276"/>
      <c r="DW26" s="71">
        <v>30</v>
      </c>
      <c r="DX26" s="71">
        <v>37</v>
      </c>
      <c r="DY26" s="71">
        <v>23</v>
      </c>
      <c r="DZ26" s="71">
        <v>26</v>
      </c>
      <c r="EA26" s="71">
        <v>14</v>
      </c>
      <c r="EB26" s="72">
        <v>130</v>
      </c>
      <c r="EC26" s="73">
        <v>186</v>
      </c>
      <c r="ED26" s="70">
        <v>56</v>
      </c>
      <c r="EE26" s="71">
        <v>68</v>
      </c>
      <c r="EF26" s="72">
        <v>124</v>
      </c>
      <c r="EG26" s="276"/>
      <c r="EH26" s="71">
        <v>83</v>
      </c>
      <c r="EI26" s="71">
        <v>62</v>
      </c>
      <c r="EJ26" s="71">
        <v>34</v>
      </c>
      <c r="EK26" s="71">
        <v>35</v>
      </c>
      <c r="EL26" s="71">
        <v>38</v>
      </c>
      <c r="EM26" s="72">
        <v>252</v>
      </c>
      <c r="EN26" s="73">
        <v>376</v>
      </c>
      <c r="EO26" s="70">
        <v>122</v>
      </c>
      <c r="EP26" s="71">
        <v>104</v>
      </c>
      <c r="EQ26" s="72">
        <v>226</v>
      </c>
      <c r="ER26" s="276"/>
      <c r="ES26" s="71">
        <v>144</v>
      </c>
      <c r="ET26" s="71">
        <v>94</v>
      </c>
      <c r="EU26" s="71">
        <v>60</v>
      </c>
      <c r="EV26" s="71">
        <v>76</v>
      </c>
      <c r="EW26" s="71">
        <v>47</v>
      </c>
      <c r="EX26" s="72">
        <v>421</v>
      </c>
      <c r="EY26" s="73">
        <v>647</v>
      </c>
      <c r="EZ26" s="70">
        <v>82</v>
      </c>
      <c r="FA26" s="71">
        <v>99</v>
      </c>
      <c r="FB26" s="72">
        <v>181</v>
      </c>
      <c r="FC26" s="276"/>
      <c r="FD26" s="71">
        <v>142</v>
      </c>
      <c r="FE26" s="71">
        <v>118</v>
      </c>
      <c r="FF26" s="71">
        <v>73</v>
      </c>
      <c r="FG26" s="71">
        <v>68</v>
      </c>
      <c r="FH26" s="71">
        <v>50</v>
      </c>
      <c r="FI26" s="72">
        <v>451</v>
      </c>
      <c r="FJ26" s="73">
        <v>632</v>
      </c>
      <c r="FK26" s="70">
        <v>27</v>
      </c>
      <c r="FL26" s="71">
        <v>45</v>
      </c>
      <c r="FM26" s="72">
        <v>72</v>
      </c>
      <c r="FN26" s="276"/>
      <c r="FO26" s="71">
        <v>100</v>
      </c>
      <c r="FP26" s="71">
        <v>110</v>
      </c>
      <c r="FQ26" s="71">
        <v>73</v>
      </c>
      <c r="FR26" s="71">
        <v>118</v>
      </c>
      <c r="FS26" s="71">
        <v>66</v>
      </c>
      <c r="FT26" s="72">
        <v>467</v>
      </c>
      <c r="FU26" s="73">
        <v>539</v>
      </c>
      <c r="FV26" s="70">
        <v>5</v>
      </c>
      <c r="FW26" s="71">
        <v>8</v>
      </c>
      <c r="FX26" s="72">
        <v>13</v>
      </c>
      <c r="FY26" s="276"/>
      <c r="FZ26" s="71">
        <v>5</v>
      </c>
      <c r="GA26" s="71">
        <v>8</v>
      </c>
      <c r="GB26" s="71">
        <v>2</v>
      </c>
      <c r="GC26" s="71">
        <v>3</v>
      </c>
      <c r="GD26" s="71">
        <v>8</v>
      </c>
      <c r="GE26" s="72">
        <v>26</v>
      </c>
      <c r="GF26" s="73">
        <v>39</v>
      </c>
      <c r="GG26" s="70">
        <v>320</v>
      </c>
      <c r="GH26" s="71">
        <v>376</v>
      </c>
      <c r="GI26" s="72">
        <v>696</v>
      </c>
      <c r="GJ26" s="276"/>
      <c r="GK26" s="71">
        <v>515</v>
      </c>
      <c r="GL26" s="71">
        <v>441</v>
      </c>
      <c r="GM26" s="71">
        <v>272</v>
      </c>
      <c r="GN26" s="71">
        <v>334</v>
      </c>
      <c r="GO26" s="71">
        <v>223</v>
      </c>
      <c r="GP26" s="72">
        <v>1785</v>
      </c>
      <c r="GQ26" s="73">
        <v>2481</v>
      </c>
      <c r="GR26" s="126">
        <v>493</v>
      </c>
      <c r="GS26" s="82">
        <v>527</v>
      </c>
      <c r="GT26" s="83">
        <v>1020</v>
      </c>
      <c r="GU26" s="273"/>
      <c r="GV26" s="82">
        <v>821</v>
      </c>
      <c r="GW26" s="82">
        <v>701</v>
      </c>
      <c r="GX26" s="82">
        <v>448</v>
      </c>
      <c r="GY26" s="82">
        <v>495</v>
      </c>
      <c r="GZ26" s="82">
        <v>298</v>
      </c>
      <c r="HA26" s="84">
        <v>2763</v>
      </c>
      <c r="HB26" s="85">
        <v>3783</v>
      </c>
      <c r="HC26" s="70">
        <v>13</v>
      </c>
      <c r="HD26" s="71">
        <v>33</v>
      </c>
      <c r="HE26" s="72">
        <v>46</v>
      </c>
      <c r="HF26" s="276"/>
      <c r="HG26" s="71">
        <v>20</v>
      </c>
      <c r="HH26" s="71">
        <v>21</v>
      </c>
      <c r="HI26" s="71">
        <v>14</v>
      </c>
      <c r="HJ26" s="71">
        <v>18</v>
      </c>
      <c r="HK26" s="71">
        <v>3</v>
      </c>
      <c r="HL26" s="72">
        <v>76</v>
      </c>
      <c r="HM26" s="73">
        <v>122</v>
      </c>
      <c r="HN26" s="70">
        <v>53</v>
      </c>
      <c r="HO26" s="71">
        <v>46</v>
      </c>
      <c r="HP26" s="72">
        <v>99</v>
      </c>
      <c r="HQ26" s="276"/>
      <c r="HR26" s="71">
        <v>62</v>
      </c>
      <c r="HS26" s="71">
        <v>76</v>
      </c>
      <c r="HT26" s="71">
        <v>42</v>
      </c>
      <c r="HU26" s="71">
        <v>47</v>
      </c>
      <c r="HV26" s="71">
        <v>27</v>
      </c>
      <c r="HW26" s="72">
        <v>254</v>
      </c>
      <c r="HX26" s="73">
        <v>353</v>
      </c>
      <c r="HY26" s="70">
        <v>94</v>
      </c>
      <c r="HZ26" s="71">
        <v>103</v>
      </c>
      <c r="IA26" s="72">
        <v>197</v>
      </c>
      <c r="IB26" s="276"/>
      <c r="IC26" s="71">
        <v>151</v>
      </c>
      <c r="ID26" s="71">
        <v>119</v>
      </c>
      <c r="IE26" s="71">
        <v>54</v>
      </c>
      <c r="IF26" s="71">
        <v>56</v>
      </c>
      <c r="IG26" s="71">
        <v>58</v>
      </c>
      <c r="IH26" s="72">
        <v>438</v>
      </c>
      <c r="II26" s="73">
        <v>635</v>
      </c>
      <c r="IJ26" s="70">
        <v>174</v>
      </c>
      <c r="IK26" s="71">
        <v>144</v>
      </c>
      <c r="IL26" s="72">
        <v>318</v>
      </c>
      <c r="IM26" s="276"/>
      <c r="IN26" s="71">
        <v>235</v>
      </c>
      <c r="IO26" s="71">
        <v>169</v>
      </c>
      <c r="IP26" s="71">
        <v>114</v>
      </c>
      <c r="IQ26" s="71">
        <v>120</v>
      </c>
      <c r="IR26" s="71">
        <v>66</v>
      </c>
      <c r="IS26" s="72">
        <v>704</v>
      </c>
      <c r="IT26" s="73">
        <v>1022</v>
      </c>
      <c r="IU26" s="70">
        <v>122</v>
      </c>
      <c r="IV26" s="71">
        <v>140</v>
      </c>
      <c r="IW26" s="72">
        <v>262</v>
      </c>
      <c r="IX26" s="276"/>
      <c r="IY26" s="71">
        <v>223</v>
      </c>
      <c r="IZ26" s="71">
        <v>174</v>
      </c>
      <c r="JA26" s="71">
        <v>123</v>
      </c>
      <c r="JB26" s="71">
        <v>109</v>
      </c>
      <c r="JC26" s="71">
        <v>66</v>
      </c>
      <c r="JD26" s="72">
        <v>695</v>
      </c>
      <c r="JE26" s="73">
        <v>957</v>
      </c>
      <c r="JF26" s="70">
        <v>37</v>
      </c>
      <c r="JG26" s="71">
        <v>61</v>
      </c>
      <c r="JH26" s="72">
        <v>98</v>
      </c>
      <c r="JI26" s="276"/>
      <c r="JJ26" s="71">
        <v>130</v>
      </c>
      <c r="JK26" s="71">
        <v>142</v>
      </c>
      <c r="JL26" s="71">
        <v>101</v>
      </c>
      <c r="JM26" s="71">
        <v>145</v>
      </c>
      <c r="JN26" s="71">
        <v>78</v>
      </c>
      <c r="JO26" s="72">
        <v>596</v>
      </c>
      <c r="JP26" s="73">
        <v>694</v>
      </c>
      <c r="JQ26" s="70">
        <v>12</v>
      </c>
      <c r="JR26" s="71">
        <v>16</v>
      </c>
      <c r="JS26" s="72">
        <v>28</v>
      </c>
      <c r="JT26" s="276"/>
      <c r="JU26" s="71">
        <v>9</v>
      </c>
      <c r="JV26" s="71">
        <v>19</v>
      </c>
      <c r="JW26" s="71">
        <v>7</v>
      </c>
      <c r="JX26" s="71">
        <v>10</v>
      </c>
      <c r="JY26" s="71">
        <v>14</v>
      </c>
      <c r="JZ26" s="72">
        <v>59</v>
      </c>
      <c r="KA26" s="73">
        <v>87</v>
      </c>
      <c r="KB26" s="70">
        <v>505</v>
      </c>
      <c r="KC26" s="71">
        <v>543</v>
      </c>
      <c r="KD26" s="72">
        <v>1048</v>
      </c>
      <c r="KE26" s="276"/>
      <c r="KF26" s="71">
        <v>830</v>
      </c>
      <c r="KG26" s="71">
        <v>720</v>
      </c>
      <c r="KH26" s="71">
        <v>455</v>
      </c>
      <c r="KI26" s="71">
        <v>505</v>
      </c>
      <c r="KJ26" s="71">
        <v>312</v>
      </c>
      <c r="KK26" s="72">
        <v>2822</v>
      </c>
      <c r="KL26" s="73">
        <v>3870</v>
      </c>
    </row>
    <row r="27" spans="1:298" ht="19.5" customHeight="1" x14ac:dyDescent="0.2">
      <c r="A27" s="129" t="s">
        <v>24</v>
      </c>
      <c r="B27" s="350">
        <v>102</v>
      </c>
      <c r="C27" s="82">
        <v>68</v>
      </c>
      <c r="D27" s="83">
        <v>170</v>
      </c>
      <c r="E27" s="273"/>
      <c r="F27" s="82">
        <v>155</v>
      </c>
      <c r="G27" s="82">
        <v>88</v>
      </c>
      <c r="H27" s="82">
        <v>69</v>
      </c>
      <c r="I27" s="82">
        <v>61</v>
      </c>
      <c r="J27" s="82">
        <v>48</v>
      </c>
      <c r="K27" s="84">
        <v>421</v>
      </c>
      <c r="L27" s="85">
        <v>591</v>
      </c>
      <c r="M27" s="70">
        <v>2</v>
      </c>
      <c r="N27" s="71">
        <v>1</v>
      </c>
      <c r="O27" s="72">
        <v>3</v>
      </c>
      <c r="P27" s="276"/>
      <c r="Q27" s="71">
        <v>7</v>
      </c>
      <c r="R27" s="71">
        <v>3</v>
      </c>
      <c r="S27" s="71">
        <v>4</v>
      </c>
      <c r="T27" s="71">
        <v>0</v>
      </c>
      <c r="U27" s="71">
        <v>5</v>
      </c>
      <c r="V27" s="72">
        <v>19</v>
      </c>
      <c r="W27" s="73">
        <v>22</v>
      </c>
      <c r="X27" s="70">
        <v>8</v>
      </c>
      <c r="Y27" s="71">
        <v>6</v>
      </c>
      <c r="Z27" s="72">
        <v>14</v>
      </c>
      <c r="AA27" s="276">
        <v>0</v>
      </c>
      <c r="AB27" s="71">
        <v>10</v>
      </c>
      <c r="AC27" s="71">
        <v>9</v>
      </c>
      <c r="AD27" s="71">
        <v>5</v>
      </c>
      <c r="AE27" s="71">
        <v>6</v>
      </c>
      <c r="AF27" s="71">
        <v>5</v>
      </c>
      <c r="AG27" s="72">
        <v>35</v>
      </c>
      <c r="AH27" s="73">
        <v>49</v>
      </c>
      <c r="AI27" s="70">
        <v>12</v>
      </c>
      <c r="AJ27" s="71">
        <v>8</v>
      </c>
      <c r="AK27" s="72">
        <v>20</v>
      </c>
      <c r="AL27" s="276"/>
      <c r="AM27" s="71">
        <v>23</v>
      </c>
      <c r="AN27" s="71">
        <v>13</v>
      </c>
      <c r="AO27" s="71">
        <v>8</v>
      </c>
      <c r="AP27" s="71">
        <v>6</v>
      </c>
      <c r="AQ27" s="71">
        <v>7</v>
      </c>
      <c r="AR27" s="72">
        <v>57</v>
      </c>
      <c r="AS27" s="73">
        <v>77</v>
      </c>
      <c r="AT27" s="70">
        <v>20</v>
      </c>
      <c r="AU27" s="71">
        <v>16</v>
      </c>
      <c r="AV27" s="72">
        <v>36</v>
      </c>
      <c r="AW27" s="276"/>
      <c r="AX27" s="71">
        <v>37</v>
      </c>
      <c r="AY27" s="71">
        <v>17</v>
      </c>
      <c r="AZ27" s="71">
        <v>11</v>
      </c>
      <c r="BA27" s="71">
        <v>12</v>
      </c>
      <c r="BB27" s="71">
        <v>12</v>
      </c>
      <c r="BC27" s="72">
        <v>89</v>
      </c>
      <c r="BD27" s="73">
        <v>125</v>
      </c>
      <c r="BE27" s="70">
        <v>35</v>
      </c>
      <c r="BF27" s="71">
        <v>20</v>
      </c>
      <c r="BG27" s="72">
        <v>55</v>
      </c>
      <c r="BH27" s="276"/>
      <c r="BI27" s="71">
        <v>40</v>
      </c>
      <c r="BJ27" s="71">
        <v>31</v>
      </c>
      <c r="BK27" s="71">
        <v>20</v>
      </c>
      <c r="BL27" s="71">
        <v>19</v>
      </c>
      <c r="BM27" s="71">
        <v>12</v>
      </c>
      <c r="BN27" s="72">
        <v>122</v>
      </c>
      <c r="BO27" s="73">
        <v>177</v>
      </c>
      <c r="BP27" s="70">
        <v>25</v>
      </c>
      <c r="BQ27" s="71">
        <v>17</v>
      </c>
      <c r="BR27" s="72">
        <v>42</v>
      </c>
      <c r="BS27" s="276"/>
      <c r="BT27" s="71">
        <v>38</v>
      </c>
      <c r="BU27" s="71">
        <v>15</v>
      </c>
      <c r="BV27" s="71">
        <v>21</v>
      </c>
      <c r="BW27" s="71">
        <v>18</v>
      </c>
      <c r="BX27" s="71">
        <v>7</v>
      </c>
      <c r="BY27" s="72">
        <v>99</v>
      </c>
      <c r="BZ27" s="73">
        <v>141</v>
      </c>
      <c r="CA27" s="70">
        <v>7</v>
      </c>
      <c r="CB27" s="71">
        <v>4</v>
      </c>
      <c r="CC27" s="72">
        <v>11</v>
      </c>
      <c r="CD27" s="276"/>
      <c r="CE27" s="71">
        <v>2</v>
      </c>
      <c r="CF27" s="71">
        <v>7</v>
      </c>
      <c r="CG27" s="71">
        <v>0</v>
      </c>
      <c r="CH27" s="71">
        <v>2</v>
      </c>
      <c r="CI27" s="71">
        <v>0</v>
      </c>
      <c r="CJ27" s="72">
        <v>11</v>
      </c>
      <c r="CK27" s="73">
        <v>22</v>
      </c>
      <c r="CL27" s="70">
        <v>109</v>
      </c>
      <c r="CM27" s="71">
        <v>72</v>
      </c>
      <c r="CN27" s="72">
        <v>181</v>
      </c>
      <c r="CO27" s="276"/>
      <c r="CP27" s="71">
        <v>157</v>
      </c>
      <c r="CQ27" s="71">
        <v>95</v>
      </c>
      <c r="CR27" s="71">
        <v>69</v>
      </c>
      <c r="CS27" s="71">
        <v>63</v>
      </c>
      <c r="CT27" s="71">
        <v>48</v>
      </c>
      <c r="CU27" s="72">
        <v>432</v>
      </c>
      <c r="CV27" s="73">
        <v>613</v>
      </c>
      <c r="CW27" s="126">
        <v>215</v>
      </c>
      <c r="CX27" s="82">
        <v>145</v>
      </c>
      <c r="CY27" s="83">
        <v>360</v>
      </c>
      <c r="CZ27" s="273"/>
      <c r="DA27" s="82">
        <v>290</v>
      </c>
      <c r="DB27" s="82">
        <v>176</v>
      </c>
      <c r="DC27" s="82">
        <v>164</v>
      </c>
      <c r="DD27" s="82">
        <v>164</v>
      </c>
      <c r="DE27" s="82">
        <v>111</v>
      </c>
      <c r="DF27" s="84">
        <v>905</v>
      </c>
      <c r="DG27" s="85">
        <v>1265</v>
      </c>
      <c r="DH27" s="70">
        <v>5</v>
      </c>
      <c r="DI27" s="71">
        <v>1</v>
      </c>
      <c r="DJ27" s="72">
        <v>6</v>
      </c>
      <c r="DK27" s="276"/>
      <c r="DL27" s="71">
        <v>3</v>
      </c>
      <c r="DM27" s="71">
        <v>3</v>
      </c>
      <c r="DN27" s="71">
        <v>3</v>
      </c>
      <c r="DO27" s="71">
        <v>0</v>
      </c>
      <c r="DP27" s="71">
        <v>3</v>
      </c>
      <c r="DQ27" s="72">
        <v>12</v>
      </c>
      <c r="DR27" s="73">
        <v>18</v>
      </c>
      <c r="DS27" s="70">
        <v>16</v>
      </c>
      <c r="DT27" s="71">
        <v>7</v>
      </c>
      <c r="DU27" s="72">
        <v>23</v>
      </c>
      <c r="DV27" s="276"/>
      <c r="DW27" s="71">
        <v>8</v>
      </c>
      <c r="DX27" s="71">
        <v>7</v>
      </c>
      <c r="DY27" s="71">
        <v>7</v>
      </c>
      <c r="DZ27" s="71">
        <v>7</v>
      </c>
      <c r="EA27" s="71">
        <v>1</v>
      </c>
      <c r="EB27" s="72">
        <v>30</v>
      </c>
      <c r="EC27" s="73">
        <v>53</v>
      </c>
      <c r="ED27" s="70">
        <v>25</v>
      </c>
      <c r="EE27" s="71">
        <v>19</v>
      </c>
      <c r="EF27" s="72">
        <v>44</v>
      </c>
      <c r="EG27" s="276"/>
      <c r="EH27" s="71">
        <v>31</v>
      </c>
      <c r="EI27" s="71">
        <v>17</v>
      </c>
      <c r="EJ27" s="71">
        <v>11</v>
      </c>
      <c r="EK27" s="71">
        <v>10</v>
      </c>
      <c r="EL27" s="71">
        <v>2</v>
      </c>
      <c r="EM27" s="72">
        <v>71</v>
      </c>
      <c r="EN27" s="73">
        <v>115</v>
      </c>
      <c r="EO27" s="70">
        <v>57</v>
      </c>
      <c r="EP27" s="71">
        <v>30</v>
      </c>
      <c r="EQ27" s="72">
        <v>87</v>
      </c>
      <c r="ER27" s="276"/>
      <c r="ES27" s="71">
        <v>72</v>
      </c>
      <c r="ET27" s="71">
        <v>31</v>
      </c>
      <c r="EU27" s="71">
        <v>19</v>
      </c>
      <c r="EV27" s="71">
        <v>22</v>
      </c>
      <c r="EW27" s="71">
        <v>22</v>
      </c>
      <c r="EX27" s="72">
        <v>166</v>
      </c>
      <c r="EY27" s="73">
        <v>253</v>
      </c>
      <c r="EZ27" s="70">
        <v>62</v>
      </c>
      <c r="FA27" s="71">
        <v>58</v>
      </c>
      <c r="FB27" s="72">
        <v>120</v>
      </c>
      <c r="FC27" s="276"/>
      <c r="FD27" s="71">
        <v>87</v>
      </c>
      <c r="FE27" s="71">
        <v>54</v>
      </c>
      <c r="FF27" s="71">
        <v>49</v>
      </c>
      <c r="FG27" s="71">
        <v>37</v>
      </c>
      <c r="FH27" s="71">
        <v>25</v>
      </c>
      <c r="FI27" s="72">
        <v>252</v>
      </c>
      <c r="FJ27" s="73">
        <v>372</v>
      </c>
      <c r="FK27" s="70">
        <v>50</v>
      </c>
      <c r="FL27" s="71">
        <v>30</v>
      </c>
      <c r="FM27" s="72">
        <v>80</v>
      </c>
      <c r="FN27" s="276"/>
      <c r="FO27" s="71">
        <v>89</v>
      </c>
      <c r="FP27" s="71">
        <v>64</v>
      </c>
      <c r="FQ27" s="71">
        <v>75</v>
      </c>
      <c r="FR27" s="71">
        <v>88</v>
      </c>
      <c r="FS27" s="71">
        <v>58</v>
      </c>
      <c r="FT27" s="72">
        <v>374</v>
      </c>
      <c r="FU27" s="73">
        <v>454</v>
      </c>
      <c r="FV27" s="70">
        <v>3</v>
      </c>
      <c r="FW27" s="71">
        <v>2</v>
      </c>
      <c r="FX27" s="72">
        <v>5</v>
      </c>
      <c r="FY27" s="276"/>
      <c r="FZ27" s="71">
        <v>2</v>
      </c>
      <c r="GA27" s="71">
        <v>4</v>
      </c>
      <c r="GB27" s="71">
        <v>1</v>
      </c>
      <c r="GC27" s="71">
        <v>1</v>
      </c>
      <c r="GD27" s="71">
        <v>1</v>
      </c>
      <c r="GE27" s="72">
        <v>9</v>
      </c>
      <c r="GF27" s="73">
        <v>14</v>
      </c>
      <c r="GG27" s="70">
        <v>218</v>
      </c>
      <c r="GH27" s="71">
        <v>147</v>
      </c>
      <c r="GI27" s="72">
        <v>365</v>
      </c>
      <c r="GJ27" s="276"/>
      <c r="GK27" s="71">
        <v>292</v>
      </c>
      <c r="GL27" s="71">
        <v>180</v>
      </c>
      <c r="GM27" s="71">
        <v>165</v>
      </c>
      <c r="GN27" s="71">
        <v>165</v>
      </c>
      <c r="GO27" s="71">
        <v>112</v>
      </c>
      <c r="GP27" s="72">
        <v>914</v>
      </c>
      <c r="GQ27" s="73">
        <v>1279</v>
      </c>
      <c r="GR27" s="126">
        <v>317</v>
      </c>
      <c r="GS27" s="82">
        <v>213</v>
      </c>
      <c r="GT27" s="83">
        <v>530</v>
      </c>
      <c r="GU27" s="273"/>
      <c r="GV27" s="82">
        <v>445</v>
      </c>
      <c r="GW27" s="82">
        <v>264</v>
      </c>
      <c r="GX27" s="82">
        <v>233</v>
      </c>
      <c r="GY27" s="82">
        <v>225</v>
      </c>
      <c r="GZ27" s="82">
        <v>159</v>
      </c>
      <c r="HA27" s="84">
        <v>1326</v>
      </c>
      <c r="HB27" s="85">
        <v>1856</v>
      </c>
      <c r="HC27" s="70">
        <v>7</v>
      </c>
      <c r="HD27" s="71">
        <v>2</v>
      </c>
      <c r="HE27" s="72">
        <v>9</v>
      </c>
      <c r="HF27" s="276"/>
      <c r="HG27" s="71">
        <v>10</v>
      </c>
      <c r="HH27" s="71">
        <v>6</v>
      </c>
      <c r="HI27" s="71">
        <v>7</v>
      </c>
      <c r="HJ27" s="71">
        <v>0</v>
      </c>
      <c r="HK27" s="71">
        <v>8</v>
      </c>
      <c r="HL27" s="72">
        <v>31</v>
      </c>
      <c r="HM27" s="73">
        <v>40</v>
      </c>
      <c r="HN27" s="70">
        <v>24</v>
      </c>
      <c r="HO27" s="71">
        <v>13</v>
      </c>
      <c r="HP27" s="72">
        <v>37</v>
      </c>
      <c r="HQ27" s="276"/>
      <c r="HR27" s="71">
        <v>18</v>
      </c>
      <c r="HS27" s="71">
        <v>16</v>
      </c>
      <c r="HT27" s="71">
        <v>12</v>
      </c>
      <c r="HU27" s="71">
        <v>13</v>
      </c>
      <c r="HV27" s="71">
        <v>6</v>
      </c>
      <c r="HW27" s="72">
        <v>65</v>
      </c>
      <c r="HX27" s="73">
        <v>102</v>
      </c>
      <c r="HY27" s="70">
        <v>37</v>
      </c>
      <c r="HZ27" s="71">
        <v>27</v>
      </c>
      <c r="IA27" s="72">
        <v>64</v>
      </c>
      <c r="IB27" s="276"/>
      <c r="IC27" s="71">
        <v>54</v>
      </c>
      <c r="ID27" s="71">
        <v>30</v>
      </c>
      <c r="IE27" s="71">
        <v>19</v>
      </c>
      <c r="IF27" s="71">
        <v>16</v>
      </c>
      <c r="IG27" s="71">
        <v>9</v>
      </c>
      <c r="IH27" s="72">
        <v>128</v>
      </c>
      <c r="II27" s="73">
        <v>192</v>
      </c>
      <c r="IJ27" s="70">
        <v>77</v>
      </c>
      <c r="IK27" s="71">
        <v>46</v>
      </c>
      <c r="IL27" s="72">
        <v>123</v>
      </c>
      <c r="IM27" s="276"/>
      <c r="IN27" s="71">
        <v>109</v>
      </c>
      <c r="IO27" s="71">
        <v>48</v>
      </c>
      <c r="IP27" s="71">
        <v>30</v>
      </c>
      <c r="IQ27" s="71">
        <v>34</v>
      </c>
      <c r="IR27" s="71">
        <v>34</v>
      </c>
      <c r="IS27" s="72">
        <v>255</v>
      </c>
      <c r="IT27" s="73">
        <v>378</v>
      </c>
      <c r="IU27" s="70">
        <v>97</v>
      </c>
      <c r="IV27" s="71">
        <v>78</v>
      </c>
      <c r="IW27" s="72">
        <v>175</v>
      </c>
      <c r="IX27" s="276"/>
      <c r="IY27" s="71">
        <v>127</v>
      </c>
      <c r="IZ27" s="71">
        <v>85</v>
      </c>
      <c r="JA27" s="71">
        <v>69</v>
      </c>
      <c r="JB27" s="71">
        <v>56</v>
      </c>
      <c r="JC27" s="71">
        <v>37</v>
      </c>
      <c r="JD27" s="72">
        <v>374</v>
      </c>
      <c r="JE27" s="73">
        <v>549</v>
      </c>
      <c r="JF27" s="70">
        <v>75</v>
      </c>
      <c r="JG27" s="71">
        <v>47</v>
      </c>
      <c r="JH27" s="72">
        <v>122</v>
      </c>
      <c r="JI27" s="276"/>
      <c r="JJ27" s="71">
        <v>127</v>
      </c>
      <c r="JK27" s="71">
        <v>79</v>
      </c>
      <c r="JL27" s="71">
        <v>96</v>
      </c>
      <c r="JM27" s="71">
        <v>106</v>
      </c>
      <c r="JN27" s="71">
        <v>65</v>
      </c>
      <c r="JO27" s="72">
        <v>473</v>
      </c>
      <c r="JP27" s="73">
        <v>595</v>
      </c>
      <c r="JQ27" s="70">
        <v>10</v>
      </c>
      <c r="JR27" s="71">
        <v>6</v>
      </c>
      <c r="JS27" s="72">
        <v>16</v>
      </c>
      <c r="JT27" s="276"/>
      <c r="JU27" s="71">
        <v>4</v>
      </c>
      <c r="JV27" s="71">
        <v>11</v>
      </c>
      <c r="JW27" s="71">
        <v>1</v>
      </c>
      <c r="JX27" s="71">
        <v>3</v>
      </c>
      <c r="JY27" s="71">
        <v>1</v>
      </c>
      <c r="JZ27" s="72">
        <v>20</v>
      </c>
      <c r="KA27" s="73">
        <v>36</v>
      </c>
      <c r="KB27" s="70">
        <v>327</v>
      </c>
      <c r="KC27" s="71">
        <v>219</v>
      </c>
      <c r="KD27" s="72">
        <v>546</v>
      </c>
      <c r="KE27" s="276"/>
      <c r="KF27" s="71">
        <v>449</v>
      </c>
      <c r="KG27" s="71">
        <v>275</v>
      </c>
      <c r="KH27" s="71">
        <v>234</v>
      </c>
      <c r="KI27" s="71">
        <v>228</v>
      </c>
      <c r="KJ27" s="71">
        <v>160</v>
      </c>
      <c r="KK27" s="72">
        <v>1346</v>
      </c>
      <c r="KL27" s="73">
        <v>1892</v>
      </c>
    </row>
    <row r="28" spans="1:298" ht="19.5" customHeight="1" x14ac:dyDescent="0.2">
      <c r="A28" s="129" t="s">
        <v>25</v>
      </c>
      <c r="B28" s="350">
        <v>83</v>
      </c>
      <c r="C28" s="82">
        <v>94</v>
      </c>
      <c r="D28" s="83">
        <v>177</v>
      </c>
      <c r="E28" s="273"/>
      <c r="F28" s="82">
        <v>211</v>
      </c>
      <c r="G28" s="82">
        <v>113</v>
      </c>
      <c r="H28" s="82">
        <v>101</v>
      </c>
      <c r="I28" s="82">
        <v>114</v>
      </c>
      <c r="J28" s="82">
        <v>49</v>
      </c>
      <c r="K28" s="84">
        <v>588</v>
      </c>
      <c r="L28" s="85">
        <v>765</v>
      </c>
      <c r="M28" s="70">
        <v>1</v>
      </c>
      <c r="N28" s="71">
        <v>5</v>
      </c>
      <c r="O28" s="72">
        <v>6</v>
      </c>
      <c r="P28" s="276"/>
      <c r="Q28" s="71">
        <v>9</v>
      </c>
      <c r="R28" s="71">
        <v>6</v>
      </c>
      <c r="S28" s="71">
        <v>2</v>
      </c>
      <c r="T28" s="71">
        <v>5</v>
      </c>
      <c r="U28" s="71">
        <v>2</v>
      </c>
      <c r="V28" s="72">
        <v>24</v>
      </c>
      <c r="W28" s="73">
        <v>30</v>
      </c>
      <c r="X28" s="70">
        <v>7</v>
      </c>
      <c r="Y28" s="71">
        <v>13</v>
      </c>
      <c r="Z28" s="72">
        <v>20</v>
      </c>
      <c r="AA28" s="276">
        <v>0</v>
      </c>
      <c r="AB28" s="71">
        <v>20</v>
      </c>
      <c r="AC28" s="71">
        <v>18</v>
      </c>
      <c r="AD28" s="71">
        <v>10</v>
      </c>
      <c r="AE28" s="71">
        <v>12</v>
      </c>
      <c r="AF28" s="71">
        <v>6</v>
      </c>
      <c r="AG28" s="72">
        <v>66</v>
      </c>
      <c r="AH28" s="73">
        <v>86</v>
      </c>
      <c r="AI28" s="70">
        <v>17</v>
      </c>
      <c r="AJ28" s="71">
        <v>23</v>
      </c>
      <c r="AK28" s="72">
        <v>40</v>
      </c>
      <c r="AL28" s="276"/>
      <c r="AM28" s="71">
        <v>36</v>
      </c>
      <c r="AN28" s="71">
        <v>18</v>
      </c>
      <c r="AO28" s="71">
        <v>16</v>
      </c>
      <c r="AP28" s="71">
        <v>25</v>
      </c>
      <c r="AQ28" s="71">
        <v>11</v>
      </c>
      <c r="AR28" s="72">
        <v>106</v>
      </c>
      <c r="AS28" s="73">
        <v>146</v>
      </c>
      <c r="AT28" s="70">
        <v>26</v>
      </c>
      <c r="AU28" s="71">
        <v>28</v>
      </c>
      <c r="AV28" s="72">
        <v>54</v>
      </c>
      <c r="AW28" s="276"/>
      <c r="AX28" s="71">
        <v>63</v>
      </c>
      <c r="AY28" s="71">
        <v>35</v>
      </c>
      <c r="AZ28" s="71">
        <v>32</v>
      </c>
      <c r="BA28" s="71">
        <v>31</v>
      </c>
      <c r="BB28" s="71">
        <v>12</v>
      </c>
      <c r="BC28" s="72">
        <v>173</v>
      </c>
      <c r="BD28" s="73">
        <v>227</v>
      </c>
      <c r="BE28" s="70">
        <v>22</v>
      </c>
      <c r="BF28" s="71">
        <v>14</v>
      </c>
      <c r="BG28" s="72">
        <v>36</v>
      </c>
      <c r="BH28" s="276"/>
      <c r="BI28" s="71">
        <v>54</v>
      </c>
      <c r="BJ28" s="71">
        <v>28</v>
      </c>
      <c r="BK28" s="71">
        <v>25</v>
      </c>
      <c r="BL28" s="71">
        <v>22</v>
      </c>
      <c r="BM28" s="71">
        <v>11</v>
      </c>
      <c r="BN28" s="72">
        <v>140</v>
      </c>
      <c r="BO28" s="73">
        <v>176</v>
      </c>
      <c r="BP28" s="70">
        <v>10</v>
      </c>
      <c r="BQ28" s="71">
        <v>11</v>
      </c>
      <c r="BR28" s="72">
        <v>21</v>
      </c>
      <c r="BS28" s="276"/>
      <c r="BT28" s="71">
        <v>29</v>
      </c>
      <c r="BU28" s="71">
        <v>8</v>
      </c>
      <c r="BV28" s="71">
        <v>16</v>
      </c>
      <c r="BW28" s="71">
        <v>19</v>
      </c>
      <c r="BX28" s="71">
        <v>7</v>
      </c>
      <c r="BY28" s="72">
        <v>79</v>
      </c>
      <c r="BZ28" s="73">
        <v>100</v>
      </c>
      <c r="CA28" s="70">
        <v>3</v>
      </c>
      <c r="CB28" s="71">
        <v>3</v>
      </c>
      <c r="CC28" s="72">
        <v>6</v>
      </c>
      <c r="CD28" s="276"/>
      <c r="CE28" s="71">
        <v>3</v>
      </c>
      <c r="CF28" s="71">
        <v>9</v>
      </c>
      <c r="CG28" s="71">
        <v>2</v>
      </c>
      <c r="CH28" s="71">
        <v>3</v>
      </c>
      <c r="CI28" s="71">
        <v>2</v>
      </c>
      <c r="CJ28" s="72">
        <v>19</v>
      </c>
      <c r="CK28" s="73">
        <v>25</v>
      </c>
      <c r="CL28" s="70">
        <v>86</v>
      </c>
      <c r="CM28" s="71">
        <v>97</v>
      </c>
      <c r="CN28" s="72">
        <v>183</v>
      </c>
      <c r="CO28" s="276"/>
      <c r="CP28" s="71">
        <v>214</v>
      </c>
      <c r="CQ28" s="71">
        <v>122</v>
      </c>
      <c r="CR28" s="71">
        <v>103</v>
      </c>
      <c r="CS28" s="71">
        <v>117</v>
      </c>
      <c r="CT28" s="71">
        <v>51</v>
      </c>
      <c r="CU28" s="72">
        <v>607</v>
      </c>
      <c r="CV28" s="73">
        <v>790</v>
      </c>
      <c r="CW28" s="126">
        <v>180</v>
      </c>
      <c r="CX28" s="82">
        <v>169</v>
      </c>
      <c r="CY28" s="83">
        <v>349</v>
      </c>
      <c r="CZ28" s="273"/>
      <c r="DA28" s="82">
        <v>322</v>
      </c>
      <c r="DB28" s="82">
        <v>206</v>
      </c>
      <c r="DC28" s="82">
        <v>140</v>
      </c>
      <c r="DD28" s="82">
        <v>202</v>
      </c>
      <c r="DE28" s="82">
        <v>115</v>
      </c>
      <c r="DF28" s="84">
        <v>985</v>
      </c>
      <c r="DG28" s="85">
        <v>1334</v>
      </c>
      <c r="DH28" s="70">
        <v>5</v>
      </c>
      <c r="DI28" s="71">
        <v>8</v>
      </c>
      <c r="DJ28" s="72">
        <v>13</v>
      </c>
      <c r="DK28" s="276"/>
      <c r="DL28" s="71">
        <v>10</v>
      </c>
      <c r="DM28" s="71">
        <v>7</v>
      </c>
      <c r="DN28" s="71">
        <v>3</v>
      </c>
      <c r="DO28" s="71">
        <v>3</v>
      </c>
      <c r="DP28" s="71">
        <v>3</v>
      </c>
      <c r="DQ28" s="72">
        <v>26</v>
      </c>
      <c r="DR28" s="73">
        <v>39</v>
      </c>
      <c r="DS28" s="70">
        <v>18</v>
      </c>
      <c r="DT28" s="71">
        <v>15</v>
      </c>
      <c r="DU28" s="72">
        <v>33</v>
      </c>
      <c r="DV28" s="276"/>
      <c r="DW28" s="71">
        <v>19</v>
      </c>
      <c r="DX28" s="71">
        <v>12</v>
      </c>
      <c r="DY28" s="71">
        <v>17</v>
      </c>
      <c r="DZ28" s="71">
        <v>15</v>
      </c>
      <c r="EA28" s="71">
        <v>8</v>
      </c>
      <c r="EB28" s="72">
        <v>71</v>
      </c>
      <c r="EC28" s="73">
        <v>104</v>
      </c>
      <c r="ED28" s="70">
        <v>41</v>
      </c>
      <c r="EE28" s="71">
        <v>26</v>
      </c>
      <c r="EF28" s="72">
        <v>67</v>
      </c>
      <c r="EG28" s="276"/>
      <c r="EH28" s="71">
        <v>44</v>
      </c>
      <c r="EI28" s="71">
        <v>24</v>
      </c>
      <c r="EJ28" s="71">
        <v>17</v>
      </c>
      <c r="EK28" s="71">
        <v>28</v>
      </c>
      <c r="EL28" s="71">
        <v>16</v>
      </c>
      <c r="EM28" s="72">
        <v>129</v>
      </c>
      <c r="EN28" s="73">
        <v>196</v>
      </c>
      <c r="EO28" s="70">
        <v>49</v>
      </c>
      <c r="EP28" s="71">
        <v>40</v>
      </c>
      <c r="EQ28" s="72">
        <v>89</v>
      </c>
      <c r="ER28" s="276"/>
      <c r="ES28" s="71">
        <v>74</v>
      </c>
      <c r="ET28" s="71">
        <v>51</v>
      </c>
      <c r="EU28" s="71">
        <v>23</v>
      </c>
      <c r="EV28" s="71">
        <v>40</v>
      </c>
      <c r="EW28" s="71">
        <v>16</v>
      </c>
      <c r="EX28" s="72">
        <v>204</v>
      </c>
      <c r="EY28" s="73">
        <v>293</v>
      </c>
      <c r="EZ28" s="70">
        <v>44</v>
      </c>
      <c r="FA28" s="71">
        <v>47</v>
      </c>
      <c r="FB28" s="72">
        <v>91</v>
      </c>
      <c r="FC28" s="276"/>
      <c r="FD28" s="71">
        <v>95</v>
      </c>
      <c r="FE28" s="71">
        <v>52</v>
      </c>
      <c r="FF28" s="71">
        <v>44</v>
      </c>
      <c r="FG28" s="71">
        <v>53</v>
      </c>
      <c r="FH28" s="71">
        <v>37</v>
      </c>
      <c r="FI28" s="72">
        <v>281</v>
      </c>
      <c r="FJ28" s="73">
        <v>372</v>
      </c>
      <c r="FK28" s="70">
        <v>23</v>
      </c>
      <c r="FL28" s="71">
        <v>33</v>
      </c>
      <c r="FM28" s="72">
        <v>56</v>
      </c>
      <c r="FN28" s="276"/>
      <c r="FO28" s="71">
        <v>80</v>
      </c>
      <c r="FP28" s="71">
        <v>60</v>
      </c>
      <c r="FQ28" s="71">
        <v>36</v>
      </c>
      <c r="FR28" s="71">
        <v>63</v>
      </c>
      <c r="FS28" s="71">
        <v>35</v>
      </c>
      <c r="FT28" s="72">
        <v>274</v>
      </c>
      <c r="FU28" s="73">
        <v>330</v>
      </c>
      <c r="FV28" s="70">
        <v>1</v>
      </c>
      <c r="FW28" s="71">
        <v>5</v>
      </c>
      <c r="FX28" s="72">
        <v>6</v>
      </c>
      <c r="FY28" s="276"/>
      <c r="FZ28" s="71">
        <v>4</v>
      </c>
      <c r="GA28" s="71">
        <v>3</v>
      </c>
      <c r="GB28" s="71">
        <v>3</v>
      </c>
      <c r="GC28" s="71">
        <v>3</v>
      </c>
      <c r="GD28" s="71">
        <v>7</v>
      </c>
      <c r="GE28" s="72">
        <v>20</v>
      </c>
      <c r="GF28" s="73">
        <v>26</v>
      </c>
      <c r="GG28" s="70">
        <v>181</v>
      </c>
      <c r="GH28" s="71">
        <v>174</v>
      </c>
      <c r="GI28" s="72">
        <v>355</v>
      </c>
      <c r="GJ28" s="276"/>
      <c r="GK28" s="71">
        <v>326</v>
      </c>
      <c r="GL28" s="71">
        <v>209</v>
      </c>
      <c r="GM28" s="71">
        <v>143</v>
      </c>
      <c r="GN28" s="71">
        <v>205</v>
      </c>
      <c r="GO28" s="71">
        <v>122</v>
      </c>
      <c r="GP28" s="72">
        <v>1005</v>
      </c>
      <c r="GQ28" s="73">
        <v>1360</v>
      </c>
      <c r="GR28" s="126">
        <v>263</v>
      </c>
      <c r="GS28" s="82">
        <v>263</v>
      </c>
      <c r="GT28" s="83">
        <v>526</v>
      </c>
      <c r="GU28" s="273"/>
      <c r="GV28" s="82">
        <v>533</v>
      </c>
      <c r="GW28" s="82">
        <v>319</v>
      </c>
      <c r="GX28" s="82">
        <v>241</v>
      </c>
      <c r="GY28" s="82">
        <v>316</v>
      </c>
      <c r="GZ28" s="82">
        <v>164</v>
      </c>
      <c r="HA28" s="84">
        <v>1573</v>
      </c>
      <c r="HB28" s="85">
        <v>2099</v>
      </c>
      <c r="HC28" s="70">
        <v>6</v>
      </c>
      <c r="HD28" s="71">
        <v>13</v>
      </c>
      <c r="HE28" s="72">
        <v>19</v>
      </c>
      <c r="HF28" s="276"/>
      <c r="HG28" s="71">
        <v>19</v>
      </c>
      <c r="HH28" s="71">
        <v>13</v>
      </c>
      <c r="HI28" s="71">
        <v>5</v>
      </c>
      <c r="HJ28" s="71">
        <v>8</v>
      </c>
      <c r="HK28" s="71">
        <v>5</v>
      </c>
      <c r="HL28" s="72">
        <v>50</v>
      </c>
      <c r="HM28" s="73">
        <v>69</v>
      </c>
      <c r="HN28" s="70">
        <v>25</v>
      </c>
      <c r="HO28" s="71">
        <v>28</v>
      </c>
      <c r="HP28" s="72">
        <v>53</v>
      </c>
      <c r="HQ28" s="276"/>
      <c r="HR28" s="71">
        <v>39</v>
      </c>
      <c r="HS28" s="71">
        <v>30</v>
      </c>
      <c r="HT28" s="71">
        <v>27</v>
      </c>
      <c r="HU28" s="71">
        <v>27</v>
      </c>
      <c r="HV28" s="71">
        <v>14</v>
      </c>
      <c r="HW28" s="72">
        <v>137</v>
      </c>
      <c r="HX28" s="73">
        <v>190</v>
      </c>
      <c r="HY28" s="70">
        <v>58</v>
      </c>
      <c r="HZ28" s="71">
        <v>49</v>
      </c>
      <c r="IA28" s="72">
        <v>107</v>
      </c>
      <c r="IB28" s="276"/>
      <c r="IC28" s="71">
        <v>80</v>
      </c>
      <c r="ID28" s="71">
        <v>42</v>
      </c>
      <c r="IE28" s="71">
        <v>33</v>
      </c>
      <c r="IF28" s="71">
        <v>53</v>
      </c>
      <c r="IG28" s="71">
        <v>27</v>
      </c>
      <c r="IH28" s="72">
        <v>235</v>
      </c>
      <c r="II28" s="73">
        <v>342</v>
      </c>
      <c r="IJ28" s="70">
        <v>75</v>
      </c>
      <c r="IK28" s="71">
        <v>68</v>
      </c>
      <c r="IL28" s="72">
        <v>143</v>
      </c>
      <c r="IM28" s="276"/>
      <c r="IN28" s="71">
        <v>137</v>
      </c>
      <c r="IO28" s="71">
        <v>86</v>
      </c>
      <c r="IP28" s="71">
        <v>55</v>
      </c>
      <c r="IQ28" s="71">
        <v>71</v>
      </c>
      <c r="IR28" s="71">
        <v>28</v>
      </c>
      <c r="IS28" s="72">
        <v>377</v>
      </c>
      <c r="IT28" s="73">
        <v>520</v>
      </c>
      <c r="IU28" s="70">
        <v>66</v>
      </c>
      <c r="IV28" s="71">
        <v>61</v>
      </c>
      <c r="IW28" s="72">
        <v>127</v>
      </c>
      <c r="IX28" s="276"/>
      <c r="IY28" s="71">
        <v>149</v>
      </c>
      <c r="IZ28" s="71">
        <v>80</v>
      </c>
      <c r="JA28" s="71">
        <v>69</v>
      </c>
      <c r="JB28" s="71">
        <v>75</v>
      </c>
      <c r="JC28" s="71">
        <v>48</v>
      </c>
      <c r="JD28" s="72">
        <v>421</v>
      </c>
      <c r="JE28" s="73">
        <v>548</v>
      </c>
      <c r="JF28" s="70">
        <v>33</v>
      </c>
      <c r="JG28" s="71">
        <v>44</v>
      </c>
      <c r="JH28" s="72">
        <v>77</v>
      </c>
      <c r="JI28" s="276"/>
      <c r="JJ28" s="71">
        <v>109</v>
      </c>
      <c r="JK28" s="71">
        <v>68</v>
      </c>
      <c r="JL28" s="71">
        <v>52</v>
      </c>
      <c r="JM28" s="71">
        <v>82</v>
      </c>
      <c r="JN28" s="71">
        <v>42</v>
      </c>
      <c r="JO28" s="72">
        <v>353</v>
      </c>
      <c r="JP28" s="73">
        <v>430</v>
      </c>
      <c r="JQ28" s="70">
        <v>4</v>
      </c>
      <c r="JR28" s="71">
        <v>8</v>
      </c>
      <c r="JS28" s="72">
        <v>12</v>
      </c>
      <c r="JT28" s="276"/>
      <c r="JU28" s="71">
        <v>7</v>
      </c>
      <c r="JV28" s="71">
        <v>12</v>
      </c>
      <c r="JW28" s="71">
        <v>5</v>
      </c>
      <c r="JX28" s="71">
        <v>6</v>
      </c>
      <c r="JY28" s="71">
        <v>9</v>
      </c>
      <c r="JZ28" s="72">
        <v>39</v>
      </c>
      <c r="KA28" s="73">
        <v>51</v>
      </c>
      <c r="KB28" s="70">
        <v>267</v>
      </c>
      <c r="KC28" s="71">
        <v>271</v>
      </c>
      <c r="KD28" s="72">
        <v>538</v>
      </c>
      <c r="KE28" s="276"/>
      <c r="KF28" s="71">
        <v>540</v>
      </c>
      <c r="KG28" s="71">
        <v>331</v>
      </c>
      <c r="KH28" s="71">
        <v>246</v>
      </c>
      <c r="KI28" s="71">
        <v>322</v>
      </c>
      <c r="KJ28" s="71">
        <v>173</v>
      </c>
      <c r="KK28" s="72">
        <v>1612</v>
      </c>
      <c r="KL28" s="73">
        <v>2150</v>
      </c>
    </row>
    <row r="29" spans="1:298" ht="19.5" customHeight="1" x14ac:dyDescent="0.2">
      <c r="A29" s="129" t="s">
        <v>26</v>
      </c>
      <c r="B29" s="350">
        <v>97</v>
      </c>
      <c r="C29" s="82">
        <v>60</v>
      </c>
      <c r="D29" s="83">
        <v>157</v>
      </c>
      <c r="E29" s="273"/>
      <c r="F29" s="82">
        <v>145</v>
      </c>
      <c r="G29" s="82">
        <v>107</v>
      </c>
      <c r="H29" s="82">
        <v>94</v>
      </c>
      <c r="I29" s="82">
        <v>62</v>
      </c>
      <c r="J29" s="82">
        <v>33</v>
      </c>
      <c r="K29" s="84">
        <v>441</v>
      </c>
      <c r="L29" s="85">
        <v>598</v>
      </c>
      <c r="M29" s="70">
        <v>4</v>
      </c>
      <c r="N29" s="71">
        <v>2</v>
      </c>
      <c r="O29" s="72">
        <v>6</v>
      </c>
      <c r="P29" s="276"/>
      <c r="Q29" s="71">
        <v>7</v>
      </c>
      <c r="R29" s="71">
        <v>5</v>
      </c>
      <c r="S29" s="71">
        <v>4</v>
      </c>
      <c r="T29" s="71">
        <v>2</v>
      </c>
      <c r="U29" s="71">
        <v>2</v>
      </c>
      <c r="V29" s="72">
        <v>20</v>
      </c>
      <c r="W29" s="73">
        <v>26</v>
      </c>
      <c r="X29" s="70">
        <v>11</v>
      </c>
      <c r="Y29" s="71">
        <v>5</v>
      </c>
      <c r="Z29" s="72">
        <v>16</v>
      </c>
      <c r="AA29" s="276">
        <v>0</v>
      </c>
      <c r="AB29" s="71">
        <v>13</v>
      </c>
      <c r="AC29" s="71">
        <v>9</v>
      </c>
      <c r="AD29" s="71">
        <v>10</v>
      </c>
      <c r="AE29" s="71">
        <v>5</v>
      </c>
      <c r="AF29" s="71">
        <v>8</v>
      </c>
      <c r="AG29" s="72">
        <v>45</v>
      </c>
      <c r="AH29" s="73">
        <v>61</v>
      </c>
      <c r="AI29" s="70">
        <v>18</v>
      </c>
      <c r="AJ29" s="71">
        <v>12</v>
      </c>
      <c r="AK29" s="72">
        <v>30</v>
      </c>
      <c r="AL29" s="276"/>
      <c r="AM29" s="71">
        <v>21</v>
      </c>
      <c r="AN29" s="71">
        <v>12</v>
      </c>
      <c r="AO29" s="71">
        <v>16</v>
      </c>
      <c r="AP29" s="71">
        <v>11</v>
      </c>
      <c r="AQ29" s="71">
        <v>6</v>
      </c>
      <c r="AR29" s="72">
        <v>66</v>
      </c>
      <c r="AS29" s="73">
        <v>96</v>
      </c>
      <c r="AT29" s="70">
        <v>24</v>
      </c>
      <c r="AU29" s="71">
        <v>12</v>
      </c>
      <c r="AV29" s="72">
        <v>36</v>
      </c>
      <c r="AW29" s="276"/>
      <c r="AX29" s="71">
        <v>39</v>
      </c>
      <c r="AY29" s="71">
        <v>22</v>
      </c>
      <c r="AZ29" s="71">
        <v>22</v>
      </c>
      <c r="BA29" s="71">
        <v>12</v>
      </c>
      <c r="BB29" s="71">
        <v>5</v>
      </c>
      <c r="BC29" s="72">
        <v>100</v>
      </c>
      <c r="BD29" s="73">
        <v>136</v>
      </c>
      <c r="BE29" s="70">
        <v>23</v>
      </c>
      <c r="BF29" s="71">
        <v>14</v>
      </c>
      <c r="BG29" s="72">
        <v>37</v>
      </c>
      <c r="BH29" s="276"/>
      <c r="BI29" s="71">
        <v>31</v>
      </c>
      <c r="BJ29" s="71">
        <v>35</v>
      </c>
      <c r="BK29" s="71">
        <v>24</v>
      </c>
      <c r="BL29" s="71">
        <v>17</v>
      </c>
      <c r="BM29" s="71">
        <v>8</v>
      </c>
      <c r="BN29" s="72">
        <v>115</v>
      </c>
      <c r="BO29" s="73">
        <v>152</v>
      </c>
      <c r="BP29" s="70">
        <v>17</v>
      </c>
      <c r="BQ29" s="71">
        <v>15</v>
      </c>
      <c r="BR29" s="72">
        <v>32</v>
      </c>
      <c r="BS29" s="276"/>
      <c r="BT29" s="71">
        <v>34</v>
      </c>
      <c r="BU29" s="71">
        <v>24</v>
      </c>
      <c r="BV29" s="71">
        <v>18</v>
      </c>
      <c r="BW29" s="71">
        <v>15</v>
      </c>
      <c r="BX29" s="71">
        <v>4</v>
      </c>
      <c r="BY29" s="72">
        <v>95</v>
      </c>
      <c r="BZ29" s="73">
        <v>127</v>
      </c>
      <c r="CA29" s="70">
        <v>3</v>
      </c>
      <c r="CB29" s="71">
        <v>1</v>
      </c>
      <c r="CC29" s="72">
        <v>4</v>
      </c>
      <c r="CD29" s="276"/>
      <c r="CE29" s="71">
        <v>4</v>
      </c>
      <c r="CF29" s="71">
        <v>2</v>
      </c>
      <c r="CG29" s="71">
        <v>1</v>
      </c>
      <c r="CH29" s="71">
        <v>4</v>
      </c>
      <c r="CI29" s="71">
        <v>2</v>
      </c>
      <c r="CJ29" s="72">
        <v>13</v>
      </c>
      <c r="CK29" s="73">
        <v>17</v>
      </c>
      <c r="CL29" s="70">
        <v>100</v>
      </c>
      <c r="CM29" s="71">
        <v>61</v>
      </c>
      <c r="CN29" s="72">
        <v>161</v>
      </c>
      <c r="CO29" s="276"/>
      <c r="CP29" s="71">
        <v>149</v>
      </c>
      <c r="CQ29" s="71">
        <v>109</v>
      </c>
      <c r="CR29" s="71">
        <v>95</v>
      </c>
      <c r="CS29" s="71">
        <v>66</v>
      </c>
      <c r="CT29" s="71">
        <v>35</v>
      </c>
      <c r="CU29" s="72">
        <v>454</v>
      </c>
      <c r="CV29" s="73">
        <v>615</v>
      </c>
      <c r="CW29" s="126">
        <v>171</v>
      </c>
      <c r="CX29" s="82">
        <v>175</v>
      </c>
      <c r="CY29" s="83">
        <v>346</v>
      </c>
      <c r="CZ29" s="273"/>
      <c r="DA29" s="82">
        <v>267</v>
      </c>
      <c r="DB29" s="82">
        <v>195</v>
      </c>
      <c r="DC29" s="82">
        <v>143</v>
      </c>
      <c r="DD29" s="82">
        <v>156</v>
      </c>
      <c r="DE29" s="82">
        <v>124</v>
      </c>
      <c r="DF29" s="84">
        <v>885</v>
      </c>
      <c r="DG29" s="85">
        <v>1231</v>
      </c>
      <c r="DH29" s="70">
        <v>4</v>
      </c>
      <c r="DI29" s="71">
        <v>5</v>
      </c>
      <c r="DJ29" s="72">
        <v>9</v>
      </c>
      <c r="DK29" s="276"/>
      <c r="DL29" s="71">
        <v>4</v>
      </c>
      <c r="DM29" s="71">
        <v>5</v>
      </c>
      <c r="DN29" s="71">
        <v>3</v>
      </c>
      <c r="DO29" s="71">
        <v>1</v>
      </c>
      <c r="DP29" s="71">
        <v>3</v>
      </c>
      <c r="DQ29" s="72">
        <v>16</v>
      </c>
      <c r="DR29" s="73">
        <v>25</v>
      </c>
      <c r="DS29" s="70">
        <v>13</v>
      </c>
      <c r="DT29" s="71">
        <v>8</v>
      </c>
      <c r="DU29" s="72">
        <v>21</v>
      </c>
      <c r="DV29" s="276"/>
      <c r="DW29" s="71">
        <v>16</v>
      </c>
      <c r="DX29" s="71">
        <v>9</v>
      </c>
      <c r="DY29" s="71">
        <v>6</v>
      </c>
      <c r="DZ29" s="71">
        <v>6</v>
      </c>
      <c r="EA29" s="71">
        <v>5</v>
      </c>
      <c r="EB29" s="72">
        <v>42</v>
      </c>
      <c r="EC29" s="73">
        <v>63</v>
      </c>
      <c r="ED29" s="70">
        <v>32</v>
      </c>
      <c r="EE29" s="71">
        <v>22</v>
      </c>
      <c r="EF29" s="72">
        <v>54</v>
      </c>
      <c r="EG29" s="276"/>
      <c r="EH29" s="71">
        <v>41</v>
      </c>
      <c r="EI29" s="71">
        <v>19</v>
      </c>
      <c r="EJ29" s="71">
        <v>14</v>
      </c>
      <c r="EK29" s="71">
        <v>7</v>
      </c>
      <c r="EL29" s="71">
        <v>10</v>
      </c>
      <c r="EM29" s="72">
        <v>91</v>
      </c>
      <c r="EN29" s="73">
        <v>145</v>
      </c>
      <c r="EO29" s="70">
        <v>42</v>
      </c>
      <c r="EP29" s="71">
        <v>46</v>
      </c>
      <c r="EQ29" s="72">
        <v>88</v>
      </c>
      <c r="ER29" s="276"/>
      <c r="ES29" s="71">
        <v>55</v>
      </c>
      <c r="ET29" s="71">
        <v>33</v>
      </c>
      <c r="EU29" s="71">
        <v>29</v>
      </c>
      <c r="EV29" s="71">
        <v>17</v>
      </c>
      <c r="EW29" s="71">
        <v>24</v>
      </c>
      <c r="EX29" s="72">
        <v>158</v>
      </c>
      <c r="EY29" s="73">
        <v>246</v>
      </c>
      <c r="EZ29" s="70">
        <v>48</v>
      </c>
      <c r="FA29" s="71">
        <v>55</v>
      </c>
      <c r="FB29" s="72">
        <v>103</v>
      </c>
      <c r="FC29" s="276"/>
      <c r="FD29" s="71">
        <v>81</v>
      </c>
      <c r="FE29" s="71">
        <v>48</v>
      </c>
      <c r="FF29" s="71">
        <v>29</v>
      </c>
      <c r="FG29" s="71">
        <v>44</v>
      </c>
      <c r="FH29" s="71">
        <v>21</v>
      </c>
      <c r="FI29" s="72">
        <v>223</v>
      </c>
      <c r="FJ29" s="73">
        <v>326</v>
      </c>
      <c r="FK29" s="70">
        <v>32</v>
      </c>
      <c r="FL29" s="71">
        <v>39</v>
      </c>
      <c r="FM29" s="72">
        <v>71</v>
      </c>
      <c r="FN29" s="276"/>
      <c r="FO29" s="71">
        <v>70</v>
      </c>
      <c r="FP29" s="71">
        <v>81</v>
      </c>
      <c r="FQ29" s="71">
        <v>62</v>
      </c>
      <c r="FR29" s="71">
        <v>81</v>
      </c>
      <c r="FS29" s="71">
        <v>61</v>
      </c>
      <c r="FT29" s="72">
        <v>355</v>
      </c>
      <c r="FU29" s="73">
        <v>426</v>
      </c>
      <c r="FV29" s="70">
        <v>2</v>
      </c>
      <c r="FW29" s="71">
        <v>2</v>
      </c>
      <c r="FX29" s="72">
        <v>4</v>
      </c>
      <c r="FY29" s="276"/>
      <c r="FZ29" s="71">
        <v>5</v>
      </c>
      <c r="GA29" s="71">
        <v>5</v>
      </c>
      <c r="GB29" s="71">
        <v>2</v>
      </c>
      <c r="GC29" s="71">
        <v>3</v>
      </c>
      <c r="GD29" s="71">
        <v>2</v>
      </c>
      <c r="GE29" s="72">
        <v>17</v>
      </c>
      <c r="GF29" s="73">
        <v>21</v>
      </c>
      <c r="GG29" s="70">
        <v>173</v>
      </c>
      <c r="GH29" s="71">
        <v>177</v>
      </c>
      <c r="GI29" s="72">
        <v>350</v>
      </c>
      <c r="GJ29" s="276"/>
      <c r="GK29" s="71">
        <v>272</v>
      </c>
      <c r="GL29" s="71">
        <v>200</v>
      </c>
      <c r="GM29" s="71">
        <v>145</v>
      </c>
      <c r="GN29" s="71">
        <v>159</v>
      </c>
      <c r="GO29" s="71">
        <v>126</v>
      </c>
      <c r="GP29" s="72">
        <v>902</v>
      </c>
      <c r="GQ29" s="73">
        <v>1252</v>
      </c>
      <c r="GR29" s="126">
        <v>268</v>
      </c>
      <c r="GS29" s="82">
        <v>235</v>
      </c>
      <c r="GT29" s="83">
        <v>503</v>
      </c>
      <c r="GU29" s="273"/>
      <c r="GV29" s="82">
        <v>412</v>
      </c>
      <c r="GW29" s="82">
        <v>302</v>
      </c>
      <c r="GX29" s="82">
        <v>237</v>
      </c>
      <c r="GY29" s="82">
        <v>218</v>
      </c>
      <c r="GZ29" s="82">
        <v>157</v>
      </c>
      <c r="HA29" s="84">
        <v>1326</v>
      </c>
      <c r="HB29" s="85">
        <v>1829</v>
      </c>
      <c r="HC29" s="70">
        <v>8</v>
      </c>
      <c r="HD29" s="71">
        <v>7</v>
      </c>
      <c r="HE29" s="72">
        <v>15</v>
      </c>
      <c r="HF29" s="276"/>
      <c r="HG29" s="71">
        <v>11</v>
      </c>
      <c r="HH29" s="71">
        <v>10</v>
      </c>
      <c r="HI29" s="71">
        <v>7</v>
      </c>
      <c r="HJ29" s="71">
        <v>3</v>
      </c>
      <c r="HK29" s="71">
        <v>5</v>
      </c>
      <c r="HL29" s="72">
        <v>36</v>
      </c>
      <c r="HM29" s="73">
        <v>51</v>
      </c>
      <c r="HN29" s="70">
        <v>24</v>
      </c>
      <c r="HO29" s="71">
        <v>13</v>
      </c>
      <c r="HP29" s="72">
        <v>37</v>
      </c>
      <c r="HQ29" s="276"/>
      <c r="HR29" s="71">
        <v>29</v>
      </c>
      <c r="HS29" s="71">
        <v>18</v>
      </c>
      <c r="HT29" s="71">
        <v>16</v>
      </c>
      <c r="HU29" s="71">
        <v>11</v>
      </c>
      <c r="HV29" s="71">
        <v>13</v>
      </c>
      <c r="HW29" s="72">
        <v>87</v>
      </c>
      <c r="HX29" s="73">
        <v>124</v>
      </c>
      <c r="HY29" s="70">
        <v>50</v>
      </c>
      <c r="HZ29" s="71">
        <v>34</v>
      </c>
      <c r="IA29" s="72">
        <v>84</v>
      </c>
      <c r="IB29" s="276"/>
      <c r="IC29" s="71">
        <v>62</v>
      </c>
      <c r="ID29" s="71">
        <v>31</v>
      </c>
      <c r="IE29" s="71">
        <v>30</v>
      </c>
      <c r="IF29" s="71">
        <v>18</v>
      </c>
      <c r="IG29" s="71">
        <v>16</v>
      </c>
      <c r="IH29" s="72">
        <v>157</v>
      </c>
      <c r="II29" s="73">
        <v>241</v>
      </c>
      <c r="IJ29" s="70">
        <v>66</v>
      </c>
      <c r="IK29" s="71">
        <v>58</v>
      </c>
      <c r="IL29" s="72">
        <v>124</v>
      </c>
      <c r="IM29" s="276"/>
      <c r="IN29" s="71">
        <v>94</v>
      </c>
      <c r="IO29" s="71">
        <v>55</v>
      </c>
      <c r="IP29" s="71">
        <v>51</v>
      </c>
      <c r="IQ29" s="71">
        <v>29</v>
      </c>
      <c r="IR29" s="71">
        <v>29</v>
      </c>
      <c r="IS29" s="72">
        <v>258</v>
      </c>
      <c r="IT29" s="73">
        <v>382</v>
      </c>
      <c r="IU29" s="70">
        <v>71</v>
      </c>
      <c r="IV29" s="71">
        <v>69</v>
      </c>
      <c r="IW29" s="72">
        <v>140</v>
      </c>
      <c r="IX29" s="276"/>
      <c r="IY29" s="71">
        <v>112</v>
      </c>
      <c r="IZ29" s="71">
        <v>83</v>
      </c>
      <c r="JA29" s="71">
        <v>53</v>
      </c>
      <c r="JB29" s="71">
        <v>61</v>
      </c>
      <c r="JC29" s="71">
        <v>29</v>
      </c>
      <c r="JD29" s="72">
        <v>338</v>
      </c>
      <c r="JE29" s="73">
        <v>478</v>
      </c>
      <c r="JF29" s="70">
        <v>49</v>
      </c>
      <c r="JG29" s="71">
        <v>54</v>
      </c>
      <c r="JH29" s="72">
        <v>103</v>
      </c>
      <c r="JI29" s="276"/>
      <c r="JJ29" s="71">
        <v>104</v>
      </c>
      <c r="JK29" s="71">
        <v>105</v>
      </c>
      <c r="JL29" s="71">
        <v>80</v>
      </c>
      <c r="JM29" s="71">
        <v>96</v>
      </c>
      <c r="JN29" s="71">
        <v>65</v>
      </c>
      <c r="JO29" s="72">
        <v>450</v>
      </c>
      <c r="JP29" s="73">
        <v>553</v>
      </c>
      <c r="JQ29" s="70">
        <v>5</v>
      </c>
      <c r="JR29" s="71">
        <v>3</v>
      </c>
      <c r="JS29" s="72">
        <v>8</v>
      </c>
      <c r="JT29" s="276"/>
      <c r="JU29" s="71">
        <v>9</v>
      </c>
      <c r="JV29" s="71">
        <v>7</v>
      </c>
      <c r="JW29" s="71">
        <v>3</v>
      </c>
      <c r="JX29" s="71">
        <v>7</v>
      </c>
      <c r="JY29" s="71">
        <v>4</v>
      </c>
      <c r="JZ29" s="72">
        <v>30</v>
      </c>
      <c r="KA29" s="73">
        <v>38</v>
      </c>
      <c r="KB29" s="70">
        <v>273</v>
      </c>
      <c r="KC29" s="71">
        <v>238</v>
      </c>
      <c r="KD29" s="72">
        <v>511</v>
      </c>
      <c r="KE29" s="276"/>
      <c r="KF29" s="71">
        <v>421</v>
      </c>
      <c r="KG29" s="71">
        <v>309</v>
      </c>
      <c r="KH29" s="71">
        <v>240</v>
      </c>
      <c r="KI29" s="71">
        <v>225</v>
      </c>
      <c r="KJ29" s="71">
        <v>161</v>
      </c>
      <c r="KK29" s="72">
        <v>1356</v>
      </c>
      <c r="KL29" s="73">
        <v>1867</v>
      </c>
    </row>
    <row r="30" spans="1:298" ht="19.5" customHeight="1" x14ac:dyDescent="0.2">
      <c r="A30" s="129" t="s">
        <v>27</v>
      </c>
      <c r="B30" s="350">
        <v>80</v>
      </c>
      <c r="C30" s="82">
        <v>106</v>
      </c>
      <c r="D30" s="83">
        <v>186</v>
      </c>
      <c r="E30" s="273"/>
      <c r="F30" s="82">
        <v>106</v>
      </c>
      <c r="G30" s="82">
        <v>89</v>
      </c>
      <c r="H30" s="82">
        <v>74</v>
      </c>
      <c r="I30" s="82">
        <v>69</v>
      </c>
      <c r="J30" s="82">
        <v>28</v>
      </c>
      <c r="K30" s="84">
        <v>366</v>
      </c>
      <c r="L30" s="85">
        <v>552</v>
      </c>
      <c r="M30" s="70">
        <v>4</v>
      </c>
      <c r="N30" s="71">
        <v>3</v>
      </c>
      <c r="O30" s="72">
        <v>7</v>
      </c>
      <c r="P30" s="276"/>
      <c r="Q30" s="71">
        <v>1</v>
      </c>
      <c r="R30" s="71">
        <v>9</v>
      </c>
      <c r="S30" s="71">
        <v>1</v>
      </c>
      <c r="T30" s="71">
        <v>0</v>
      </c>
      <c r="U30" s="71">
        <v>1</v>
      </c>
      <c r="V30" s="72">
        <v>12</v>
      </c>
      <c r="W30" s="73">
        <v>19</v>
      </c>
      <c r="X30" s="70">
        <v>9</v>
      </c>
      <c r="Y30" s="71">
        <v>10</v>
      </c>
      <c r="Z30" s="72">
        <v>19</v>
      </c>
      <c r="AA30" s="276">
        <v>0</v>
      </c>
      <c r="AB30" s="71">
        <v>11</v>
      </c>
      <c r="AC30" s="71">
        <v>15</v>
      </c>
      <c r="AD30" s="71">
        <v>11</v>
      </c>
      <c r="AE30" s="71">
        <v>8</v>
      </c>
      <c r="AF30" s="71">
        <v>2</v>
      </c>
      <c r="AG30" s="72">
        <v>47</v>
      </c>
      <c r="AH30" s="73">
        <v>66</v>
      </c>
      <c r="AI30" s="70">
        <v>13</v>
      </c>
      <c r="AJ30" s="71">
        <v>15</v>
      </c>
      <c r="AK30" s="72">
        <v>28</v>
      </c>
      <c r="AL30" s="276"/>
      <c r="AM30" s="71">
        <v>14</v>
      </c>
      <c r="AN30" s="71">
        <v>17</v>
      </c>
      <c r="AO30" s="71">
        <v>14</v>
      </c>
      <c r="AP30" s="71">
        <v>5</v>
      </c>
      <c r="AQ30" s="71">
        <v>6</v>
      </c>
      <c r="AR30" s="72">
        <v>56</v>
      </c>
      <c r="AS30" s="73">
        <v>84</v>
      </c>
      <c r="AT30" s="70">
        <v>21</v>
      </c>
      <c r="AU30" s="71">
        <v>28</v>
      </c>
      <c r="AV30" s="72">
        <v>49</v>
      </c>
      <c r="AW30" s="276"/>
      <c r="AX30" s="71">
        <v>33</v>
      </c>
      <c r="AY30" s="71">
        <v>13</v>
      </c>
      <c r="AZ30" s="71">
        <v>14</v>
      </c>
      <c r="BA30" s="71">
        <v>12</v>
      </c>
      <c r="BB30" s="71">
        <v>9</v>
      </c>
      <c r="BC30" s="72">
        <v>81</v>
      </c>
      <c r="BD30" s="73">
        <v>130</v>
      </c>
      <c r="BE30" s="70">
        <v>19</v>
      </c>
      <c r="BF30" s="71">
        <v>28</v>
      </c>
      <c r="BG30" s="72">
        <v>47</v>
      </c>
      <c r="BH30" s="276"/>
      <c r="BI30" s="71">
        <v>25</v>
      </c>
      <c r="BJ30" s="71">
        <v>22</v>
      </c>
      <c r="BK30" s="71">
        <v>18</v>
      </c>
      <c r="BL30" s="71">
        <v>22</v>
      </c>
      <c r="BM30" s="71">
        <v>6</v>
      </c>
      <c r="BN30" s="72">
        <v>93</v>
      </c>
      <c r="BO30" s="73">
        <v>140</v>
      </c>
      <c r="BP30" s="70">
        <v>14</v>
      </c>
      <c r="BQ30" s="71">
        <v>22</v>
      </c>
      <c r="BR30" s="72">
        <v>36</v>
      </c>
      <c r="BS30" s="276"/>
      <c r="BT30" s="71">
        <v>22</v>
      </c>
      <c r="BU30" s="71">
        <v>13</v>
      </c>
      <c r="BV30" s="71">
        <v>16</v>
      </c>
      <c r="BW30" s="71">
        <v>22</v>
      </c>
      <c r="BX30" s="71">
        <v>4</v>
      </c>
      <c r="BY30" s="72">
        <v>77</v>
      </c>
      <c r="BZ30" s="73">
        <v>113</v>
      </c>
      <c r="CA30" s="70">
        <v>1</v>
      </c>
      <c r="CB30" s="71">
        <v>2</v>
      </c>
      <c r="CC30" s="72">
        <v>3</v>
      </c>
      <c r="CD30" s="276"/>
      <c r="CE30" s="71">
        <v>4</v>
      </c>
      <c r="CF30" s="71">
        <v>2</v>
      </c>
      <c r="CG30" s="71">
        <v>4</v>
      </c>
      <c r="CH30" s="71">
        <v>2</v>
      </c>
      <c r="CI30" s="71">
        <v>2</v>
      </c>
      <c r="CJ30" s="72">
        <v>14</v>
      </c>
      <c r="CK30" s="73">
        <v>17</v>
      </c>
      <c r="CL30" s="70">
        <v>81</v>
      </c>
      <c r="CM30" s="71">
        <v>108</v>
      </c>
      <c r="CN30" s="72">
        <v>189</v>
      </c>
      <c r="CO30" s="276"/>
      <c r="CP30" s="71">
        <v>110</v>
      </c>
      <c r="CQ30" s="71">
        <v>91</v>
      </c>
      <c r="CR30" s="71">
        <v>78</v>
      </c>
      <c r="CS30" s="71">
        <v>71</v>
      </c>
      <c r="CT30" s="71">
        <v>30</v>
      </c>
      <c r="CU30" s="72">
        <v>380</v>
      </c>
      <c r="CV30" s="73">
        <v>569</v>
      </c>
      <c r="CW30" s="126">
        <v>238</v>
      </c>
      <c r="CX30" s="82">
        <v>152</v>
      </c>
      <c r="CY30" s="83">
        <v>390</v>
      </c>
      <c r="CZ30" s="273"/>
      <c r="DA30" s="82">
        <v>195</v>
      </c>
      <c r="DB30" s="82">
        <v>153</v>
      </c>
      <c r="DC30" s="82">
        <v>165</v>
      </c>
      <c r="DD30" s="82">
        <v>145</v>
      </c>
      <c r="DE30" s="82">
        <v>95</v>
      </c>
      <c r="DF30" s="84">
        <v>753</v>
      </c>
      <c r="DG30" s="85">
        <v>1143</v>
      </c>
      <c r="DH30" s="70">
        <v>4</v>
      </c>
      <c r="DI30" s="71">
        <v>4</v>
      </c>
      <c r="DJ30" s="72">
        <v>8</v>
      </c>
      <c r="DK30" s="276"/>
      <c r="DL30" s="71">
        <v>0</v>
      </c>
      <c r="DM30" s="71">
        <v>3</v>
      </c>
      <c r="DN30" s="71">
        <v>1</v>
      </c>
      <c r="DO30" s="71">
        <v>3</v>
      </c>
      <c r="DP30" s="71">
        <v>1</v>
      </c>
      <c r="DQ30" s="72">
        <v>8</v>
      </c>
      <c r="DR30" s="73">
        <v>16</v>
      </c>
      <c r="DS30" s="70">
        <v>16</v>
      </c>
      <c r="DT30" s="71">
        <v>10</v>
      </c>
      <c r="DU30" s="72">
        <v>26</v>
      </c>
      <c r="DV30" s="276"/>
      <c r="DW30" s="71">
        <v>9</v>
      </c>
      <c r="DX30" s="71">
        <v>10</v>
      </c>
      <c r="DY30" s="71">
        <v>10</v>
      </c>
      <c r="DZ30" s="71">
        <v>9</v>
      </c>
      <c r="EA30" s="71">
        <v>4</v>
      </c>
      <c r="EB30" s="72">
        <v>42</v>
      </c>
      <c r="EC30" s="73">
        <v>68</v>
      </c>
      <c r="ED30" s="70">
        <v>29</v>
      </c>
      <c r="EE30" s="71">
        <v>17</v>
      </c>
      <c r="EF30" s="72">
        <v>46</v>
      </c>
      <c r="EG30" s="276"/>
      <c r="EH30" s="71">
        <v>18</v>
      </c>
      <c r="EI30" s="71">
        <v>22</v>
      </c>
      <c r="EJ30" s="71">
        <v>8</v>
      </c>
      <c r="EK30" s="71">
        <v>12</v>
      </c>
      <c r="EL30" s="71">
        <v>12</v>
      </c>
      <c r="EM30" s="72">
        <v>72</v>
      </c>
      <c r="EN30" s="73">
        <v>118</v>
      </c>
      <c r="EO30" s="70">
        <v>64</v>
      </c>
      <c r="EP30" s="71">
        <v>43</v>
      </c>
      <c r="EQ30" s="72">
        <v>107</v>
      </c>
      <c r="ER30" s="276"/>
      <c r="ES30" s="71">
        <v>38</v>
      </c>
      <c r="ET30" s="71">
        <v>25</v>
      </c>
      <c r="EU30" s="71">
        <v>31</v>
      </c>
      <c r="EV30" s="71">
        <v>24</v>
      </c>
      <c r="EW30" s="71">
        <v>21</v>
      </c>
      <c r="EX30" s="72">
        <v>139</v>
      </c>
      <c r="EY30" s="73">
        <v>246</v>
      </c>
      <c r="EZ30" s="70">
        <v>77</v>
      </c>
      <c r="FA30" s="71">
        <v>43</v>
      </c>
      <c r="FB30" s="72">
        <v>120</v>
      </c>
      <c r="FC30" s="276"/>
      <c r="FD30" s="71">
        <v>63</v>
      </c>
      <c r="FE30" s="71">
        <v>45</v>
      </c>
      <c r="FF30" s="71">
        <v>40</v>
      </c>
      <c r="FG30" s="71">
        <v>29</v>
      </c>
      <c r="FH30" s="71">
        <v>26</v>
      </c>
      <c r="FI30" s="72">
        <v>203</v>
      </c>
      <c r="FJ30" s="73">
        <v>323</v>
      </c>
      <c r="FK30" s="70">
        <v>48</v>
      </c>
      <c r="FL30" s="71">
        <v>35</v>
      </c>
      <c r="FM30" s="72">
        <v>83</v>
      </c>
      <c r="FN30" s="276"/>
      <c r="FO30" s="71">
        <v>67</v>
      </c>
      <c r="FP30" s="71">
        <v>48</v>
      </c>
      <c r="FQ30" s="71">
        <v>75</v>
      </c>
      <c r="FR30" s="71">
        <v>68</v>
      </c>
      <c r="FS30" s="71">
        <v>31</v>
      </c>
      <c r="FT30" s="72">
        <v>289</v>
      </c>
      <c r="FU30" s="73">
        <v>372</v>
      </c>
      <c r="FV30" s="70">
        <v>0</v>
      </c>
      <c r="FW30" s="71">
        <v>3</v>
      </c>
      <c r="FX30" s="72">
        <v>3</v>
      </c>
      <c r="FY30" s="276"/>
      <c r="FZ30" s="71">
        <v>4</v>
      </c>
      <c r="GA30" s="71">
        <v>2</v>
      </c>
      <c r="GB30" s="71">
        <v>1</v>
      </c>
      <c r="GC30" s="71">
        <v>1</v>
      </c>
      <c r="GD30" s="71">
        <v>3</v>
      </c>
      <c r="GE30" s="72">
        <v>11</v>
      </c>
      <c r="GF30" s="73">
        <v>14</v>
      </c>
      <c r="GG30" s="70">
        <v>238</v>
      </c>
      <c r="GH30" s="71">
        <v>155</v>
      </c>
      <c r="GI30" s="72">
        <v>393</v>
      </c>
      <c r="GJ30" s="276"/>
      <c r="GK30" s="71">
        <v>199</v>
      </c>
      <c r="GL30" s="71">
        <v>155</v>
      </c>
      <c r="GM30" s="71">
        <v>166</v>
      </c>
      <c r="GN30" s="71">
        <v>146</v>
      </c>
      <c r="GO30" s="71">
        <v>98</v>
      </c>
      <c r="GP30" s="72">
        <v>764</v>
      </c>
      <c r="GQ30" s="73">
        <v>1157</v>
      </c>
      <c r="GR30" s="126">
        <v>318</v>
      </c>
      <c r="GS30" s="82">
        <v>258</v>
      </c>
      <c r="GT30" s="83">
        <v>576</v>
      </c>
      <c r="GU30" s="273"/>
      <c r="GV30" s="82">
        <v>301</v>
      </c>
      <c r="GW30" s="82">
        <v>242</v>
      </c>
      <c r="GX30" s="82">
        <v>239</v>
      </c>
      <c r="GY30" s="82">
        <v>214</v>
      </c>
      <c r="GZ30" s="82">
        <v>123</v>
      </c>
      <c r="HA30" s="84">
        <v>1119</v>
      </c>
      <c r="HB30" s="85">
        <v>1695</v>
      </c>
      <c r="HC30" s="70">
        <v>8</v>
      </c>
      <c r="HD30" s="71">
        <v>7</v>
      </c>
      <c r="HE30" s="72">
        <v>15</v>
      </c>
      <c r="HF30" s="276"/>
      <c r="HG30" s="71">
        <v>1</v>
      </c>
      <c r="HH30" s="71">
        <v>12</v>
      </c>
      <c r="HI30" s="71">
        <v>2</v>
      </c>
      <c r="HJ30" s="71">
        <v>3</v>
      </c>
      <c r="HK30" s="71">
        <v>2</v>
      </c>
      <c r="HL30" s="72">
        <v>20</v>
      </c>
      <c r="HM30" s="73">
        <v>35</v>
      </c>
      <c r="HN30" s="70">
        <v>25</v>
      </c>
      <c r="HO30" s="71">
        <v>20</v>
      </c>
      <c r="HP30" s="72">
        <v>45</v>
      </c>
      <c r="HQ30" s="276"/>
      <c r="HR30" s="71">
        <v>20</v>
      </c>
      <c r="HS30" s="71">
        <v>25</v>
      </c>
      <c r="HT30" s="71">
        <v>21</v>
      </c>
      <c r="HU30" s="71">
        <v>17</v>
      </c>
      <c r="HV30" s="71">
        <v>6</v>
      </c>
      <c r="HW30" s="72">
        <v>89</v>
      </c>
      <c r="HX30" s="73">
        <v>134</v>
      </c>
      <c r="HY30" s="70">
        <v>42</v>
      </c>
      <c r="HZ30" s="71">
        <v>32</v>
      </c>
      <c r="IA30" s="72">
        <v>74</v>
      </c>
      <c r="IB30" s="276"/>
      <c r="IC30" s="71">
        <v>32</v>
      </c>
      <c r="ID30" s="71">
        <v>39</v>
      </c>
      <c r="IE30" s="71">
        <v>22</v>
      </c>
      <c r="IF30" s="71">
        <v>17</v>
      </c>
      <c r="IG30" s="71">
        <v>18</v>
      </c>
      <c r="IH30" s="72">
        <v>128</v>
      </c>
      <c r="II30" s="73">
        <v>202</v>
      </c>
      <c r="IJ30" s="70">
        <v>85</v>
      </c>
      <c r="IK30" s="71">
        <v>71</v>
      </c>
      <c r="IL30" s="72">
        <v>156</v>
      </c>
      <c r="IM30" s="276"/>
      <c r="IN30" s="71">
        <v>71</v>
      </c>
      <c r="IO30" s="71">
        <v>38</v>
      </c>
      <c r="IP30" s="71">
        <v>45</v>
      </c>
      <c r="IQ30" s="71">
        <v>36</v>
      </c>
      <c r="IR30" s="71">
        <v>30</v>
      </c>
      <c r="IS30" s="72">
        <v>220</v>
      </c>
      <c r="IT30" s="73">
        <v>376</v>
      </c>
      <c r="IU30" s="70">
        <v>96</v>
      </c>
      <c r="IV30" s="71">
        <v>71</v>
      </c>
      <c r="IW30" s="72">
        <v>167</v>
      </c>
      <c r="IX30" s="276"/>
      <c r="IY30" s="71">
        <v>88</v>
      </c>
      <c r="IZ30" s="71">
        <v>67</v>
      </c>
      <c r="JA30" s="71">
        <v>58</v>
      </c>
      <c r="JB30" s="71">
        <v>51</v>
      </c>
      <c r="JC30" s="71">
        <v>32</v>
      </c>
      <c r="JD30" s="72">
        <v>296</v>
      </c>
      <c r="JE30" s="73">
        <v>463</v>
      </c>
      <c r="JF30" s="70">
        <v>62</v>
      </c>
      <c r="JG30" s="71">
        <v>57</v>
      </c>
      <c r="JH30" s="72">
        <v>119</v>
      </c>
      <c r="JI30" s="276"/>
      <c r="JJ30" s="71">
        <v>89</v>
      </c>
      <c r="JK30" s="71">
        <v>61</v>
      </c>
      <c r="JL30" s="71">
        <v>91</v>
      </c>
      <c r="JM30" s="71">
        <v>90</v>
      </c>
      <c r="JN30" s="71">
        <v>35</v>
      </c>
      <c r="JO30" s="72">
        <v>366</v>
      </c>
      <c r="JP30" s="73">
        <v>485</v>
      </c>
      <c r="JQ30" s="70">
        <v>1</v>
      </c>
      <c r="JR30" s="71">
        <v>5</v>
      </c>
      <c r="JS30" s="72">
        <v>6</v>
      </c>
      <c r="JT30" s="276"/>
      <c r="JU30" s="71">
        <v>8</v>
      </c>
      <c r="JV30" s="71">
        <v>4</v>
      </c>
      <c r="JW30" s="71">
        <v>5</v>
      </c>
      <c r="JX30" s="71">
        <v>3</v>
      </c>
      <c r="JY30" s="71">
        <v>5</v>
      </c>
      <c r="JZ30" s="72">
        <v>25</v>
      </c>
      <c r="KA30" s="73">
        <v>31</v>
      </c>
      <c r="KB30" s="70">
        <v>319</v>
      </c>
      <c r="KC30" s="71">
        <v>263</v>
      </c>
      <c r="KD30" s="72">
        <v>582</v>
      </c>
      <c r="KE30" s="276"/>
      <c r="KF30" s="71">
        <v>309</v>
      </c>
      <c r="KG30" s="71">
        <v>246</v>
      </c>
      <c r="KH30" s="71">
        <v>244</v>
      </c>
      <c r="KI30" s="71">
        <v>217</v>
      </c>
      <c r="KJ30" s="71">
        <v>128</v>
      </c>
      <c r="KK30" s="72">
        <v>1144</v>
      </c>
      <c r="KL30" s="73">
        <v>1726</v>
      </c>
    </row>
    <row r="31" spans="1:298" ht="19.5" customHeight="1" x14ac:dyDescent="0.2">
      <c r="A31" s="129" t="s">
        <v>28</v>
      </c>
      <c r="B31" s="350">
        <v>17</v>
      </c>
      <c r="C31" s="82">
        <v>17</v>
      </c>
      <c r="D31" s="83">
        <v>34</v>
      </c>
      <c r="E31" s="273"/>
      <c r="F31" s="82">
        <v>35</v>
      </c>
      <c r="G31" s="82">
        <v>44</v>
      </c>
      <c r="H31" s="82">
        <v>23</v>
      </c>
      <c r="I31" s="82">
        <v>17</v>
      </c>
      <c r="J31" s="82">
        <v>8</v>
      </c>
      <c r="K31" s="84">
        <v>127</v>
      </c>
      <c r="L31" s="85">
        <v>161</v>
      </c>
      <c r="M31" s="70">
        <v>0</v>
      </c>
      <c r="N31" s="71">
        <v>2</v>
      </c>
      <c r="O31" s="72">
        <v>2</v>
      </c>
      <c r="P31" s="276"/>
      <c r="Q31" s="71">
        <v>1</v>
      </c>
      <c r="R31" s="71">
        <v>1</v>
      </c>
      <c r="S31" s="71">
        <v>2</v>
      </c>
      <c r="T31" s="71">
        <v>0</v>
      </c>
      <c r="U31" s="71">
        <v>2</v>
      </c>
      <c r="V31" s="72">
        <v>6</v>
      </c>
      <c r="W31" s="73">
        <v>8</v>
      </c>
      <c r="X31" s="70">
        <v>2</v>
      </c>
      <c r="Y31" s="71">
        <v>3</v>
      </c>
      <c r="Z31" s="72">
        <v>5</v>
      </c>
      <c r="AA31" s="276">
        <v>0</v>
      </c>
      <c r="AB31" s="71">
        <v>2</v>
      </c>
      <c r="AC31" s="71">
        <v>8</v>
      </c>
      <c r="AD31" s="71">
        <v>3</v>
      </c>
      <c r="AE31" s="71">
        <v>2</v>
      </c>
      <c r="AF31" s="71">
        <v>0</v>
      </c>
      <c r="AG31" s="72">
        <v>15</v>
      </c>
      <c r="AH31" s="73">
        <v>20</v>
      </c>
      <c r="AI31" s="70">
        <v>5</v>
      </c>
      <c r="AJ31" s="71">
        <v>4</v>
      </c>
      <c r="AK31" s="72">
        <v>9</v>
      </c>
      <c r="AL31" s="276"/>
      <c r="AM31" s="71">
        <v>5</v>
      </c>
      <c r="AN31" s="71">
        <v>6</v>
      </c>
      <c r="AO31" s="71">
        <v>2</v>
      </c>
      <c r="AP31" s="71">
        <v>3</v>
      </c>
      <c r="AQ31" s="71">
        <v>1</v>
      </c>
      <c r="AR31" s="72">
        <v>17</v>
      </c>
      <c r="AS31" s="73">
        <v>26</v>
      </c>
      <c r="AT31" s="70">
        <v>6</v>
      </c>
      <c r="AU31" s="71">
        <v>5</v>
      </c>
      <c r="AV31" s="72">
        <v>11</v>
      </c>
      <c r="AW31" s="276"/>
      <c r="AX31" s="71">
        <v>8</v>
      </c>
      <c r="AY31" s="71">
        <v>9</v>
      </c>
      <c r="AZ31" s="71">
        <v>2</v>
      </c>
      <c r="BA31" s="71">
        <v>2</v>
      </c>
      <c r="BB31" s="71">
        <v>2</v>
      </c>
      <c r="BC31" s="72">
        <v>23</v>
      </c>
      <c r="BD31" s="73">
        <v>34</v>
      </c>
      <c r="BE31" s="70">
        <v>2</v>
      </c>
      <c r="BF31" s="71">
        <v>3</v>
      </c>
      <c r="BG31" s="72">
        <v>5</v>
      </c>
      <c r="BH31" s="276"/>
      <c r="BI31" s="71">
        <v>16</v>
      </c>
      <c r="BJ31" s="71">
        <v>3</v>
      </c>
      <c r="BK31" s="71">
        <v>7</v>
      </c>
      <c r="BL31" s="71">
        <v>8</v>
      </c>
      <c r="BM31" s="71">
        <v>2</v>
      </c>
      <c r="BN31" s="72">
        <v>36</v>
      </c>
      <c r="BO31" s="73">
        <v>41</v>
      </c>
      <c r="BP31" s="70">
        <v>2</v>
      </c>
      <c r="BQ31" s="71">
        <v>0</v>
      </c>
      <c r="BR31" s="72">
        <v>2</v>
      </c>
      <c r="BS31" s="276"/>
      <c r="BT31" s="71">
        <v>3</v>
      </c>
      <c r="BU31" s="71">
        <v>17</v>
      </c>
      <c r="BV31" s="71">
        <v>7</v>
      </c>
      <c r="BW31" s="71">
        <v>2</v>
      </c>
      <c r="BX31" s="71">
        <v>1</v>
      </c>
      <c r="BY31" s="72">
        <v>30</v>
      </c>
      <c r="BZ31" s="73">
        <v>32</v>
      </c>
      <c r="CA31" s="70">
        <v>0</v>
      </c>
      <c r="CB31" s="71">
        <v>1</v>
      </c>
      <c r="CC31" s="72">
        <v>1</v>
      </c>
      <c r="CD31" s="276"/>
      <c r="CE31" s="71">
        <v>0</v>
      </c>
      <c r="CF31" s="71">
        <v>1</v>
      </c>
      <c r="CG31" s="71">
        <v>0</v>
      </c>
      <c r="CH31" s="71">
        <v>1</v>
      </c>
      <c r="CI31" s="71">
        <v>3</v>
      </c>
      <c r="CJ31" s="72">
        <v>5</v>
      </c>
      <c r="CK31" s="73">
        <v>6</v>
      </c>
      <c r="CL31" s="70">
        <v>17</v>
      </c>
      <c r="CM31" s="71">
        <v>18</v>
      </c>
      <c r="CN31" s="72">
        <v>35</v>
      </c>
      <c r="CO31" s="276"/>
      <c r="CP31" s="71">
        <v>35</v>
      </c>
      <c r="CQ31" s="71">
        <v>45</v>
      </c>
      <c r="CR31" s="71">
        <v>23</v>
      </c>
      <c r="CS31" s="71">
        <v>18</v>
      </c>
      <c r="CT31" s="71">
        <v>11</v>
      </c>
      <c r="CU31" s="72">
        <v>132</v>
      </c>
      <c r="CV31" s="73">
        <v>167</v>
      </c>
      <c r="CW31" s="126">
        <v>25</v>
      </c>
      <c r="CX31" s="82">
        <v>31</v>
      </c>
      <c r="CY31" s="83">
        <v>56</v>
      </c>
      <c r="CZ31" s="273"/>
      <c r="DA31" s="82">
        <v>54</v>
      </c>
      <c r="DB31" s="82">
        <v>68</v>
      </c>
      <c r="DC31" s="82">
        <v>45</v>
      </c>
      <c r="DD31" s="82">
        <v>50</v>
      </c>
      <c r="DE31" s="82">
        <v>33</v>
      </c>
      <c r="DF31" s="84">
        <v>250</v>
      </c>
      <c r="DG31" s="85">
        <v>306</v>
      </c>
      <c r="DH31" s="70">
        <v>4</v>
      </c>
      <c r="DI31" s="71">
        <v>3</v>
      </c>
      <c r="DJ31" s="72">
        <v>7</v>
      </c>
      <c r="DK31" s="276"/>
      <c r="DL31" s="71">
        <v>2</v>
      </c>
      <c r="DM31" s="71">
        <v>2</v>
      </c>
      <c r="DN31" s="71">
        <v>0</v>
      </c>
      <c r="DO31" s="71">
        <v>0</v>
      </c>
      <c r="DP31" s="71">
        <v>0</v>
      </c>
      <c r="DQ31" s="72">
        <v>4</v>
      </c>
      <c r="DR31" s="73">
        <v>11</v>
      </c>
      <c r="DS31" s="70">
        <v>2</v>
      </c>
      <c r="DT31" s="71">
        <v>3</v>
      </c>
      <c r="DU31" s="72">
        <v>5</v>
      </c>
      <c r="DV31" s="276"/>
      <c r="DW31" s="71">
        <v>2</v>
      </c>
      <c r="DX31" s="71">
        <v>3</v>
      </c>
      <c r="DY31" s="71">
        <v>1</v>
      </c>
      <c r="DZ31" s="71">
        <v>3</v>
      </c>
      <c r="EA31" s="71">
        <v>0</v>
      </c>
      <c r="EB31" s="72">
        <v>9</v>
      </c>
      <c r="EC31" s="73">
        <v>14</v>
      </c>
      <c r="ED31" s="70">
        <v>6</v>
      </c>
      <c r="EE31" s="71">
        <v>5</v>
      </c>
      <c r="EF31" s="72">
        <v>11</v>
      </c>
      <c r="EG31" s="276"/>
      <c r="EH31" s="71">
        <v>10</v>
      </c>
      <c r="EI31" s="71">
        <v>5</v>
      </c>
      <c r="EJ31" s="71">
        <v>9</v>
      </c>
      <c r="EK31" s="71">
        <v>4</v>
      </c>
      <c r="EL31" s="71">
        <v>4</v>
      </c>
      <c r="EM31" s="72">
        <v>32</v>
      </c>
      <c r="EN31" s="73">
        <v>43</v>
      </c>
      <c r="EO31" s="70">
        <v>8</v>
      </c>
      <c r="EP31" s="71">
        <v>6</v>
      </c>
      <c r="EQ31" s="72">
        <v>14</v>
      </c>
      <c r="ER31" s="276"/>
      <c r="ES31" s="71">
        <v>13</v>
      </c>
      <c r="ET31" s="71">
        <v>22</v>
      </c>
      <c r="EU31" s="71">
        <v>4</v>
      </c>
      <c r="EV31" s="71">
        <v>7</v>
      </c>
      <c r="EW31" s="71">
        <v>8</v>
      </c>
      <c r="EX31" s="72">
        <v>54</v>
      </c>
      <c r="EY31" s="73">
        <v>68</v>
      </c>
      <c r="EZ31" s="70">
        <v>4</v>
      </c>
      <c r="FA31" s="71">
        <v>9</v>
      </c>
      <c r="FB31" s="72">
        <v>13</v>
      </c>
      <c r="FC31" s="276"/>
      <c r="FD31" s="71">
        <v>16</v>
      </c>
      <c r="FE31" s="71">
        <v>13</v>
      </c>
      <c r="FF31" s="71">
        <v>11</v>
      </c>
      <c r="FG31" s="71">
        <v>18</v>
      </c>
      <c r="FH31" s="71">
        <v>7</v>
      </c>
      <c r="FI31" s="72">
        <v>65</v>
      </c>
      <c r="FJ31" s="73">
        <v>78</v>
      </c>
      <c r="FK31" s="70">
        <v>1</v>
      </c>
      <c r="FL31" s="71">
        <v>5</v>
      </c>
      <c r="FM31" s="72">
        <v>6</v>
      </c>
      <c r="FN31" s="276"/>
      <c r="FO31" s="71">
        <v>11</v>
      </c>
      <c r="FP31" s="71">
        <v>23</v>
      </c>
      <c r="FQ31" s="71">
        <v>20</v>
      </c>
      <c r="FR31" s="71">
        <v>18</v>
      </c>
      <c r="FS31" s="71">
        <v>14</v>
      </c>
      <c r="FT31" s="72">
        <v>86</v>
      </c>
      <c r="FU31" s="73">
        <v>92</v>
      </c>
      <c r="FV31" s="70">
        <v>0</v>
      </c>
      <c r="FW31" s="71">
        <v>0</v>
      </c>
      <c r="FX31" s="72">
        <v>0</v>
      </c>
      <c r="FY31" s="276"/>
      <c r="FZ31" s="71">
        <v>1</v>
      </c>
      <c r="GA31" s="71">
        <v>1</v>
      </c>
      <c r="GB31" s="71">
        <v>0</v>
      </c>
      <c r="GC31" s="71">
        <v>2</v>
      </c>
      <c r="GD31" s="71">
        <v>1</v>
      </c>
      <c r="GE31" s="72">
        <v>5</v>
      </c>
      <c r="GF31" s="73">
        <v>5</v>
      </c>
      <c r="GG31" s="70">
        <v>25</v>
      </c>
      <c r="GH31" s="71">
        <v>31</v>
      </c>
      <c r="GI31" s="72">
        <v>56</v>
      </c>
      <c r="GJ31" s="276"/>
      <c r="GK31" s="71">
        <v>55</v>
      </c>
      <c r="GL31" s="71">
        <v>69</v>
      </c>
      <c r="GM31" s="71">
        <v>45</v>
      </c>
      <c r="GN31" s="71">
        <v>52</v>
      </c>
      <c r="GO31" s="71">
        <v>34</v>
      </c>
      <c r="GP31" s="72">
        <v>255</v>
      </c>
      <c r="GQ31" s="73">
        <v>311</v>
      </c>
      <c r="GR31" s="126">
        <v>42</v>
      </c>
      <c r="GS31" s="82">
        <v>48</v>
      </c>
      <c r="GT31" s="83">
        <v>90</v>
      </c>
      <c r="GU31" s="273"/>
      <c r="GV31" s="82">
        <v>89</v>
      </c>
      <c r="GW31" s="82">
        <v>112</v>
      </c>
      <c r="GX31" s="82">
        <v>68</v>
      </c>
      <c r="GY31" s="82">
        <v>67</v>
      </c>
      <c r="GZ31" s="82">
        <v>41</v>
      </c>
      <c r="HA31" s="84">
        <v>377</v>
      </c>
      <c r="HB31" s="85">
        <v>467</v>
      </c>
      <c r="HC31" s="70">
        <v>4</v>
      </c>
      <c r="HD31" s="71">
        <v>5</v>
      </c>
      <c r="HE31" s="72">
        <v>9</v>
      </c>
      <c r="HF31" s="276"/>
      <c r="HG31" s="71">
        <v>3</v>
      </c>
      <c r="HH31" s="71">
        <v>3</v>
      </c>
      <c r="HI31" s="71">
        <v>2</v>
      </c>
      <c r="HJ31" s="71">
        <v>0</v>
      </c>
      <c r="HK31" s="71">
        <v>2</v>
      </c>
      <c r="HL31" s="72">
        <v>10</v>
      </c>
      <c r="HM31" s="73">
        <v>19</v>
      </c>
      <c r="HN31" s="70">
        <v>4</v>
      </c>
      <c r="HO31" s="71">
        <v>6</v>
      </c>
      <c r="HP31" s="72">
        <v>10</v>
      </c>
      <c r="HQ31" s="276"/>
      <c r="HR31" s="71">
        <v>4</v>
      </c>
      <c r="HS31" s="71">
        <v>11</v>
      </c>
      <c r="HT31" s="71">
        <v>4</v>
      </c>
      <c r="HU31" s="71">
        <v>5</v>
      </c>
      <c r="HV31" s="71">
        <v>0</v>
      </c>
      <c r="HW31" s="72">
        <v>24</v>
      </c>
      <c r="HX31" s="73">
        <v>34</v>
      </c>
      <c r="HY31" s="70">
        <v>11</v>
      </c>
      <c r="HZ31" s="71">
        <v>9</v>
      </c>
      <c r="IA31" s="72">
        <v>20</v>
      </c>
      <c r="IB31" s="276"/>
      <c r="IC31" s="71">
        <v>15</v>
      </c>
      <c r="ID31" s="71">
        <v>11</v>
      </c>
      <c r="IE31" s="71">
        <v>11</v>
      </c>
      <c r="IF31" s="71">
        <v>7</v>
      </c>
      <c r="IG31" s="71">
        <v>5</v>
      </c>
      <c r="IH31" s="72">
        <v>49</v>
      </c>
      <c r="II31" s="73">
        <v>69</v>
      </c>
      <c r="IJ31" s="70">
        <v>14</v>
      </c>
      <c r="IK31" s="71">
        <v>11</v>
      </c>
      <c r="IL31" s="72">
        <v>25</v>
      </c>
      <c r="IM31" s="276"/>
      <c r="IN31" s="71">
        <v>21</v>
      </c>
      <c r="IO31" s="71">
        <v>31</v>
      </c>
      <c r="IP31" s="71">
        <v>6</v>
      </c>
      <c r="IQ31" s="71">
        <v>9</v>
      </c>
      <c r="IR31" s="71">
        <v>10</v>
      </c>
      <c r="IS31" s="72">
        <v>77</v>
      </c>
      <c r="IT31" s="73">
        <v>102</v>
      </c>
      <c r="IU31" s="70">
        <v>6</v>
      </c>
      <c r="IV31" s="71">
        <v>12</v>
      </c>
      <c r="IW31" s="72">
        <v>18</v>
      </c>
      <c r="IX31" s="276"/>
      <c r="IY31" s="71">
        <v>32</v>
      </c>
      <c r="IZ31" s="71">
        <v>16</v>
      </c>
      <c r="JA31" s="71">
        <v>18</v>
      </c>
      <c r="JB31" s="71">
        <v>26</v>
      </c>
      <c r="JC31" s="71">
        <v>9</v>
      </c>
      <c r="JD31" s="72">
        <v>101</v>
      </c>
      <c r="JE31" s="73">
        <v>119</v>
      </c>
      <c r="JF31" s="70">
        <v>3</v>
      </c>
      <c r="JG31" s="71">
        <v>5</v>
      </c>
      <c r="JH31" s="72">
        <v>8</v>
      </c>
      <c r="JI31" s="276"/>
      <c r="JJ31" s="71">
        <v>14</v>
      </c>
      <c r="JK31" s="71">
        <v>40</v>
      </c>
      <c r="JL31" s="71">
        <v>27</v>
      </c>
      <c r="JM31" s="71">
        <v>20</v>
      </c>
      <c r="JN31" s="71">
        <v>15</v>
      </c>
      <c r="JO31" s="72">
        <v>116</v>
      </c>
      <c r="JP31" s="73">
        <v>124</v>
      </c>
      <c r="JQ31" s="70">
        <v>0</v>
      </c>
      <c r="JR31" s="71">
        <v>1</v>
      </c>
      <c r="JS31" s="72">
        <v>1</v>
      </c>
      <c r="JT31" s="276"/>
      <c r="JU31" s="71">
        <v>1</v>
      </c>
      <c r="JV31" s="71">
        <v>2</v>
      </c>
      <c r="JW31" s="71">
        <v>0</v>
      </c>
      <c r="JX31" s="71">
        <v>3</v>
      </c>
      <c r="JY31" s="71">
        <v>4</v>
      </c>
      <c r="JZ31" s="72">
        <v>10</v>
      </c>
      <c r="KA31" s="73">
        <v>11</v>
      </c>
      <c r="KB31" s="70">
        <v>42</v>
      </c>
      <c r="KC31" s="71">
        <v>49</v>
      </c>
      <c r="KD31" s="72">
        <v>91</v>
      </c>
      <c r="KE31" s="276"/>
      <c r="KF31" s="71">
        <v>90</v>
      </c>
      <c r="KG31" s="71">
        <v>114</v>
      </c>
      <c r="KH31" s="71">
        <v>68</v>
      </c>
      <c r="KI31" s="71">
        <v>70</v>
      </c>
      <c r="KJ31" s="71">
        <v>45</v>
      </c>
      <c r="KK31" s="72">
        <v>387</v>
      </c>
      <c r="KL31" s="73">
        <v>478</v>
      </c>
    </row>
    <row r="32" spans="1:298" ht="19.5" customHeight="1" x14ac:dyDescent="0.2">
      <c r="A32" s="129" t="s">
        <v>29</v>
      </c>
      <c r="B32" s="350">
        <v>18</v>
      </c>
      <c r="C32" s="82">
        <v>24</v>
      </c>
      <c r="D32" s="83">
        <v>42</v>
      </c>
      <c r="E32" s="273"/>
      <c r="F32" s="82">
        <v>41</v>
      </c>
      <c r="G32" s="82">
        <v>59</v>
      </c>
      <c r="H32" s="82">
        <v>44</v>
      </c>
      <c r="I32" s="82">
        <v>41</v>
      </c>
      <c r="J32" s="82">
        <v>12</v>
      </c>
      <c r="K32" s="84">
        <v>197</v>
      </c>
      <c r="L32" s="85">
        <v>239</v>
      </c>
      <c r="M32" s="70">
        <v>1</v>
      </c>
      <c r="N32" s="71">
        <v>2</v>
      </c>
      <c r="O32" s="72">
        <v>3</v>
      </c>
      <c r="P32" s="276"/>
      <c r="Q32" s="71">
        <v>2</v>
      </c>
      <c r="R32" s="71">
        <v>2</v>
      </c>
      <c r="S32" s="71">
        <v>6</v>
      </c>
      <c r="T32" s="71">
        <v>0</v>
      </c>
      <c r="U32" s="71">
        <v>0</v>
      </c>
      <c r="V32" s="72">
        <v>10</v>
      </c>
      <c r="W32" s="73">
        <v>13</v>
      </c>
      <c r="X32" s="70">
        <v>3</v>
      </c>
      <c r="Y32" s="71">
        <v>3</v>
      </c>
      <c r="Z32" s="72">
        <v>6</v>
      </c>
      <c r="AA32" s="276">
        <v>0</v>
      </c>
      <c r="AB32" s="71">
        <v>7</v>
      </c>
      <c r="AC32" s="71">
        <v>8</v>
      </c>
      <c r="AD32" s="71">
        <v>3</v>
      </c>
      <c r="AE32" s="71">
        <v>6</v>
      </c>
      <c r="AF32" s="71">
        <v>2</v>
      </c>
      <c r="AG32" s="72">
        <v>26</v>
      </c>
      <c r="AH32" s="73">
        <v>32</v>
      </c>
      <c r="AI32" s="70">
        <v>7</v>
      </c>
      <c r="AJ32" s="71">
        <v>8</v>
      </c>
      <c r="AK32" s="72">
        <v>15</v>
      </c>
      <c r="AL32" s="276"/>
      <c r="AM32" s="71">
        <v>6</v>
      </c>
      <c r="AN32" s="71">
        <v>7</v>
      </c>
      <c r="AO32" s="71">
        <v>6</v>
      </c>
      <c r="AP32" s="71">
        <v>8</v>
      </c>
      <c r="AQ32" s="71">
        <v>1</v>
      </c>
      <c r="AR32" s="72">
        <v>28</v>
      </c>
      <c r="AS32" s="73">
        <v>43</v>
      </c>
      <c r="AT32" s="70">
        <v>5</v>
      </c>
      <c r="AU32" s="71">
        <v>5</v>
      </c>
      <c r="AV32" s="72">
        <v>10</v>
      </c>
      <c r="AW32" s="276"/>
      <c r="AX32" s="71">
        <v>7</v>
      </c>
      <c r="AY32" s="71">
        <v>16</v>
      </c>
      <c r="AZ32" s="71">
        <v>9</v>
      </c>
      <c r="BA32" s="71">
        <v>10</v>
      </c>
      <c r="BB32" s="71">
        <v>4</v>
      </c>
      <c r="BC32" s="72">
        <v>46</v>
      </c>
      <c r="BD32" s="73">
        <v>56</v>
      </c>
      <c r="BE32" s="70">
        <v>1</v>
      </c>
      <c r="BF32" s="71">
        <v>3</v>
      </c>
      <c r="BG32" s="72">
        <v>4</v>
      </c>
      <c r="BH32" s="276"/>
      <c r="BI32" s="71">
        <v>12</v>
      </c>
      <c r="BJ32" s="71">
        <v>12</v>
      </c>
      <c r="BK32" s="71">
        <v>13</v>
      </c>
      <c r="BL32" s="71">
        <v>13</v>
      </c>
      <c r="BM32" s="71">
        <v>3</v>
      </c>
      <c r="BN32" s="72">
        <v>53</v>
      </c>
      <c r="BO32" s="73">
        <v>57</v>
      </c>
      <c r="BP32" s="70">
        <v>1</v>
      </c>
      <c r="BQ32" s="71">
        <v>3</v>
      </c>
      <c r="BR32" s="72">
        <v>4</v>
      </c>
      <c r="BS32" s="276"/>
      <c r="BT32" s="71">
        <v>7</v>
      </c>
      <c r="BU32" s="71">
        <v>14</v>
      </c>
      <c r="BV32" s="71">
        <v>7</v>
      </c>
      <c r="BW32" s="71">
        <v>4</v>
      </c>
      <c r="BX32" s="71">
        <v>2</v>
      </c>
      <c r="BY32" s="72">
        <v>34</v>
      </c>
      <c r="BZ32" s="73">
        <v>38</v>
      </c>
      <c r="CA32" s="70">
        <v>1</v>
      </c>
      <c r="CB32" s="71">
        <v>2</v>
      </c>
      <c r="CC32" s="72">
        <v>3</v>
      </c>
      <c r="CD32" s="276"/>
      <c r="CE32" s="71">
        <v>2</v>
      </c>
      <c r="CF32" s="71">
        <v>3</v>
      </c>
      <c r="CG32" s="71">
        <v>2</v>
      </c>
      <c r="CH32" s="71">
        <v>1</v>
      </c>
      <c r="CI32" s="71">
        <v>1</v>
      </c>
      <c r="CJ32" s="72">
        <v>9</v>
      </c>
      <c r="CK32" s="73">
        <v>12</v>
      </c>
      <c r="CL32" s="70">
        <v>19</v>
      </c>
      <c r="CM32" s="71">
        <v>26</v>
      </c>
      <c r="CN32" s="72">
        <v>45</v>
      </c>
      <c r="CO32" s="276"/>
      <c r="CP32" s="71">
        <v>43</v>
      </c>
      <c r="CQ32" s="71">
        <v>62</v>
      </c>
      <c r="CR32" s="71">
        <v>46</v>
      </c>
      <c r="CS32" s="71">
        <v>42</v>
      </c>
      <c r="CT32" s="71">
        <v>13</v>
      </c>
      <c r="CU32" s="72">
        <v>206</v>
      </c>
      <c r="CV32" s="73">
        <v>251</v>
      </c>
      <c r="CW32" s="126">
        <v>37</v>
      </c>
      <c r="CX32" s="82">
        <v>50</v>
      </c>
      <c r="CY32" s="83">
        <v>87</v>
      </c>
      <c r="CZ32" s="273"/>
      <c r="DA32" s="82">
        <v>81</v>
      </c>
      <c r="DB32" s="82">
        <v>75</v>
      </c>
      <c r="DC32" s="82">
        <v>57</v>
      </c>
      <c r="DD32" s="82">
        <v>75</v>
      </c>
      <c r="DE32" s="82">
        <v>54</v>
      </c>
      <c r="DF32" s="84">
        <v>342</v>
      </c>
      <c r="DG32" s="85">
        <v>429</v>
      </c>
      <c r="DH32" s="70">
        <v>1</v>
      </c>
      <c r="DI32" s="71">
        <v>3</v>
      </c>
      <c r="DJ32" s="72">
        <v>4</v>
      </c>
      <c r="DK32" s="276"/>
      <c r="DL32" s="71">
        <v>1</v>
      </c>
      <c r="DM32" s="71">
        <v>2</v>
      </c>
      <c r="DN32" s="71">
        <v>0</v>
      </c>
      <c r="DO32" s="71">
        <v>3</v>
      </c>
      <c r="DP32" s="71">
        <v>3</v>
      </c>
      <c r="DQ32" s="72">
        <v>9</v>
      </c>
      <c r="DR32" s="73">
        <v>13</v>
      </c>
      <c r="DS32" s="70">
        <v>4</v>
      </c>
      <c r="DT32" s="71">
        <v>2</v>
      </c>
      <c r="DU32" s="72">
        <v>6</v>
      </c>
      <c r="DV32" s="276"/>
      <c r="DW32" s="71">
        <v>3</v>
      </c>
      <c r="DX32" s="71">
        <v>4</v>
      </c>
      <c r="DY32" s="71">
        <v>6</v>
      </c>
      <c r="DZ32" s="71">
        <v>2</v>
      </c>
      <c r="EA32" s="71">
        <v>3</v>
      </c>
      <c r="EB32" s="72">
        <v>18</v>
      </c>
      <c r="EC32" s="73">
        <v>24</v>
      </c>
      <c r="ED32" s="70">
        <v>6</v>
      </c>
      <c r="EE32" s="71">
        <v>9</v>
      </c>
      <c r="EF32" s="72">
        <v>15</v>
      </c>
      <c r="EG32" s="276"/>
      <c r="EH32" s="71">
        <v>10</v>
      </c>
      <c r="EI32" s="71">
        <v>9</v>
      </c>
      <c r="EJ32" s="71">
        <v>3</v>
      </c>
      <c r="EK32" s="71">
        <v>9</v>
      </c>
      <c r="EL32" s="71">
        <v>5</v>
      </c>
      <c r="EM32" s="72">
        <v>36</v>
      </c>
      <c r="EN32" s="73">
        <v>51</v>
      </c>
      <c r="EO32" s="70">
        <v>7</v>
      </c>
      <c r="EP32" s="71">
        <v>17</v>
      </c>
      <c r="EQ32" s="72">
        <v>24</v>
      </c>
      <c r="ER32" s="276"/>
      <c r="ES32" s="71">
        <v>24</v>
      </c>
      <c r="ET32" s="71">
        <v>15</v>
      </c>
      <c r="EU32" s="71">
        <v>10</v>
      </c>
      <c r="EV32" s="71">
        <v>16</v>
      </c>
      <c r="EW32" s="71">
        <v>8</v>
      </c>
      <c r="EX32" s="72">
        <v>73</v>
      </c>
      <c r="EY32" s="73">
        <v>97</v>
      </c>
      <c r="EZ32" s="70">
        <v>14</v>
      </c>
      <c r="FA32" s="71">
        <v>13</v>
      </c>
      <c r="FB32" s="72">
        <v>27</v>
      </c>
      <c r="FC32" s="276"/>
      <c r="FD32" s="71">
        <v>31</v>
      </c>
      <c r="FE32" s="71">
        <v>15</v>
      </c>
      <c r="FF32" s="71">
        <v>17</v>
      </c>
      <c r="FG32" s="71">
        <v>22</v>
      </c>
      <c r="FH32" s="71">
        <v>13</v>
      </c>
      <c r="FI32" s="72">
        <v>98</v>
      </c>
      <c r="FJ32" s="73">
        <v>125</v>
      </c>
      <c r="FK32" s="70">
        <v>5</v>
      </c>
      <c r="FL32" s="71">
        <v>6</v>
      </c>
      <c r="FM32" s="72">
        <v>11</v>
      </c>
      <c r="FN32" s="276"/>
      <c r="FO32" s="71">
        <v>12</v>
      </c>
      <c r="FP32" s="71">
        <v>30</v>
      </c>
      <c r="FQ32" s="71">
        <v>21</v>
      </c>
      <c r="FR32" s="71">
        <v>23</v>
      </c>
      <c r="FS32" s="71">
        <v>22</v>
      </c>
      <c r="FT32" s="72">
        <v>108</v>
      </c>
      <c r="FU32" s="73">
        <v>119</v>
      </c>
      <c r="FV32" s="70">
        <v>1</v>
      </c>
      <c r="FW32" s="71">
        <v>1</v>
      </c>
      <c r="FX32" s="72">
        <v>2</v>
      </c>
      <c r="FY32" s="276"/>
      <c r="FZ32" s="71">
        <v>1</v>
      </c>
      <c r="GA32" s="71">
        <v>1</v>
      </c>
      <c r="GB32" s="71">
        <v>0</v>
      </c>
      <c r="GC32" s="71">
        <v>0</v>
      </c>
      <c r="GD32" s="71">
        <v>0</v>
      </c>
      <c r="GE32" s="72">
        <v>2</v>
      </c>
      <c r="GF32" s="73">
        <v>4</v>
      </c>
      <c r="GG32" s="70">
        <v>38</v>
      </c>
      <c r="GH32" s="71">
        <v>51</v>
      </c>
      <c r="GI32" s="72">
        <v>89</v>
      </c>
      <c r="GJ32" s="276"/>
      <c r="GK32" s="71">
        <v>82</v>
      </c>
      <c r="GL32" s="71">
        <v>76</v>
      </c>
      <c r="GM32" s="71">
        <v>57</v>
      </c>
      <c r="GN32" s="71">
        <v>75</v>
      </c>
      <c r="GO32" s="71">
        <v>54</v>
      </c>
      <c r="GP32" s="72">
        <v>344</v>
      </c>
      <c r="GQ32" s="73">
        <v>433</v>
      </c>
      <c r="GR32" s="126">
        <v>55</v>
      </c>
      <c r="GS32" s="82">
        <v>74</v>
      </c>
      <c r="GT32" s="83">
        <v>129</v>
      </c>
      <c r="GU32" s="273"/>
      <c r="GV32" s="82">
        <v>122</v>
      </c>
      <c r="GW32" s="82">
        <v>134</v>
      </c>
      <c r="GX32" s="82">
        <v>101</v>
      </c>
      <c r="GY32" s="82">
        <v>116</v>
      </c>
      <c r="GZ32" s="82">
        <v>66</v>
      </c>
      <c r="HA32" s="84">
        <v>539</v>
      </c>
      <c r="HB32" s="85">
        <v>668</v>
      </c>
      <c r="HC32" s="70">
        <v>2</v>
      </c>
      <c r="HD32" s="71">
        <v>5</v>
      </c>
      <c r="HE32" s="72">
        <v>7</v>
      </c>
      <c r="HF32" s="276"/>
      <c r="HG32" s="71">
        <v>3</v>
      </c>
      <c r="HH32" s="71">
        <v>4</v>
      </c>
      <c r="HI32" s="71">
        <v>6</v>
      </c>
      <c r="HJ32" s="71">
        <v>3</v>
      </c>
      <c r="HK32" s="71">
        <v>3</v>
      </c>
      <c r="HL32" s="72">
        <v>19</v>
      </c>
      <c r="HM32" s="73">
        <v>26</v>
      </c>
      <c r="HN32" s="70">
        <v>7</v>
      </c>
      <c r="HO32" s="71">
        <v>5</v>
      </c>
      <c r="HP32" s="72">
        <v>12</v>
      </c>
      <c r="HQ32" s="276"/>
      <c r="HR32" s="71">
        <v>10</v>
      </c>
      <c r="HS32" s="71">
        <v>12</v>
      </c>
      <c r="HT32" s="71">
        <v>9</v>
      </c>
      <c r="HU32" s="71">
        <v>8</v>
      </c>
      <c r="HV32" s="71">
        <v>5</v>
      </c>
      <c r="HW32" s="72">
        <v>44</v>
      </c>
      <c r="HX32" s="73">
        <v>56</v>
      </c>
      <c r="HY32" s="70">
        <v>13</v>
      </c>
      <c r="HZ32" s="71">
        <v>17</v>
      </c>
      <c r="IA32" s="72">
        <v>30</v>
      </c>
      <c r="IB32" s="276"/>
      <c r="IC32" s="71">
        <v>16</v>
      </c>
      <c r="ID32" s="71">
        <v>16</v>
      </c>
      <c r="IE32" s="71">
        <v>9</v>
      </c>
      <c r="IF32" s="71">
        <v>17</v>
      </c>
      <c r="IG32" s="71">
        <v>6</v>
      </c>
      <c r="IH32" s="72">
        <v>64</v>
      </c>
      <c r="II32" s="73">
        <v>94</v>
      </c>
      <c r="IJ32" s="70">
        <v>12</v>
      </c>
      <c r="IK32" s="71">
        <v>22</v>
      </c>
      <c r="IL32" s="72">
        <v>34</v>
      </c>
      <c r="IM32" s="276"/>
      <c r="IN32" s="71">
        <v>31</v>
      </c>
      <c r="IO32" s="71">
        <v>31</v>
      </c>
      <c r="IP32" s="71">
        <v>19</v>
      </c>
      <c r="IQ32" s="71">
        <v>26</v>
      </c>
      <c r="IR32" s="71">
        <v>12</v>
      </c>
      <c r="IS32" s="72">
        <v>119</v>
      </c>
      <c r="IT32" s="73">
        <v>153</v>
      </c>
      <c r="IU32" s="70">
        <v>15</v>
      </c>
      <c r="IV32" s="71">
        <v>16</v>
      </c>
      <c r="IW32" s="72">
        <v>31</v>
      </c>
      <c r="IX32" s="276"/>
      <c r="IY32" s="71">
        <v>43</v>
      </c>
      <c r="IZ32" s="71">
        <v>27</v>
      </c>
      <c r="JA32" s="71">
        <v>30</v>
      </c>
      <c r="JB32" s="71">
        <v>35</v>
      </c>
      <c r="JC32" s="71">
        <v>16</v>
      </c>
      <c r="JD32" s="72">
        <v>151</v>
      </c>
      <c r="JE32" s="73">
        <v>182</v>
      </c>
      <c r="JF32" s="70">
        <v>6</v>
      </c>
      <c r="JG32" s="71">
        <v>9</v>
      </c>
      <c r="JH32" s="72">
        <v>15</v>
      </c>
      <c r="JI32" s="276"/>
      <c r="JJ32" s="71">
        <v>19</v>
      </c>
      <c r="JK32" s="71">
        <v>44</v>
      </c>
      <c r="JL32" s="71">
        <v>28</v>
      </c>
      <c r="JM32" s="71">
        <v>27</v>
      </c>
      <c r="JN32" s="71">
        <v>24</v>
      </c>
      <c r="JO32" s="72">
        <v>142</v>
      </c>
      <c r="JP32" s="73">
        <v>157</v>
      </c>
      <c r="JQ32" s="70">
        <v>2</v>
      </c>
      <c r="JR32" s="71">
        <v>3</v>
      </c>
      <c r="JS32" s="72">
        <v>5</v>
      </c>
      <c r="JT32" s="276"/>
      <c r="JU32" s="71">
        <v>3</v>
      </c>
      <c r="JV32" s="71">
        <v>4</v>
      </c>
      <c r="JW32" s="71">
        <v>2</v>
      </c>
      <c r="JX32" s="71">
        <v>1</v>
      </c>
      <c r="JY32" s="71">
        <v>1</v>
      </c>
      <c r="JZ32" s="72">
        <v>11</v>
      </c>
      <c r="KA32" s="73">
        <v>16</v>
      </c>
      <c r="KB32" s="70">
        <v>57</v>
      </c>
      <c r="KC32" s="71">
        <v>77</v>
      </c>
      <c r="KD32" s="72">
        <v>134</v>
      </c>
      <c r="KE32" s="276"/>
      <c r="KF32" s="71">
        <v>125</v>
      </c>
      <c r="KG32" s="71">
        <v>138</v>
      </c>
      <c r="KH32" s="71">
        <v>103</v>
      </c>
      <c r="KI32" s="71">
        <v>117</v>
      </c>
      <c r="KJ32" s="71">
        <v>67</v>
      </c>
      <c r="KK32" s="72">
        <v>550</v>
      </c>
      <c r="KL32" s="73">
        <v>684</v>
      </c>
    </row>
    <row r="33" spans="1:298" ht="19.5" customHeight="1" x14ac:dyDescent="0.2">
      <c r="A33" s="129" t="s">
        <v>30</v>
      </c>
      <c r="B33" s="350">
        <v>14</v>
      </c>
      <c r="C33" s="82">
        <v>12</v>
      </c>
      <c r="D33" s="83">
        <v>26</v>
      </c>
      <c r="E33" s="273"/>
      <c r="F33" s="82">
        <v>42</v>
      </c>
      <c r="G33" s="82">
        <v>41</v>
      </c>
      <c r="H33" s="82">
        <v>31</v>
      </c>
      <c r="I33" s="82">
        <v>32</v>
      </c>
      <c r="J33" s="82">
        <v>10</v>
      </c>
      <c r="K33" s="84">
        <v>156</v>
      </c>
      <c r="L33" s="85">
        <v>182</v>
      </c>
      <c r="M33" s="70">
        <v>2</v>
      </c>
      <c r="N33" s="71">
        <v>0</v>
      </c>
      <c r="O33" s="72">
        <v>2</v>
      </c>
      <c r="P33" s="276"/>
      <c r="Q33" s="71">
        <v>4</v>
      </c>
      <c r="R33" s="71">
        <v>3</v>
      </c>
      <c r="S33" s="71">
        <v>2</v>
      </c>
      <c r="T33" s="71">
        <v>1</v>
      </c>
      <c r="U33" s="71">
        <v>0</v>
      </c>
      <c r="V33" s="72">
        <v>10</v>
      </c>
      <c r="W33" s="73">
        <v>12</v>
      </c>
      <c r="X33" s="70">
        <v>4</v>
      </c>
      <c r="Y33" s="71">
        <v>1</v>
      </c>
      <c r="Z33" s="72">
        <v>5</v>
      </c>
      <c r="AA33" s="276">
        <v>0</v>
      </c>
      <c r="AB33" s="71">
        <v>6</v>
      </c>
      <c r="AC33" s="71">
        <v>4</v>
      </c>
      <c r="AD33" s="71">
        <v>1</v>
      </c>
      <c r="AE33" s="71">
        <v>4</v>
      </c>
      <c r="AF33" s="71">
        <v>3</v>
      </c>
      <c r="AG33" s="72">
        <v>18</v>
      </c>
      <c r="AH33" s="73">
        <v>23</v>
      </c>
      <c r="AI33" s="70">
        <v>1</v>
      </c>
      <c r="AJ33" s="71">
        <v>4</v>
      </c>
      <c r="AK33" s="72">
        <v>5</v>
      </c>
      <c r="AL33" s="276"/>
      <c r="AM33" s="71">
        <v>4</v>
      </c>
      <c r="AN33" s="71">
        <v>3</v>
      </c>
      <c r="AO33" s="71">
        <v>5</v>
      </c>
      <c r="AP33" s="71">
        <v>4</v>
      </c>
      <c r="AQ33" s="71">
        <v>0</v>
      </c>
      <c r="AR33" s="72">
        <v>16</v>
      </c>
      <c r="AS33" s="73">
        <v>21</v>
      </c>
      <c r="AT33" s="70">
        <v>1</v>
      </c>
      <c r="AU33" s="71">
        <v>3</v>
      </c>
      <c r="AV33" s="72">
        <v>4</v>
      </c>
      <c r="AW33" s="276"/>
      <c r="AX33" s="71">
        <v>11</v>
      </c>
      <c r="AY33" s="71">
        <v>11</v>
      </c>
      <c r="AZ33" s="71">
        <v>10</v>
      </c>
      <c r="BA33" s="71">
        <v>6</v>
      </c>
      <c r="BB33" s="71">
        <v>3</v>
      </c>
      <c r="BC33" s="72">
        <v>41</v>
      </c>
      <c r="BD33" s="73">
        <v>45</v>
      </c>
      <c r="BE33" s="70">
        <v>5</v>
      </c>
      <c r="BF33" s="71">
        <v>2</v>
      </c>
      <c r="BG33" s="72">
        <v>7</v>
      </c>
      <c r="BH33" s="276"/>
      <c r="BI33" s="71">
        <v>8</v>
      </c>
      <c r="BJ33" s="71">
        <v>10</v>
      </c>
      <c r="BK33" s="71">
        <v>6</v>
      </c>
      <c r="BL33" s="71">
        <v>8</v>
      </c>
      <c r="BM33" s="71">
        <v>3</v>
      </c>
      <c r="BN33" s="72">
        <v>35</v>
      </c>
      <c r="BO33" s="73">
        <v>42</v>
      </c>
      <c r="BP33" s="70">
        <v>1</v>
      </c>
      <c r="BQ33" s="71">
        <v>2</v>
      </c>
      <c r="BR33" s="72">
        <v>3</v>
      </c>
      <c r="BS33" s="276"/>
      <c r="BT33" s="71">
        <v>9</v>
      </c>
      <c r="BU33" s="71">
        <v>10</v>
      </c>
      <c r="BV33" s="71">
        <v>7</v>
      </c>
      <c r="BW33" s="71">
        <v>9</v>
      </c>
      <c r="BX33" s="71">
        <v>1</v>
      </c>
      <c r="BY33" s="72">
        <v>36</v>
      </c>
      <c r="BZ33" s="73">
        <v>39</v>
      </c>
      <c r="CA33" s="70">
        <v>0</v>
      </c>
      <c r="CB33" s="71">
        <v>0</v>
      </c>
      <c r="CC33" s="72">
        <v>0</v>
      </c>
      <c r="CD33" s="276"/>
      <c r="CE33" s="71">
        <v>1</v>
      </c>
      <c r="CF33" s="71">
        <v>0</v>
      </c>
      <c r="CG33" s="71">
        <v>2</v>
      </c>
      <c r="CH33" s="71">
        <v>1</v>
      </c>
      <c r="CI33" s="71">
        <v>1</v>
      </c>
      <c r="CJ33" s="72">
        <v>5</v>
      </c>
      <c r="CK33" s="73">
        <v>5</v>
      </c>
      <c r="CL33" s="70">
        <v>14</v>
      </c>
      <c r="CM33" s="71">
        <v>12</v>
      </c>
      <c r="CN33" s="72">
        <v>26</v>
      </c>
      <c r="CO33" s="276"/>
      <c r="CP33" s="71">
        <v>43</v>
      </c>
      <c r="CQ33" s="71">
        <v>41</v>
      </c>
      <c r="CR33" s="71">
        <v>33</v>
      </c>
      <c r="CS33" s="71">
        <v>33</v>
      </c>
      <c r="CT33" s="71">
        <v>11</v>
      </c>
      <c r="CU33" s="72">
        <v>161</v>
      </c>
      <c r="CV33" s="73">
        <v>187</v>
      </c>
      <c r="CW33" s="126">
        <v>37</v>
      </c>
      <c r="CX33" s="82">
        <v>38</v>
      </c>
      <c r="CY33" s="83">
        <v>75</v>
      </c>
      <c r="CZ33" s="273"/>
      <c r="DA33" s="82">
        <v>91</v>
      </c>
      <c r="DB33" s="82">
        <v>70</v>
      </c>
      <c r="DC33" s="82">
        <v>80</v>
      </c>
      <c r="DD33" s="82">
        <v>67</v>
      </c>
      <c r="DE33" s="82">
        <v>46</v>
      </c>
      <c r="DF33" s="84">
        <v>354</v>
      </c>
      <c r="DG33" s="85">
        <v>429</v>
      </c>
      <c r="DH33" s="70">
        <v>0</v>
      </c>
      <c r="DI33" s="71">
        <v>0</v>
      </c>
      <c r="DJ33" s="72">
        <v>0</v>
      </c>
      <c r="DK33" s="276"/>
      <c r="DL33" s="71">
        <v>1</v>
      </c>
      <c r="DM33" s="71">
        <v>1</v>
      </c>
      <c r="DN33" s="71">
        <v>1</v>
      </c>
      <c r="DO33" s="71">
        <v>1</v>
      </c>
      <c r="DP33" s="71">
        <v>2</v>
      </c>
      <c r="DQ33" s="72">
        <v>6</v>
      </c>
      <c r="DR33" s="73">
        <v>6</v>
      </c>
      <c r="DS33" s="70">
        <v>4</v>
      </c>
      <c r="DT33" s="71">
        <v>4</v>
      </c>
      <c r="DU33" s="72">
        <v>8</v>
      </c>
      <c r="DV33" s="276"/>
      <c r="DW33" s="71">
        <v>2</v>
      </c>
      <c r="DX33" s="71">
        <v>5</v>
      </c>
      <c r="DY33" s="71">
        <v>5</v>
      </c>
      <c r="DZ33" s="71">
        <v>1</v>
      </c>
      <c r="EA33" s="71">
        <v>4</v>
      </c>
      <c r="EB33" s="72">
        <v>17</v>
      </c>
      <c r="EC33" s="73">
        <v>25</v>
      </c>
      <c r="ED33" s="70">
        <v>10</v>
      </c>
      <c r="EE33" s="71">
        <v>2</v>
      </c>
      <c r="EF33" s="72">
        <v>12</v>
      </c>
      <c r="EG33" s="276"/>
      <c r="EH33" s="71">
        <v>13</v>
      </c>
      <c r="EI33" s="71">
        <v>4</v>
      </c>
      <c r="EJ33" s="71">
        <v>12</v>
      </c>
      <c r="EK33" s="71">
        <v>7</v>
      </c>
      <c r="EL33" s="71">
        <v>3</v>
      </c>
      <c r="EM33" s="72">
        <v>39</v>
      </c>
      <c r="EN33" s="73">
        <v>51</v>
      </c>
      <c r="EO33" s="70">
        <v>8</v>
      </c>
      <c r="EP33" s="71">
        <v>14</v>
      </c>
      <c r="EQ33" s="72">
        <v>22</v>
      </c>
      <c r="ER33" s="276"/>
      <c r="ES33" s="71">
        <v>29</v>
      </c>
      <c r="ET33" s="71">
        <v>15</v>
      </c>
      <c r="EU33" s="71">
        <v>11</v>
      </c>
      <c r="EV33" s="71">
        <v>7</v>
      </c>
      <c r="EW33" s="71">
        <v>15</v>
      </c>
      <c r="EX33" s="72">
        <v>77</v>
      </c>
      <c r="EY33" s="73">
        <v>99</v>
      </c>
      <c r="EZ33" s="70">
        <v>8</v>
      </c>
      <c r="FA33" s="71">
        <v>10</v>
      </c>
      <c r="FB33" s="72">
        <v>18</v>
      </c>
      <c r="FC33" s="276"/>
      <c r="FD33" s="71">
        <v>20</v>
      </c>
      <c r="FE33" s="71">
        <v>21</v>
      </c>
      <c r="FF33" s="71">
        <v>17</v>
      </c>
      <c r="FG33" s="71">
        <v>24</v>
      </c>
      <c r="FH33" s="71">
        <v>9</v>
      </c>
      <c r="FI33" s="72">
        <v>91</v>
      </c>
      <c r="FJ33" s="73">
        <v>109</v>
      </c>
      <c r="FK33" s="70">
        <v>7</v>
      </c>
      <c r="FL33" s="71">
        <v>8</v>
      </c>
      <c r="FM33" s="72">
        <v>15</v>
      </c>
      <c r="FN33" s="276"/>
      <c r="FO33" s="71">
        <v>26</v>
      </c>
      <c r="FP33" s="71">
        <v>24</v>
      </c>
      <c r="FQ33" s="71">
        <v>34</v>
      </c>
      <c r="FR33" s="71">
        <v>27</v>
      </c>
      <c r="FS33" s="71">
        <v>13</v>
      </c>
      <c r="FT33" s="72">
        <v>124</v>
      </c>
      <c r="FU33" s="73">
        <v>139</v>
      </c>
      <c r="FV33" s="70">
        <v>0</v>
      </c>
      <c r="FW33" s="71">
        <v>0</v>
      </c>
      <c r="FX33" s="72">
        <v>0</v>
      </c>
      <c r="FY33" s="276"/>
      <c r="FZ33" s="71">
        <v>0</v>
      </c>
      <c r="GA33" s="71">
        <v>0</v>
      </c>
      <c r="GB33" s="71">
        <v>0</v>
      </c>
      <c r="GC33" s="71">
        <v>1</v>
      </c>
      <c r="GD33" s="71">
        <v>1</v>
      </c>
      <c r="GE33" s="72">
        <v>2</v>
      </c>
      <c r="GF33" s="73">
        <v>2</v>
      </c>
      <c r="GG33" s="70">
        <v>37</v>
      </c>
      <c r="GH33" s="71">
        <v>38</v>
      </c>
      <c r="GI33" s="72">
        <v>75</v>
      </c>
      <c r="GJ33" s="276"/>
      <c r="GK33" s="71">
        <v>91</v>
      </c>
      <c r="GL33" s="71">
        <v>70</v>
      </c>
      <c r="GM33" s="71">
        <v>80</v>
      </c>
      <c r="GN33" s="71">
        <v>68</v>
      </c>
      <c r="GO33" s="71">
        <v>47</v>
      </c>
      <c r="GP33" s="72">
        <v>356</v>
      </c>
      <c r="GQ33" s="73">
        <v>431</v>
      </c>
      <c r="GR33" s="126">
        <v>51</v>
      </c>
      <c r="GS33" s="82">
        <v>50</v>
      </c>
      <c r="GT33" s="83">
        <v>101</v>
      </c>
      <c r="GU33" s="273"/>
      <c r="GV33" s="82">
        <v>133</v>
      </c>
      <c r="GW33" s="82">
        <v>111</v>
      </c>
      <c r="GX33" s="82">
        <v>111</v>
      </c>
      <c r="GY33" s="82">
        <v>99</v>
      </c>
      <c r="GZ33" s="82">
        <v>56</v>
      </c>
      <c r="HA33" s="84">
        <v>510</v>
      </c>
      <c r="HB33" s="85">
        <v>611</v>
      </c>
      <c r="HC33" s="70">
        <v>2</v>
      </c>
      <c r="HD33" s="71">
        <v>0</v>
      </c>
      <c r="HE33" s="72">
        <v>2</v>
      </c>
      <c r="HF33" s="276"/>
      <c r="HG33" s="71">
        <v>5</v>
      </c>
      <c r="HH33" s="71">
        <v>4</v>
      </c>
      <c r="HI33" s="71">
        <v>3</v>
      </c>
      <c r="HJ33" s="71">
        <v>2</v>
      </c>
      <c r="HK33" s="71">
        <v>2</v>
      </c>
      <c r="HL33" s="72">
        <v>16</v>
      </c>
      <c r="HM33" s="73">
        <v>18</v>
      </c>
      <c r="HN33" s="70">
        <v>8</v>
      </c>
      <c r="HO33" s="71">
        <v>5</v>
      </c>
      <c r="HP33" s="72">
        <v>13</v>
      </c>
      <c r="HQ33" s="276"/>
      <c r="HR33" s="71">
        <v>8</v>
      </c>
      <c r="HS33" s="71">
        <v>9</v>
      </c>
      <c r="HT33" s="71">
        <v>6</v>
      </c>
      <c r="HU33" s="71">
        <v>5</v>
      </c>
      <c r="HV33" s="71">
        <v>7</v>
      </c>
      <c r="HW33" s="72">
        <v>35</v>
      </c>
      <c r="HX33" s="73">
        <v>48</v>
      </c>
      <c r="HY33" s="70">
        <v>11</v>
      </c>
      <c r="HZ33" s="71">
        <v>6</v>
      </c>
      <c r="IA33" s="72">
        <v>17</v>
      </c>
      <c r="IB33" s="276"/>
      <c r="IC33" s="71">
        <v>17</v>
      </c>
      <c r="ID33" s="71">
        <v>7</v>
      </c>
      <c r="IE33" s="71">
        <v>17</v>
      </c>
      <c r="IF33" s="71">
        <v>11</v>
      </c>
      <c r="IG33" s="71">
        <v>3</v>
      </c>
      <c r="IH33" s="72">
        <v>55</v>
      </c>
      <c r="II33" s="73">
        <v>72</v>
      </c>
      <c r="IJ33" s="70">
        <v>9</v>
      </c>
      <c r="IK33" s="71">
        <v>17</v>
      </c>
      <c r="IL33" s="72">
        <v>26</v>
      </c>
      <c r="IM33" s="276"/>
      <c r="IN33" s="71">
        <v>40</v>
      </c>
      <c r="IO33" s="71">
        <v>26</v>
      </c>
      <c r="IP33" s="71">
        <v>21</v>
      </c>
      <c r="IQ33" s="71">
        <v>13</v>
      </c>
      <c r="IR33" s="71">
        <v>18</v>
      </c>
      <c r="IS33" s="72">
        <v>118</v>
      </c>
      <c r="IT33" s="73">
        <v>144</v>
      </c>
      <c r="IU33" s="70">
        <v>13</v>
      </c>
      <c r="IV33" s="71">
        <v>12</v>
      </c>
      <c r="IW33" s="72">
        <v>25</v>
      </c>
      <c r="IX33" s="276"/>
      <c r="IY33" s="71">
        <v>28</v>
      </c>
      <c r="IZ33" s="71">
        <v>31</v>
      </c>
      <c r="JA33" s="71">
        <v>23</v>
      </c>
      <c r="JB33" s="71">
        <v>32</v>
      </c>
      <c r="JC33" s="71">
        <v>12</v>
      </c>
      <c r="JD33" s="72">
        <v>126</v>
      </c>
      <c r="JE33" s="73">
        <v>151</v>
      </c>
      <c r="JF33" s="70">
        <v>8</v>
      </c>
      <c r="JG33" s="71">
        <v>10</v>
      </c>
      <c r="JH33" s="72">
        <v>18</v>
      </c>
      <c r="JI33" s="276"/>
      <c r="JJ33" s="71">
        <v>35</v>
      </c>
      <c r="JK33" s="71">
        <v>34</v>
      </c>
      <c r="JL33" s="71">
        <v>41</v>
      </c>
      <c r="JM33" s="71">
        <v>36</v>
      </c>
      <c r="JN33" s="71">
        <v>14</v>
      </c>
      <c r="JO33" s="72">
        <v>160</v>
      </c>
      <c r="JP33" s="73">
        <v>178</v>
      </c>
      <c r="JQ33" s="70">
        <v>0</v>
      </c>
      <c r="JR33" s="71">
        <v>0</v>
      </c>
      <c r="JS33" s="72">
        <v>0</v>
      </c>
      <c r="JT33" s="276"/>
      <c r="JU33" s="71">
        <v>1</v>
      </c>
      <c r="JV33" s="71">
        <v>0</v>
      </c>
      <c r="JW33" s="71">
        <v>2</v>
      </c>
      <c r="JX33" s="71">
        <v>2</v>
      </c>
      <c r="JY33" s="71">
        <v>2</v>
      </c>
      <c r="JZ33" s="72">
        <v>7</v>
      </c>
      <c r="KA33" s="73">
        <v>7</v>
      </c>
      <c r="KB33" s="70">
        <v>51</v>
      </c>
      <c r="KC33" s="71">
        <v>50</v>
      </c>
      <c r="KD33" s="72">
        <v>101</v>
      </c>
      <c r="KE33" s="276"/>
      <c r="KF33" s="71">
        <v>134</v>
      </c>
      <c r="KG33" s="71">
        <v>111</v>
      </c>
      <c r="KH33" s="71">
        <v>113</v>
      </c>
      <c r="KI33" s="71">
        <v>101</v>
      </c>
      <c r="KJ33" s="71">
        <v>58</v>
      </c>
      <c r="KK33" s="72">
        <v>517</v>
      </c>
      <c r="KL33" s="73">
        <v>618</v>
      </c>
    </row>
    <row r="34" spans="1:298" ht="19.5" customHeight="1" x14ac:dyDescent="0.2">
      <c r="A34" s="129" t="s">
        <v>31</v>
      </c>
      <c r="B34" s="350">
        <v>19</v>
      </c>
      <c r="C34" s="82">
        <v>38</v>
      </c>
      <c r="D34" s="83">
        <v>57</v>
      </c>
      <c r="E34" s="273"/>
      <c r="F34" s="82">
        <v>56</v>
      </c>
      <c r="G34" s="82">
        <v>56</v>
      </c>
      <c r="H34" s="82">
        <v>37</v>
      </c>
      <c r="I34" s="82">
        <v>21</v>
      </c>
      <c r="J34" s="82">
        <v>11</v>
      </c>
      <c r="K34" s="84">
        <v>181</v>
      </c>
      <c r="L34" s="85">
        <v>238</v>
      </c>
      <c r="M34" s="70">
        <v>0</v>
      </c>
      <c r="N34" s="71">
        <v>0</v>
      </c>
      <c r="O34" s="72">
        <v>0</v>
      </c>
      <c r="P34" s="276"/>
      <c r="Q34" s="71">
        <v>4</v>
      </c>
      <c r="R34" s="71">
        <v>2</v>
      </c>
      <c r="S34" s="71">
        <v>5</v>
      </c>
      <c r="T34" s="71">
        <v>1</v>
      </c>
      <c r="U34" s="71">
        <v>1</v>
      </c>
      <c r="V34" s="72">
        <v>13</v>
      </c>
      <c r="W34" s="73">
        <v>13</v>
      </c>
      <c r="X34" s="70">
        <v>2</v>
      </c>
      <c r="Y34" s="71">
        <v>5</v>
      </c>
      <c r="Z34" s="72">
        <v>7</v>
      </c>
      <c r="AA34" s="276">
        <v>0</v>
      </c>
      <c r="AB34" s="71">
        <v>8</v>
      </c>
      <c r="AC34" s="71">
        <v>6</v>
      </c>
      <c r="AD34" s="71">
        <v>5</v>
      </c>
      <c r="AE34" s="71">
        <v>3</v>
      </c>
      <c r="AF34" s="71">
        <v>2</v>
      </c>
      <c r="AG34" s="72">
        <v>24</v>
      </c>
      <c r="AH34" s="73">
        <v>31</v>
      </c>
      <c r="AI34" s="70">
        <v>2</v>
      </c>
      <c r="AJ34" s="71">
        <v>4</v>
      </c>
      <c r="AK34" s="72">
        <v>6</v>
      </c>
      <c r="AL34" s="276"/>
      <c r="AM34" s="71">
        <v>8</v>
      </c>
      <c r="AN34" s="71">
        <v>7</v>
      </c>
      <c r="AO34" s="71">
        <v>3</v>
      </c>
      <c r="AP34" s="71">
        <v>4</v>
      </c>
      <c r="AQ34" s="71">
        <v>2</v>
      </c>
      <c r="AR34" s="72">
        <v>24</v>
      </c>
      <c r="AS34" s="73">
        <v>30</v>
      </c>
      <c r="AT34" s="70">
        <v>3</v>
      </c>
      <c r="AU34" s="71">
        <v>9</v>
      </c>
      <c r="AV34" s="72">
        <v>12</v>
      </c>
      <c r="AW34" s="276"/>
      <c r="AX34" s="71">
        <v>15</v>
      </c>
      <c r="AY34" s="71">
        <v>15</v>
      </c>
      <c r="AZ34" s="71">
        <v>4</v>
      </c>
      <c r="BA34" s="71">
        <v>2</v>
      </c>
      <c r="BB34" s="71">
        <v>3</v>
      </c>
      <c r="BC34" s="72">
        <v>39</v>
      </c>
      <c r="BD34" s="73">
        <v>51</v>
      </c>
      <c r="BE34" s="70">
        <v>7</v>
      </c>
      <c r="BF34" s="71">
        <v>13</v>
      </c>
      <c r="BG34" s="72">
        <v>20</v>
      </c>
      <c r="BH34" s="276"/>
      <c r="BI34" s="71">
        <v>11</v>
      </c>
      <c r="BJ34" s="71">
        <v>12</v>
      </c>
      <c r="BK34" s="71">
        <v>10</v>
      </c>
      <c r="BL34" s="71">
        <v>6</v>
      </c>
      <c r="BM34" s="71">
        <v>2</v>
      </c>
      <c r="BN34" s="72">
        <v>41</v>
      </c>
      <c r="BO34" s="73">
        <v>61</v>
      </c>
      <c r="BP34" s="70">
        <v>5</v>
      </c>
      <c r="BQ34" s="71">
        <v>7</v>
      </c>
      <c r="BR34" s="72">
        <v>12</v>
      </c>
      <c r="BS34" s="276"/>
      <c r="BT34" s="71">
        <v>10</v>
      </c>
      <c r="BU34" s="71">
        <v>14</v>
      </c>
      <c r="BV34" s="71">
        <v>10</v>
      </c>
      <c r="BW34" s="71">
        <v>5</v>
      </c>
      <c r="BX34" s="71">
        <v>1</v>
      </c>
      <c r="BY34" s="72">
        <v>40</v>
      </c>
      <c r="BZ34" s="73">
        <v>52</v>
      </c>
      <c r="CA34" s="70">
        <v>0</v>
      </c>
      <c r="CB34" s="71">
        <v>1</v>
      </c>
      <c r="CC34" s="72">
        <v>1</v>
      </c>
      <c r="CD34" s="276"/>
      <c r="CE34" s="71">
        <v>2</v>
      </c>
      <c r="CF34" s="71">
        <v>2</v>
      </c>
      <c r="CG34" s="71">
        <v>0</v>
      </c>
      <c r="CH34" s="71">
        <v>1</v>
      </c>
      <c r="CI34" s="71">
        <v>1</v>
      </c>
      <c r="CJ34" s="72">
        <v>6</v>
      </c>
      <c r="CK34" s="73">
        <v>7</v>
      </c>
      <c r="CL34" s="70">
        <v>19</v>
      </c>
      <c r="CM34" s="71">
        <v>39</v>
      </c>
      <c r="CN34" s="72">
        <v>58</v>
      </c>
      <c r="CO34" s="276"/>
      <c r="CP34" s="71">
        <v>58</v>
      </c>
      <c r="CQ34" s="71">
        <v>58</v>
      </c>
      <c r="CR34" s="71">
        <v>37</v>
      </c>
      <c r="CS34" s="71">
        <v>22</v>
      </c>
      <c r="CT34" s="71">
        <v>12</v>
      </c>
      <c r="CU34" s="72">
        <v>187</v>
      </c>
      <c r="CV34" s="73">
        <v>245</v>
      </c>
      <c r="CW34" s="126">
        <v>59</v>
      </c>
      <c r="CX34" s="82">
        <v>79</v>
      </c>
      <c r="CY34" s="83">
        <v>138</v>
      </c>
      <c r="CZ34" s="273"/>
      <c r="DA34" s="82">
        <v>101</v>
      </c>
      <c r="DB34" s="82">
        <v>93</v>
      </c>
      <c r="DC34" s="82">
        <v>87</v>
      </c>
      <c r="DD34" s="82">
        <v>48</v>
      </c>
      <c r="DE34" s="82">
        <v>47</v>
      </c>
      <c r="DF34" s="84">
        <v>376</v>
      </c>
      <c r="DG34" s="85">
        <v>514</v>
      </c>
      <c r="DH34" s="70">
        <v>0</v>
      </c>
      <c r="DI34" s="71">
        <v>3</v>
      </c>
      <c r="DJ34" s="72">
        <v>3</v>
      </c>
      <c r="DK34" s="276"/>
      <c r="DL34" s="71">
        <v>1</v>
      </c>
      <c r="DM34" s="71">
        <v>1</v>
      </c>
      <c r="DN34" s="71">
        <v>2</v>
      </c>
      <c r="DO34" s="71">
        <v>2</v>
      </c>
      <c r="DP34" s="71">
        <v>1</v>
      </c>
      <c r="DQ34" s="72">
        <v>7</v>
      </c>
      <c r="DR34" s="73">
        <v>10</v>
      </c>
      <c r="DS34" s="70">
        <v>1</v>
      </c>
      <c r="DT34" s="71">
        <v>6</v>
      </c>
      <c r="DU34" s="72">
        <v>7</v>
      </c>
      <c r="DV34" s="276"/>
      <c r="DW34" s="71">
        <v>9</v>
      </c>
      <c r="DX34" s="71">
        <v>6</v>
      </c>
      <c r="DY34" s="71">
        <v>6</v>
      </c>
      <c r="DZ34" s="71">
        <v>2</v>
      </c>
      <c r="EA34" s="71">
        <v>1</v>
      </c>
      <c r="EB34" s="72">
        <v>24</v>
      </c>
      <c r="EC34" s="73">
        <v>31</v>
      </c>
      <c r="ED34" s="70">
        <v>9</v>
      </c>
      <c r="EE34" s="71">
        <v>8</v>
      </c>
      <c r="EF34" s="72">
        <v>17</v>
      </c>
      <c r="EG34" s="276"/>
      <c r="EH34" s="71">
        <v>9</v>
      </c>
      <c r="EI34" s="71">
        <v>4</v>
      </c>
      <c r="EJ34" s="71">
        <v>3</v>
      </c>
      <c r="EK34" s="71">
        <v>4</v>
      </c>
      <c r="EL34" s="71">
        <v>2</v>
      </c>
      <c r="EM34" s="72">
        <v>22</v>
      </c>
      <c r="EN34" s="73">
        <v>39</v>
      </c>
      <c r="EO34" s="70">
        <v>15</v>
      </c>
      <c r="EP34" s="71">
        <v>15</v>
      </c>
      <c r="EQ34" s="72">
        <v>30</v>
      </c>
      <c r="ER34" s="276"/>
      <c r="ES34" s="71">
        <v>25</v>
      </c>
      <c r="ET34" s="71">
        <v>16</v>
      </c>
      <c r="EU34" s="71">
        <v>16</v>
      </c>
      <c r="EV34" s="71">
        <v>6</v>
      </c>
      <c r="EW34" s="71">
        <v>4</v>
      </c>
      <c r="EX34" s="72">
        <v>67</v>
      </c>
      <c r="EY34" s="73">
        <v>97</v>
      </c>
      <c r="EZ34" s="70">
        <v>25</v>
      </c>
      <c r="FA34" s="71">
        <v>23</v>
      </c>
      <c r="FB34" s="72">
        <v>48</v>
      </c>
      <c r="FC34" s="276"/>
      <c r="FD34" s="71">
        <v>26</v>
      </c>
      <c r="FE34" s="71">
        <v>27</v>
      </c>
      <c r="FF34" s="71">
        <v>25</v>
      </c>
      <c r="FG34" s="71">
        <v>14</v>
      </c>
      <c r="FH34" s="71">
        <v>10</v>
      </c>
      <c r="FI34" s="72">
        <v>102</v>
      </c>
      <c r="FJ34" s="73">
        <v>150</v>
      </c>
      <c r="FK34" s="70">
        <v>9</v>
      </c>
      <c r="FL34" s="71">
        <v>24</v>
      </c>
      <c r="FM34" s="72">
        <v>33</v>
      </c>
      <c r="FN34" s="276"/>
      <c r="FO34" s="71">
        <v>31</v>
      </c>
      <c r="FP34" s="71">
        <v>39</v>
      </c>
      <c r="FQ34" s="71">
        <v>35</v>
      </c>
      <c r="FR34" s="71">
        <v>20</v>
      </c>
      <c r="FS34" s="71">
        <v>29</v>
      </c>
      <c r="FT34" s="72">
        <v>154</v>
      </c>
      <c r="FU34" s="73">
        <v>187</v>
      </c>
      <c r="FV34" s="70">
        <v>0</v>
      </c>
      <c r="FW34" s="71">
        <v>0</v>
      </c>
      <c r="FX34" s="72">
        <v>0</v>
      </c>
      <c r="FY34" s="276"/>
      <c r="FZ34" s="71">
        <v>2</v>
      </c>
      <c r="GA34" s="71">
        <v>0</v>
      </c>
      <c r="GB34" s="71">
        <v>2</v>
      </c>
      <c r="GC34" s="71">
        <v>0</v>
      </c>
      <c r="GD34" s="71">
        <v>1</v>
      </c>
      <c r="GE34" s="72">
        <v>5</v>
      </c>
      <c r="GF34" s="73">
        <v>5</v>
      </c>
      <c r="GG34" s="70">
        <v>59</v>
      </c>
      <c r="GH34" s="71">
        <v>79</v>
      </c>
      <c r="GI34" s="72">
        <v>138</v>
      </c>
      <c r="GJ34" s="276"/>
      <c r="GK34" s="71">
        <v>103</v>
      </c>
      <c r="GL34" s="71">
        <v>93</v>
      </c>
      <c r="GM34" s="71">
        <v>89</v>
      </c>
      <c r="GN34" s="71">
        <v>48</v>
      </c>
      <c r="GO34" s="71">
        <v>48</v>
      </c>
      <c r="GP34" s="72">
        <v>381</v>
      </c>
      <c r="GQ34" s="73">
        <v>519</v>
      </c>
      <c r="GR34" s="126">
        <v>78</v>
      </c>
      <c r="GS34" s="82">
        <v>117</v>
      </c>
      <c r="GT34" s="83">
        <v>195</v>
      </c>
      <c r="GU34" s="273"/>
      <c r="GV34" s="82">
        <v>157</v>
      </c>
      <c r="GW34" s="82">
        <v>149</v>
      </c>
      <c r="GX34" s="82">
        <v>124</v>
      </c>
      <c r="GY34" s="82">
        <v>69</v>
      </c>
      <c r="GZ34" s="82">
        <v>58</v>
      </c>
      <c r="HA34" s="84">
        <v>557</v>
      </c>
      <c r="HB34" s="85">
        <v>752</v>
      </c>
      <c r="HC34" s="70">
        <v>0</v>
      </c>
      <c r="HD34" s="71">
        <v>3</v>
      </c>
      <c r="HE34" s="72">
        <v>3</v>
      </c>
      <c r="HF34" s="276"/>
      <c r="HG34" s="71">
        <v>5</v>
      </c>
      <c r="HH34" s="71">
        <v>3</v>
      </c>
      <c r="HI34" s="71">
        <v>7</v>
      </c>
      <c r="HJ34" s="71">
        <v>3</v>
      </c>
      <c r="HK34" s="71">
        <v>2</v>
      </c>
      <c r="HL34" s="72">
        <v>20</v>
      </c>
      <c r="HM34" s="73">
        <v>23</v>
      </c>
      <c r="HN34" s="70">
        <v>3</v>
      </c>
      <c r="HO34" s="71">
        <v>11</v>
      </c>
      <c r="HP34" s="72">
        <v>14</v>
      </c>
      <c r="HQ34" s="276"/>
      <c r="HR34" s="71">
        <v>17</v>
      </c>
      <c r="HS34" s="71">
        <v>12</v>
      </c>
      <c r="HT34" s="71">
        <v>11</v>
      </c>
      <c r="HU34" s="71">
        <v>5</v>
      </c>
      <c r="HV34" s="71">
        <v>3</v>
      </c>
      <c r="HW34" s="72">
        <v>48</v>
      </c>
      <c r="HX34" s="73">
        <v>62</v>
      </c>
      <c r="HY34" s="70">
        <v>11</v>
      </c>
      <c r="HZ34" s="71">
        <v>12</v>
      </c>
      <c r="IA34" s="72">
        <v>23</v>
      </c>
      <c r="IB34" s="276"/>
      <c r="IC34" s="71">
        <v>17</v>
      </c>
      <c r="ID34" s="71">
        <v>11</v>
      </c>
      <c r="IE34" s="71">
        <v>6</v>
      </c>
      <c r="IF34" s="71">
        <v>8</v>
      </c>
      <c r="IG34" s="71">
        <v>4</v>
      </c>
      <c r="IH34" s="72">
        <v>46</v>
      </c>
      <c r="II34" s="73">
        <v>69</v>
      </c>
      <c r="IJ34" s="70">
        <v>18</v>
      </c>
      <c r="IK34" s="71">
        <v>24</v>
      </c>
      <c r="IL34" s="72">
        <v>42</v>
      </c>
      <c r="IM34" s="276"/>
      <c r="IN34" s="71">
        <v>40</v>
      </c>
      <c r="IO34" s="71">
        <v>31</v>
      </c>
      <c r="IP34" s="71">
        <v>20</v>
      </c>
      <c r="IQ34" s="71">
        <v>8</v>
      </c>
      <c r="IR34" s="71">
        <v>7</v>
      </c>
      <c r="IS34" s="72">
        <v>106</v>
      </c>
      <c r="IT34" s="73">
        <v>148</v>
      </c>
      <c r="IU34" s="70">
        <v>32</v>
      </c>
      <c r="IV34" s="71">
        <v>36</v>
      </c>
      <c r="IW34" s="72">
        <v>68</v>
      </c>
      <c r="IX34" s="276"/>
      <c r="IY34" s="71">
        <v>37</v>
      </c>
      <c r="IZ34" s="71">
        <v>39</v>
      </c>
      <c r="JA34" s="71">
        <v>35</v>
      </c>
      <c r="JB34" s="71">
        <v>20</v>
      </c>
      <c r="JC34" s="71">
        <v>12</v>
      </c>
      <c r="JD34" s="72">
        <v>143</v>
      </c>
      <c r="JE34" s="73">
        <v>211</v>
      </c>
      <c r="JF34" s="70">
        <v>14</v>
      </c>
      <c r="JG34" s="71">
        <v>31</v>
      </c>
      <c r="JH34" s="72">
        <v>45</v>
      </c>
      <c r="JI34" s="276"/>
      <c r="JJ34" s="71">
        <v>41</v>
      </c>
      <c r="JK34" s="71">
        <v>53</v>
      </c>
      <c r="JL34" s="71">
        <v>45</v>
      </c>
      <c r="JM34" s="71">
        <v>25</v>
      </c>
      <c r="JN34" s="71">
        <v>30</v>
      </c>
      <c r="JO34" s="72">
        <v>194</v>
      </c>
      <c r="JP34" s="73">
        <v>239</v>
      </c>
      <c r="JQ34" s="70">
        <v>0</v>
      </c>
      <c r="JR34" s="71">
        <v>1</v>
      </c>
      <c r="JS34" s="72">
        <v>1</v>
      </c>
      <c r="JT34" s="276"/>
      <c r="JU34" s="71">
        <v>4</v>
      </c>
      <c r="JV34" s="71">
        <v>2</v>
      </c>
      <c r="JW34" s="71">
        <v>2</v>
      </c>
      <c r="JX34" s="71">
        <v>1</v>
      </c>
      <c r="JY34" s="71">
        <v>2</v>
      </c>
      <c r="JZ34" s="72">
        <v>11</v>
      </c>
      <c r="KA34" s="73">
        <v>12</v>
      </c>
      <c r="KB34" s="70">
        <v>78</v>
      </c>
      <c r="KC34" s="71">
        <v>118</v>
      </c>
      <c r="KD34" s="72">
        <v>196</v>
      </c>
      <c r="KE34" s="276"/>
      <c r="KF34" s="71">
        <v>161</v>
      </c>
      <c r="KG34" s="71">
        <v>151</v>
      </c>
      <c r="KH34" s="71">
        <v>126</v>
      </c>
      <c r="KI34" s="71">
        <v>70</v>
      </c>
      <c r="KJ34" s="71">
        <v>60</v>
      </c>
      <c r="KK34" s="72">
        <v>568</v>
      </c>
      <c r="KL34" s="73">
        <v>764</v>
      </c>
    </row>
    <row r="35" spans="1:298" ht="19.5" customHeight="1" x14ac:dyDescent="0.2">
      <c r="A35" s="129" t="s">
        <v>32</v>
      </c>
      <c r="B35" s="350">
        <v>30</v>
      </c>
      <c r="C35" s="82">
        <v>19</v>
      </c>
      <c r="D35" s="83">
        <v>49</v>
      </c>
      <c r="E35" s="273"/>
      <c r="F35" s="82">
        <v>62</v>
      </c>
      <c r="G35" s="82">
        <v>57</v>
      </c>
      <c r="H35" s="82">
        <v>39</v>
      </c>
      <c r="I35" s="82">
        <v>23</v>
      </c>
      <c r="J35" s="82">
        <v>19</v>
      </c>
      <c r="K35" s="84">
        <v>200</v>
      </c>
      <c r="L35" s="85">
        <v>249</v>
      </c>
      <c r="M35" s="70">
        <v>1</v>
      </c>
      <c r="N35" s="71">
        <v>3</v>
      </c>
      <c r="O35" s="72">
        <v>4</v>
      </c>
      <c r="P35" s="276"/>
      <c r="Q35" s="71">
        <v>4</v>
      </c>
      <c r="R35" s="71">
        <v>1</v>
      </c>
      <c r="S35" s="71">
        <v>2</v>
      </c>
      <c r="T35" s="71">
        <v>3</v>
      </c>
      <c r="U35" s="71">
        <v>1</v>
      </c>
      <c r="V35" s="72">
        <v>11</v>
      </c>
      <c r="W35" s="73">
        <v>15</v>
      </c>
      <c r="X35" s="70">
        <v>8</v>
      </c>
      <c r="Y35" s="71">
        <v>2</v>
      </c>
      <c r="Z35" s="72">
        <v>10</v>
      </c>
      <c r="AA35" s="276">
        <v>0</v>
      </c>
      <c r="AB35" s="71">
        <v>8</v>
      </c>
      <c r="AC35" s="71">
        <v>5</v>
      </c>
      <c r="AD35" s="71">
        <v>5</v>
      </c>
      <c r="AE35" s="71">
        <v>3</v>
      </c>
      <c r="AF35" s="71">
        <v>2</v>
      </c>
      <c r="AG35" s="72">
        <v>23</v>
      </c>
      <c r="AH35" s="73">
        <v>33</v>
      </c>
      <c r="AI35" s="70">
        <v>5</v>
      </c>
      <c r="AJ35" s="71">
        <v>0</v>
      </c>
      <c r="AK35" s="72">
        <v>5</v>
      </c>
      <c r="AL35" s="276"/>
      <c r="AM35" s="71">
        <v>12</v>
      </c>
      <c r="AN35" s="71">
        <v>14</v>
      </c>
      <c r="AO35" s="71">
        <v>3</v>
      </c>
      <c r="AP35" s="71">
        <v>1</v>
      </c>
      <c r="AQ35" s="71">
        <v>5</v>
      </c>
      <c r="AR35" s="72">
        <v>35</v>
      </c>
      <c r="AS35" s="73">
        <v>40</v>
      </c>
      <c r="AT35" s="70">
        <v>8</v>
      </c>
      <c r="AU35" s="71">
        <v>4</v>
      </c>
      <c r="AV35" s="72">
        <v>12</v>
      </c>
      <c r="AW35" s="276"/>
      <c r="AX35" s="71">
        <v>11</v>
      </c>
      <c r="AY35" s="71">
        <v>12</v>
      </c>
      <c r="AZ35" s="71">
        <v>7</v>
      </c>
      <c r="BA35" s="71">
        <v>7</v>
      </c>
      <c r="BB35" s="71">
        <v>7</v>
      </c>
      <c r="BC35" s="72">
        <v>44</v>
      </c>
      <c r="BD35" s="73">
        <v>56</v>
      </c>
      <c r="BE35" s="70">
        <v>6</v>
      </c>
      <c r="BF35" s="71">
        <v>8</v>
      </c>
      <c r="BG35" s="72">
        <v>14</v>
      </c>
      <c r="BH35" s="276"/>
      <c r="BI35" s="71">
        <v>18</v>
      </c>
      <c r="BJ35" s="71">
        <v>17</v>
      </c>
      <c r="BK35" s="71">
        <v>14</v>
      </c>
      <c r="BL35" s="71">
        <v>4</v>
      </c>
      <c r="BM35" s="71">
        <v>3</v>
      </c>
      <c r="BN35" s="72">
        <v>56</v>
      </c>
      <c r="BO35" s="73">
        <v>70</v>
      </c>
      <c r="BP35" s="70">
        <v>2</v>
      </c>
      <c r="BQ35" s="71">
        <v>2</v>
      </c>
      <c r="BR35" s="72">
        <v>4</v>
      </c>
      <c r="BS35" s="276"/>
      <c r="BT35" s="71">
        <v>9</v>
      </c>
      <c r="BU35" s="71">
        <v>8</v>
      </c>
      <c r="BV35" s="71">
        <v>8</v>
      </c>
      <c r="BW35" s="71">
        <v>5</v>
      </c>
      <c r="BX35" s="71">
        <v>1</v>
      </c>
      <c r="BY35" s="72">
        <v>31</v>
      </c>
      <c r="BZ35" s="73">
        <v>35</v>
      </c>
      <c r="CA35" s="70">
        <v>1</v>
      </c>
      <c r="CB35" s="71">
        <v>1</v>
      </c>
      <c r="CC35" s="72">
        <v>2</v>
      </c>
      <c r="CD35" s="276"/>
      <c r="CE35" s="71">
        <v>6</v>
      </c>
      <c r="CF35" s="71">
        <v>4</v>
      </c>
      <c r="CG35" s="71">
        <v>1</v>
      </c>
      <c r="CH35" s="71">
        <v>3</v>
      </c>
      <c r="CI35" s="71">
        <v>3</v>
      </c>
      <c r="CJ35" s="72">
        <v>17</v>
      </c>
      <c r="CK35" s="73">
        <v>19</v>
      </c>
      <c r="CL35" s="70">
        <v>31</v>
      </c>
      <c r="CM35" s="71">
        <v>20</v>
      </c>
      <c r="CN35" s="72">
        <v>51</v>
      </c>
      <c r="CO35" s="276"/>
      <c r="CP35" s="71">
        <v>68</v>
      </c>
      <c r="CQ35" s="71">
        <v>61</v>
      </c>
      <c r="CR35" s="71">
        <v>40</v>
      </c>
      <c r="CS35" s="71">
        <v>26</v>
      </c>
      <c r="CT35" s="71">
        <v>22</v>
      </c>
      <c r="CU35" s="72">
        <v>217</v>
      </c>
      <c r="CV35" s="73">
        <v>268</v>
      </c>
      <c r="CW35" s="126">
        <v>46</v>
      </c>
      <c r="CX35" s="82">
        <v>67</v>
      </c>
      <c r="CY35" s="83">
        <v>113</v>
      </c>
      <c r="CZ35" s="273"/>
      <c r="DA35" s="82">
        <v>118</v>
      </c>
      <c r="DB35" s="82">
        <v>83</v>
      </c>
      <c r="DC35" s="82">
        <v>77</v>
      </c>
      <c r="DD35" s="82">
        <v>75</v>
      </c>
      <c r="DE35" s="82">
        <v>29</v>
      </c>
      <c r="DF35" s="84">
        <v>382</v>
      </c>
      <c r="DG35" s="85">
        <v>495</v>
      </c>
      <c r="DH35" s="70">
        <v>1</v>
      </c>
      <c r="DI35" s="71">
        <v>1</v>
      </c>
      <c r="DJ35" s="72">
        <v>2</v>
      </c>
      <c r="DK35" s="276"/>
      <c r="DL35" s="71">
        <v>5</v>
      </c>
      <c r="DM35" s="71">
        <v>2</v>
      </c>
      <c r="DN35" s="71">
        <v>1</v>
      </c>
      <c r="DO35" s="71">
        <v>2</v>
      </c>
      <c r="DP35" s="71">
        <v>1</v>
      </c>
      <c r="DQ35" s="72">
        <v>11</v>
      </c>
      <c r="DR35" s="73">
        <v>13</v>
      </c>
      <c r="DS35" s="70">
        <v>2</v>
      </c>
      <c r="DT35" s="71">
        <v>3</v>
      </c>
      <c r="DU35" s="72">
        <v>5</v>
      </c>
      <c r="DV35" s="276"/>
      <c r="DW35" s="71">
        <v>9</v>
      </c>
      <c r="DX35" s="71">
        <v>0</v>
      </c>
      <c r="DY35" s="71">
        <v>4</v>
      </c>
      <c r="DZ35" s="71">
        <v>4</v>
      </c>
      <c r="EA35" s="71">
        <v>4</v>
      </c>
      <c r="EB35" s="72">
        <v>21</v>
      </c>
      <c r="EC35" s="73">
        <v>26</v>
      </c>
      <c r="ED35" s="70">
        <v>9</v>
      </c>
      <c r="EE35" s="71">
        <v>8</v>
      </c>
      <c r="EF35" s="72">
        <v>17</v>
      </c>
      <c r="EG35" s="276"/>
      <c r="EH35" s="71">
        <v>12</v>
      </c>
      <c r="EI35" s="71">
        <v>9</v>
      </c>
      <c r="EJ35" s="71">
        <v>10</v>
      </c>
      <c r="EK35" s="71">
        <v>4</v>
      </c>
      <c r="EL35" s="71">
        <v>0</v>
      </c>
      <c r="EM35" s="72">
        <v>35</v>
      </c>
      <c r="EN35" s="73">
        <v>52</v>
      </c>
      <c r="EO35" s="70">
        <v>12</v>
      </c>
      <c r="EP35" s="71">
        <v>18</v>
      </c>
      <c r="EQ35" s="72">
        <v>30</v>
      </c>
      <c r="ER35" s="276"/>
      <c r="ES35" s="71">
        <v>23</v>
      </c>
      <c r="ET35" s="71">
        <v>17</v>
      </c>
      <c r="EU35" s="71">
        <v>9</v>
      </c>
      <c r="EV35" s="71">
        <v>8</v>
      </c>
      <c r="EW35" s="71">
        <v>9</v>
      </c>
      <c r="EX35" s="72">
        <v>66</v>
      </c>
      <c r="EY35" s="73">
        <v>96</v>
      </c>
      <c r="EZ35" s="70">
        <v>16</v>
      </c>
      <c r="FA35" s="71">
        <v>11</v>
      </c>
      <c r="FB35" s="72">
        <v>27</v>
      </c>
      <c r="FC35" s="276"/>
      <c r="FD35" s="71">
        <v>45</v>
      </c>
      <c r="FE35" s="71">
        <v>22</v>
      </c>
      <c r="FF35" s="71">
        <v>27</v>
      </c>
      <c r="FG35" s="71">
        <v>17</v>
      </c>
      <c r="FH35" s="71">
        <v>4</v>
      </c>
      <c r="FI35" s="72">
        <v>115</v>
      </c>
      <c r="FJ35" s="73">
        <v>142</v>
      </c>
      <c r="FK35" s="70">
        <v>6</v>
      </c>
      <c r="FL35" s="71">
        <v>26</v>
      </c>
      <c r="FM35" s="72">
        <v>32</v>
      </c>
      <c r="FN35" s="276"/>
      <c r="FO35" s="71">
        <v>24</v>
      </c>
      <c r="FP35" s="71">
        <v>33</v>
      </c>
      <c r="FQ35" s="71">
        <v>26</v>
      </c>
      <c r="FR35" s="71">
        <v>40</v>
      </c>
      <c r="FS35" s="71">
        <v>11</v>
      </c>
      <c r="FT35" s="72">
        <v>134</v>
      </c>
      <c r="FU35" s="73">
        <v>166</v>
      </c>
      <c r="FV35" s="70">
        <v>2</v>
      </c>
      <c r="FW35" s="71">
        <v>1</v>
      </c>
      <c r="FX35" s="72">
        <v>3</v>
      </c>
      <c r="FY35" s="276"/>
      <c r="FZ35" s="71">
        <v>3</v>
      </c>
      <c r="GA35" s="71">
        <v>3</v>
      </c>
      <c r="GB35" s="71">
        <v>0</v>
      </c>
      <c r="GC35" s="71">
        <v>1</v>
      </c>
      <c r="GD35" s="71">
        <v>2</v>
      </c>
      <c r="GE35" s="72">
        <v>9</v>
      </c>
      <c r="GF35" s="73">
        <v>12</v>
      </c>
      <c r="GG35" s="70">
        <v>48</v>
      </c>
      <c r="GH35" s="71">
        <v>68</v>
      </c>
      <c r="GI35" s="72">
        <v>116</v>
      </c>
      <c r="GJ35" s="276"/>
      <c r="GK35" s="71">
        <v>121</v>
      </c>
      <c r="GL35" s="71">
        <v>86</v>
      </c>
      <c r="GM35" s="71">
        <v>77</v>
      </c>
      <c r="GN35" s="71">
        <v>76</v>
      </c>
      <c r="GO35" s="71">
        <v>31</v>
      </c>
      <c r="GP35" s="72">
        <v>391</v>
      </c>
      <c r="GQ35" s="73">
        <v>507</v>
      </c>
      <c r="GR35" s="126">
        <v>76</v>
      </c>
      <c r="GS35" s="82">
        <v>86</v>
      </c>
      <c r="GT35" s="83">
        <v>162</v>
      </c>
      <c r="GU35" s="273"/>
      <c r="GV35" s="82">
        <v>180</v>
      </c>
      <c r="GW35" s="82">
        <v>140</v>
      </c>
      <c r="GX35" s="82">
        <v>116</v>
      </c>
      <c r="GY35" s="82">
        <v>98</v>
      </c>
      <c r="GZ35" s="82">
        <v>48</v>
      </c>
      <c r="HA35" s="84">
        <v>582</v>
      </c>
      <c r="HB35" s="85">
        <v>744</v>
      </c>
      <c r="HC35" s="70">
        <v>2</v>
      </c>
      <c r="HD35" s="71">
        <v>4</v>
      </c>
      <c r="HE35" s="72">
        <v>6</v>
      </c>
      <c r="HF35" s="276"/>
      <c r="HG35" s="71">
        <v>9</v>
      </c>
      <c r="HH35" s="71">
        <v>3</v>
      </c>
      <c r="HI35" s="71">
        <v>3</v>
      </c>
      <c r="HJ35" s="71">
        <v>5</v>
      </c>
      <c r="HK35" s="71">
        <v>2</v>
      </c>
      <c r="HL35" s="72">
        <v>22</v>
      </c>
      <c r="HM35" s="73">
        <v>28</v>
      </c>
      <c r="HN35" s="70">
        <v>10</v>
      </c>
      <c r="HO35" s="71">
        <v>5</v>
      </c>
      <c r="HP35" s="72">
        <v>15</v>
      </c>
      <c r="HQ35" s="276"/>
      <c r="HR35" s="71">
        <v>17</v>
      </c>
      <c r="HS35" s="71">
        <v>5</v>
      </c>
      <c r="HT35" s="71">
        <v>9</v>
      </c>
      <c r="HU35" s="71">
        <v>7</v>
      </c>
      <c r="HV35" s="71">
        <v>6</v>
      </c>
      <c r="HW35" s="72">
        <v>44</v>
      </c>
      <c r="HX35" s="73">
        <v>59</v>
      </c>
      <c r="HY35" s="70">
        <v>14</v>
      </c>
      <c r="HZ35" s="71">
        <v>8</v>
      </c>
      <c r="IA35" s="72">
        <v>22</v>
      </c>
      <c r="IB35" s="276"/>
      <c r="IC35" s="71">
        <v>24</v>
      </c>
      <c r="ID35" s="71">
        <v>23</v>
      </c>
      <c r="IE35" s="71">
        <v>13</v>
      </c>
      <c r="IF35" s="71">
        <v>5</v>
      </c>
      <c r="IG35" s="71">
        <v>5</v>
      </c>
      <c r="IH35" s="72">
        <v>70</v>
      </c>
      <c r="II35" s="73">
        <v>92</v>
      </c>
      <c r="IJ35" s="70">
        <v>20</v>
      </c>
      <c r="IK35" s="71">
        <v>22</v>
      </c>
      <c r="IL35" s="72">
        <v>42</v>
      </c>
      <c r="IM35" s="276"/>
      <c r="IN35" s="71">
        <v>34</v>
      </c>
      <c r="IO35" s="71">
        <v>29</v>
      </c>
      <c r="IP35" s="71">
        <v>16</v>
      </c>
      <c r="IQ35" s="71">
        <v>15</v>
      </c>
      <c r="IR35" s="71">
        <v>16</v>
      </c>
      <c r="IS35" s="72">
        <v>110</v>
      </c>
      <c r="IT35" s="73">
        <v>152</v>
      </c>
      <c r="IU35" s="70">
        <v>22</v>
      </c>
      <c r="IV35" s="71">
        <v>19</v>
      </c>
      <c r="IW35" s="72">
        <v>41</v>
      </c>
      <c r="IX35" s="276"/>
      <c r="IY35" s="71">
        <v>63</v>
      </c>
      <c r="IZ35" s="71">
        <v>39</v>
      </c>
      <c r="JA35" s="71">
        <v>41</v>
      </c>
      <c r="JB35" s="71">
        <v>21</v>
      </c>
      <c r="JC35" s="71">
        <v>7</v>
      </c>
      <c r="JD35" s="72">
        <v>171</v>
      </c>
      <c r="JE35" s="73">
        <v>212</v>
      </c>
      <c r="JF35" s="70">
        <v>8</v>
      </c>
      <c r="JG35" s="71">
        <v>28</v>
      </c>
      <c r="JH35" s="72">
        <v>36</v>
      </c>
      <c r="JI35" s="276"/>
      <c r="JJ35" s="71">
        <v>33</v>
      </c>
      <c r="JK35" s="71">
        <v>41</v>
      </c>
      <c r="JL35" s="71">
        <v>34</v>
      </c>
      <c r="JM35" s="71">
        <v>45</v>
      </c>
      <c r="JN35" s="71">
        <v>12</v>
      </c>
      <c r="JO35" s="72">
        <v>165</v>
      </c>
      <c r="JP35" s="73">
        <v>201</v>
      </c>
      <c r="JQ35" s="70">
        <v>3</v>
      </c>
      <c r="JR35" s="71">
        <v>2</v>
      </c>
      <c r="JS35" s="72">
        <v>5</v>
      </c>
      <c r="JT35" s="276"/>
      <c r="JU35" s="71">
        <v>9</v>
      </c>
      <c r="JV35" s="71">
        <v>7</v>
      </c>
      <c r="JW35" s="71">
        <v>1</v>
      </c>
      <c r="JX35" s="71">
        <v>4</v>
      </c>
      <c r="JY35" s="71">
        <v>5</v>
      </c>
      <c r="JZ35" s="72">
        <v>26</v>
      </c>
      <c r="KA35" s="73">
        <v>31</v>
      </c>
      <c r="KB35" s="70">
        <v>79</v>
      </c>
      <c r="KC35" s="71">
        <v>88</v>
      </c>
      <c r="KD35" s="72">
        <v>167</v>
      </c>
      <c r="KE35" s="276"/>
      <c r="KF35" s="71">
        <v>189</v>
      </c>
      <c r="KG35" s="71">
        <v>147</v>
      </c>
      <c r="KH35" s="71">
        <v>117</v>
      </c>
      <c r="KI35" s="71">
        <v>102</v>
      </c>
      <c r="KJ35" s="71">
        <v>53</v>
      </c>
      <c r="KK35" s="72">
        <v>608</v>
      </c>
      <c r="KL35" s="73">
        <v>775</v>
      </c>
    </row>
    <row r="36" spans="1:298" ht="19.5" customHeight="1" x14ac:dyDescent="0.2">
      <c r="A36" s="129" t="s">
        <v>33</v>
      </c>
      <c r="B36" s="350">
        <v>33</v>
      </c>
      <c r="C36" s="82">
        <v>20</v>
      </c>
      <c r="D36" s="83">
        <v>53</v>
      </c>
      <c r="E36" s="273"/>
      <c r="F36" s="82">
        <v>61</v>
      </c>
      <c r="G36" s="82">
        <v>45</v>
      </c>
      <c r="H36" s="82">
        <v>27</v>
      </c>
      <c r="I36" s="82">
        <v>24</v>
      </c>
      <c r="J36" s="82">
        <v>16</v>
      </c>
      <c r="K36" s="84">
        <v>173</v>
      </c>
      <c r="L36" s="85">
        <v>226</v>
      </c>
      <c r="M36" s="70">
        <v>2</v>
      </c>
      <c r="N36" s="71">
        <v>1</v>
      </c>
      <c r="O36" s="72">
        <v>3</v>
      </c>
      <c r="P36" s="276"/>
      <c r="Q36" s="71">
        <v>2</v>
      </c>
      <c r="R36" s="71">
        <v>4</v>
      </c>
      <c r="S36" s="71">
        <v>2</v>
      </c>
      <c r="T36" s="71">
        <v>2</v>
      </c>
      <c r="U36" s="71">
        <v>0</v>
      </c>
      <c r="V36" s="72">
        <v>10</v>
      </c>
      <c r="W36" s="73">
        <v>13</v>
      </c>
      <c r="X36" s="70">
        <v>5</v>
      </c>
      <c r="Y36" s="71">
        <v>6</v>
      </c>
      <c r="Z36" s="72">
        <v>11</v>
      </c>
      <c r="AA36" s="276">
        <v>0</v>
      </c>
      <c r="AB36" s="71">
        <v>6</v>
      </c>
      <c r="AC36" s="71">
        <v>8</v>
      </c>
      <c r="AD36" s="71">
        <v>5</v>
      </c>
      <c r="AE36" s="71">
        <v>9</v>
      </c>
      <c r="AF36" s="71">
        <v>3</v>
      </c>
      <c r="AG36" s="72">
        <v>31</v>
      </c>
      <c r="AH36" s="73">
        <v>42</v>
      </c>
      <c r="AI36" s="70">
        <v>8</v>
      </c>
      <c r="AJ36" s="71">
        <v>3</v>
      </c>
      <c r="AK36" s="72">
        <v>11</v>
      </c>
      <c r="AL36" s="276"/>
      <c r="AM36" s="71">
        <v>11</v>
      </c>
      <c r="AN36" s="71">
        <v>8</v>
      </c>
      <c r="AO36" s="71">
        <v>7</v>
      </c>
      <c r="AP36" s="71">
        <v>3</v>
      </c>
      <c r="AQ36" s="71">
        <v>3</v>
      </c>
      <c r="AR36" s="72">
        <v>32</v>
      </c>
      <c r="AS36" s="73">
        <v>43</v>
      </c>
      <c r="AT36" s="70">
        <v>5</v>
      </c>
      <c r="AU36" s="71">
        <v>7</v>
      </c>
      <c r="AV36" s="72">
        <v>12</v>
      </c>
      <c r="AW36" s="276"/>
      <c r="AX36" s="71">
        <v>16</v>
      </c>
      <c r="AY36" s="71">
        <v>10</v>
      </c>
      <c r="AZ36" s="71">
        <v>2</v>
      </c>
      <c r="BA36" s="71">
        <v>2</v>
      </c>
      <c r="BB36" s="71">
        <v>4</v>
      </c>
      <c r="BC36" s="72">
        <v>34</v>
      </c>
      <c r="BD36" s="73">
        <v>46</v>
      </c>
      <c r="BE36" s="70">
        <v>9</v>
      </c>
      <c r="BF36" s="71">
        <v>2</v>
      </c>
      <c r="BG36" s="72">
        <v>11</v>
      </c>
      <c r="BH36" s="276"/>
      <c r="BI36" s="71">
        <v>16</v>
      </c>
      <c r="BJ36" s="71">
        <v>9</v>
      </c>
      <c r="BK36" s="71">
        <v>10</v>
      </c>
      <c r="BL36" s="71">
        <v>5</v>
      </c>
      <c r="BM36" s="71">
        <v>4</v>
      </c>
      <c r="BN36" s="72">
        <v>44</v>
      </c>
      <c r="BO36" s="73">
        <v>55</v>
      </c>
      <c r="BP36" s="70">
        <v>4</v>
      </c>
      <c r="BQ36" s="71">
        <v>1</v>
      </c>
      <c r="BR36" s="72">
        <v>5</v>
      </c>
      <c r="BS36" s="276"/>
      <c r="BT36" s="71">
        <v>10</v>
      </c>
      <c r="BU36" s="71">
        <v>6</v>
      </c>
      <c r="BV36" s="71">
        <v>1</v>
      </c>
      <c r="BW36" s="71">
        <v>3</v>
      </c>
      <c r="BX36" s="71">
        <v>2</v>
      </c>
      <c r="BY36" s="72">
        <v>22</v>
      </c>
      <c r="BZ36" s="73">
        <v>27</v>
      </c>
      <c r="CA36" s="70">
        <v>1</v>
      </c>
      <c r="CB36" s="71">
        <v>0</v>
      </c>
      <c r="CC36" s="72">
        <v>1</v>
      </c>
      <c r="CD36" s="276"/>
      <c r="CE36" s="71">
        <v>1</v>
      </c>
      <c r="CF36" s="71">
        <v>1</v>
      </c>
      <c r="CG36" s="71">
        <v>0</v>
      </c>
      <c r="CH36" s="71">
        <v>0</v>
      </c>
      <c r="CI36" s="71">
        <v>1</v>
      </c>
      <c r="CJ36" s="72">
        <v>3</v>
      </c>
      <c r="CK36" s="73">
        <v>4</v>
      </c>
      <c r="CL36" s="70">
        <v>34</v>
      </c>
      <c r="CM36" s="71">
        <v>20</v>
      </c>
      <c r="CN36" s="72">
        <v>54</v>
      </c>
      <c r="CO36" s="276"/>
      <c r="CP36" s="71">
        <v>62</v>
      </c>
      <c r="CQ36" s="71">
        <v>46</v>
      </c>
      <c r="CR36" s="71">
        <v>27</v>
      </c>
      <c r="CS36" s="71">
        <v>24</v>
      </c>
      <c r="CT36" s="71">
        <v>17</v>
      </c>
      <c r="CU36" s="72">
        <v>176</v>
      </c>
      <c r="CV36" s="73">
        <v>230</v>
      </c>
      <c r="CW36" s="126">
        <v>66</v>
      </c>
      <c r="CX36" s="82">
        <v>72</v>
      </c>
      <c r="CY36" s="83">
        <v>138</v>
      </c>
      <c r="CZ36" s="273"/>
      <c r="DA36" s="82">
        <v>106</v>
      </c>
      <c r="DB36" s="82">
        <v>90</v>
      </c>
      <c r="DC36" s="82">
        <v>71</v>
      </c>
      <c r="DD36" s="82">
        <v>70</v>
      </c>
      <c r="DE36" s="82">
        <v>54</v>
      </c>
      <c r="DF36" s="84">
        <v>391</v>
      </c>
      <c r="DG36" s="85">
        <v>529</v>
      </c>
      <c r="DH36" s="70">
        <v>3</v>
      </c>
      <c r="DI36" s="71">
        <v>1</v>
      </c>
      <c r="DJ36" s="72">
        <v>4</v>
      </c>
      <c r="DK36" s="276"/>
      <c r="DL36" s="71">
        <v>0</v>
      </c>
      <c r="DM36" s="71">
        <v>2</v>
      </c>
      <c r="DN36" s="71">
        <v>2</v>
      </c>
      <c r="DO36" s="71">
        <v>2</v>
      </c>
      <c r="DP36" s="71">
        <v>3</v>
      </c>
      <c r="DQ36" s="72">
        <v>9</v>
      </c>
      <c r="DR36" s="73">
        <v>13</v>
      </c>
      <c r="DS36" s="70">
        <v>8</v>
      </c>
      <c r="DT36" s="71">
        <v>6</v>
      </c>
      <c r="DU36" s="72">
        <v>14</v>
      </c>
      <c r="DV36" s="276"/>
      <c r="DW36" s="71">
        <v>4</v>
      </c>
      <c r="DX36" s="71">
        <v>5</v>
      </c>
      <c r="DY36" s="71">
        <v>4</v>
      </c>
      <c r="DZ36" s="71">
        <v>6</v>
      </c>
      <c r="EA36" s="71">
        <v>1</v>
      </c>
      <c r="EB36" s="72">
        <v>20</v>
      </c>
      <c r="EC36" s="73">
        <v>34</v>
      </c>
      <c r="ED36" s="70">
        <v>2</v>
      </c>
      <c r="EE36" s="71">
        <v>5</v>
      </c>
      <c r="EF36" s="72">
        <v>7</v>
      </c>
      <c r="EG36" s="276"/>
      <c r="EH36" s="71">
        <v>14</v>
      </c>
      <c r="EI36" s="71">
        <v>9</v>
      </c>
      <c r="EJ36" s="71">
        <v>5</v>
      </c>
      <c r="EK36" s="71">
        <v>3</v>
      </c>
      <c r="EL36" s="71">
        <v>7</v>
      </c>
      <c r="EM36" s="72">
        <v>38</v>
      </c>
      <c r="EN36" s="73">
        <v>45</v>
      </c>
      <c r="EO36" s="70">
        <v>14</v>
      </c>
      <c r="EP36" s="71">
        <v>15</v>
      </c>
      <c r="EQ36" s="72">
        <v>29</v>
      </c>
      <c r="ER36" s="276"/>
      <c r="ES36" s="71">
        <v>32</v>
      </c>
      <c r="ET36" s="71">
        <v>22</v>
      </c>
      <c r="EU36" s="71">
        <v>9</v>
      </c>
      <c r="EV36" s="71">
        <v>18</v>
      </c>
      <c r="EW36" s="71">
        <v>8</v>
      </c>
      <c r="EX36" s="72">
        <v>89</v>
      </c>
      <c r="EY36" s="73">
        <v>118</v>
      </c>
      <c r="EZ36" s="70">
        <v>28</v>
      </c>
      <c r="FA36" s="71">
        <v>24</v>
      </c>
      <c r="FB36" s="72">
        <v>52</v>
      </c>
      <c r="FC36" s="276"/>
      <c r="FD36" s="71">
        <v>25</v>
      </c>
      <c r="FE36" s="71">
        <v>18</v>
      </c>
      <c r="FF36" s="71">
        <v>17</v>
      </c>
      <c r="FG36" s="71">
        <v>12</v>
      </c>
      <c r="FH36" s="71">
        <v>14</v>
      </c>
      <c r="FI36" s="72">
        <v>86</v>
      </c>
      <c r="FJ36" s="73">
        <v>138</v>
      </c>
      <c r="FK36" s="70">
        <v>11</v>
      </c>
      <c r="FL36" s="71">
        <v>21</v>
      </c>
      <c r="FM36" s="72">
        <v>32</v>
      </c>
      <c r="FN36" s="276"/>
      <c r="FO36" s="71">
        <v>31</v>
      </c>
      <c r="FP36" s="71">
        <v>34</v>
      </c>
      <c r="FQ36" s="71">
        <v>34</v>
      </c>
      <c r="FR36" s="71">
        <v>29</v>
      </c>
      <c r="FS36" s="71">
        <v>21</v>
      </c>
      <c r="FT36" s="72">
        <v>149</v>
      </c>
      <c r="FU36" s="73">
        <v>181</v>
      </c>
      <c r="FV36" s="70">
        <v>0</v>
      </c>
      <c r="FW36" s="71">
        <v>0</v>
      </c>
      <c r="FX36" s="72">
        <v>0</v>
      </c>
      <c r="FY36" s="276"/>
      <c r="FZ36" s="71">
        <v>1</v>
      </c>
      <c r="GA36" s="71">
        <v>0</v>
      </c>
      <c r="GB36" s="71">
        <v>0</v>
      </c>
      <c r="GC36" s="71">
        <v>1</v>
      </c>
      <c r="GD36" s="71">
        <v>1</v>
      </c>
      <c r="GE36" s="72">
        <v>3</v>
      </c>
      <c r="GF36" s="73">
        <v>3</v>
      </c>
      <c r="GG36" s="70">
        <v>66</v>
      </c>
      <c r="GH36" s="71">
        <v>72</v>
      </c>
      <c r="GI36" s="72">
        <v>138</v>
      </c>
      <c r="GJ36" s="276"/>
      <c r="GK36" s="71">
        <v>107</v>
      </c>
      <c r="GL36" s="71">
        <v>90</v>
      </c>
      <c r="GM36" s="71">
        <v>71</v>
      </c>
      <c r="GN36" s="71">
        <v>71</v>
      </c>
      <c r="GO36" s="71">
        <v>55</v>
      </c>
      <c r="GP36" s="72">
        <v>394</v>
      </c>
      <c r="GQ36" s="73">
        <v>532</v>
      </c>
      <c r="GR36" s="126">
        <v>99</v>
      </c>
      <c r="GS36" s="82">
        <v>92</v>
      </c>
      <c r="GT36" s="83">
        <v>191</v>
      </c>
      <c r="GU36" s="273"/>
      <c r="GV36" s="82">
        <v>167</v>
      </c>
      <c r="GW36" s="82">
        <v>135</v>
      </c>
      <c r="GX36" s="82">
        <v>98</v>
      </c>
      <c r="GY36" s="82">
        <v>94</v>
      </c>
      <c r="GZ36" s="82">
        <v>70</v>
      </c>
      <c r="HA36" s="84">
        <v>564</v>
      </c>
      <c r="HB36" s="85">
        <v>755</v>
      </c>
      <c r="HC36" s="70">
        <v>5</v>
      </c>
      <c r="HD36" s="71">
        <v>2</v>
      </c>
      <c r="HE36" s="72">
        <v>7</v>
      </c>
      <c r="HF36" s="276"/>
      <c r="HG36" s="71">
        <v>2</v>
      </c>
      <c r="HH36" s="71">
        <v>6</v>
      </c>
      <c r="HI36" s="71">
        <v>4</v>
      </c>
      <c r="HJ36" s="71">
        <v>4</v>
      </c>
      <c r="HK36" s="71">
        <v>3</v>
      </c>
      <c r="HL36" s="72">
        <v>19</v>
      </c>
      <c r="HM36" s="73">
        <v>26</v>
      </c>
      <c r="HN36" s="70">
        <v>13</v>
      </c>
      <c r="HO36" s="71">
        <v>12</v>
      </c>
      <c r="HP36" s="72">
        <v>25</v>
      </c>
      <c r="HQ36" s="276"/>
      <c r="HR36" s="71">
        <v>10</v>
      </c>
      <c r="HS36" s="71">
        <v>13</v>
      </c>
      <c r="HT36" s="71">
        <v>9</v>
      </c>
      <c r="HU36" s="71">
        <v>15</v>
      </c>
      <c r="HV36" s="71">
        <v>4</v>
      </c>
      <c r="HW36" s="72">
        <v>51</v>
      </c>
      <c r="HX36" s="73">
        <v>76</v>
      </c>
      <c r="HY36" s="70">
        <v>10</v>
      </c>
      <c r="HZ36" s="71">
        <v>8</v>
      </c>
      <c r="IA36" s="72">
        <v>18</v>
      </c>
      <c r="IB36" s="276"/>
      <c r="IC36" s="71">
        <v>25</v>
      </c>
      <c r="ID36" s="71">
        <v>17</v>
      </c>
      <c r="IE36" s="71">
        <v>12</v>
      </c>
      <c r="IF36" s="71">
        <v>6</v>
      </c>
      <c r="IG36" s="71">
        <v>10</v>
      </c>
      <c r="IH36" s="72">
        <v>70</v>
      </c>
      <c r="II36" s="73">
        <v>88</v>
      </c>
      <c r="IJ36" s="70">
        <v>19</v>
      </c>
      <c r="IK36" s="71">
        <v>22</v>
      </c>
      <c r="IL36" s="72">
        <v>41</v>
      </c>
      <c r="IM36" s="276"/>
      <c r="IN36" s="71">
        <v>48</v>
      </c>
      <c r="IO36" s="71">
        <v>32</v>
      </c>
      <c r="IP36" s="71">
        <v>11</v>
      </c>
      <c r="IQ36" s="71">
        <v>20</v>
      </c>
      <c r="IR36" s="71">
        <v>12</v>
      </c>
      <c r="IS36" s="72">
        <v>123</v>
      </c>
      <c r="IT36" s="73">
        <v>164</v>
      </c>
      <c r="IU36" s="70">
        <v>37</v>
      </c>
      <c r="IV36" s="71">
        <v>26</v>
      </c>
      <c r="IW36" s="72">
        <v>63</v>
      </c>
      <c r="IX36" s="276"/>
      <c r="IY36" s="71">
        <v>41</v>
      </c>
      <c r="IZ36" s="71">
        <v>27</v>
      </c>
      <c r="JA36" s="71">
        <v>27</v>
      </c>
      <c r="JB36" s="71">
        <v>17</v>
      </c>
      <c r="JC36" s="71">
        <v>18</v>
      </c>
      <c r="JD36" s="72">
        <v>130</v>
      </c>
      <c r="JE36" s="73">
        <v>193</v>
      </c>
      <c r="JF36" s="70">
        <v>15</v>
      </c>
      <c r="JG36" s="71">
        <v>22</v>
      </c>
      <c r="JH36" s="72">
        <v>37</v>
      </c>
      <c r="JI36" s="276"/>
      <c r="JJ36" s="71">
        <v>41</v>
      </c>
      <c r="JK36" s="71">
        <v>40</v>
      </c>
      <c r="JL36" s="71">
        <v>35</v>
      </c>
      <c r="JM36" s="71">
        <v>32</v>
      </c>
      <c r="JN36" s="71">
        <v>23</v>
      </c>
      <c r="JO36" s="72">
        <v>171</v>
      </c>
      <c r="JP36" s="73">
        <v>208</v>
      </c>
      <c r="JQ36" s="70">
        <v>1</v>
      </c>
      <c r="JR36" s="71">
        <v>0</v>
      </c>
      <c r="JS36" s="72">
        <v>1</v>
      </c>
      <c r="JT36" s="276"/>
      <c r="JU36" s="71">
        <v>2</v>
      </c>
      <c r="JV36" s="71">
        <v>1</v>
      </c>
      <c r="JW36" s="71">
        <v>0</v>
      </c>
      <c r="JX36" s="71">
        <v>1</v>
      </c>
      <c r="JY36" s="71">
        <v>2</v>
      </c>
      <c r="JZ36" s="72">
        <v>6</v>
      </c>
      <c r="KA36" s="73">
        <v>7</v>
      </c>
      <c r="KB36" s="70">
        <v>100</v>
      </c>
      <c r="KC36" s="71">
        <v>92</v>
      </c>
      <c r="KD36" s="72">
        <v>192</v>
      </c>
      <c r="KE36" s="276"/>
      <c r="KF36" s="71">
        <v>169</v>
      </c>
      <c r="KG36" s="71">
        <v>136</v>
      </c>
      <c r="KH36" s="71">
        <v>98</v>
      </c>
      <c r="KI36" s="71">
        <v>95</v>
      </c>
      <c r="KJ36" s="71">
        <v>72</v>
      </c>
      <c r="KK36" s="72">
        <v>570</v>
      </c>
      <c r="KL36" s="73">
        <v>762</v>
      </c>
    </row>
    <row r="37" spans="1:298" ht="19.5" customHeight="1" x14ac:dyDescent="0.2">
      <c r="A37" s="129" t="s">
        <v>34</v>
      </c>
      <c r="B37" s="350">
        <v>19</v>
      </c>
      <c r="C37" s="82">
        <v>18</v>
      </c>
      <c r="D37" s="83">
        <v>37</v>
      </c>
      <c r="E37" s="273"/>
      <c r="F37" s="82">
        <v>46</v>
      </c>
      <c r="G37" s="82">
        <v>31</v>
      </c>
      <c r="H37" s="82">
        <v>14</v>
      </c>
      <c r="I37" s="82">
        <v>26</v>
      </c>
      <c r="J37" s="82">
        <v>8</v>
      </c>
      <c r="K37" s="84">
        <v>125</v>
      </c>
      <c r="L37" s="85">
        <v>162</v>
      </c>
      <c r="M37" s="70">
        <v>1</v>
      </c>
      <c r="N37" s="71">
        <v>3</v>
      </c>
      <c r="O37" s="72">
        <v>4</v>
      </c>
      <c r="P37" s="276"/>
      <c r="Q37" s="71">
        <v>2</v>
      </c>
      <c r="R37" s="71">
        <v>2</v>
      </c>
      <c r="S37" s="71">
        <v>1</v>
      </c>
      <c r="T37" s="71">
        <v>3</v>
      </c>
      <c r="U37" s="71">
        <v>0</v>
      </c>
      <c r="V37" s="72">
        <v>8</v>
      </c>
      <c r="W37" s="73">
        <v>12</v>
      </c>
      <c r="X37" s="70">
        <v>1</v>
      </c>
      <c r="Y37" s="71">
        <v>1</v>
      </c>
      <c r="Z37" s="72">
        <v>2</v>
      </c>
      <c r="AA37" s="276">
        <v>0</v>
      </c>
      <c r="AB37" s="71">
        <v>4</v>
      </c>
      <c r="AC37" s="71">
        <v>2</v>
      </c>
      <c r="AD37" s="71">
        <v>2</v>
      </c>
      <c r="AE37" s="71">
        <v>3</v>
      </c>
      <c r="AF37" s="71">
        <v>1</v>
      </c>
      <c r="AG37" s="72">
        <v>12</v>
      </c>
      <c r="AH37" s="73">
        <v>14</v>
      </c>
      <c r="AI37" s="70">
        <v>4</v>
      </c>
      <c r="AJ37" s="71">
        <v>3</v>
      </c>
      <c r="AK37" s="72">
        <v>7</v>
      </c>
      <c r="AL37" s="276"/>
      <c r="AM37" s="71">
        <v>3</v>
      </c>
      <c r="AN37" s="71">
        <v>5</v>
      </c>
      <c r="AO37" s="71">
        <v>3</v>
      </c>
      <c r="AP37" s="71">
        <v>6</v>
      </c>
      <c r="AQ37" s="71">
        <v>3</v>
      </c>
      <c r="AR37" s="72">
        <v>20</v>
      </c>
      <c r="AS37" s="73">
        <v>27</v>
      </c>
      <c r="AT37" s="70">
        <v>6</v>
      </c>
      <c r="AU37" s="71">
        <v>7</v>
      </c>
      <c r="AV37" s="72">
        <v>13</v>
      </c>
      <c r="AW37" s="276"/>
      <c r="AX37" s="71">
        <v>15</v>
      </c>
      <c r="AY37" s="71">
        <v>8</v>
      </c>
      <c r="AZ37" s="71">
        <v>4</v>
      </c>
      <c r="BA37" s="71">
        <v>5</v>
      </c>
      <c r="BB37" s="71">
        <v>2</v>
      </c>
      <c r="BC37" s="72">
        <v>34</v>
      </c>
      <c r="BD37" s="73">
        <v>47</v>
      </c>
      <c r="BE37" s="70">
        <v>5</v>
      </c>
      <c r="BF37" s="71">
        <v>3</v>
      </c>
      <c r="BG37" s="72">
        <v>8</v>
      </c>
      <c r="BH37" s="276"/>
      <c r="BI37" s="71">
        <v>13</v>
      </c>
      <c r="BJ37" s="71">
        <v>9</v>
      </c>
      <c r="BK37" s="71">
        <v>2</v>
      </c>
      <c r="BL37" s="71">
        <v>6</v>
      </c>
      <c r="BM37" s="71">
        <v>1</v>
      </c>
      <c r="BN37" s="72">
        <v>31</v>
      </c>
      <c r="BO37" s="73">
        <v>39</v>
      </c>
      <c r="BP37" s="70">
        <v>2</v>
      </c>
      <c r="BQ37" s="71">
        <v>1</v>
      </c>
      <c r="BR37" s="72">
        <v>3</v>
      </c>
      <c r="BS37" s="276"/>
      <c r="BT37" s="71">
        <v>9</v>
      </c>
      <c r="BU37" s="71">
        <v>5</v>
      </c>
      <c r="BV37" s="71">
        <v>2</v>
      </c>
      <c r="BW37" s="71">
        <v>3</v>
      </c>
      <c r="BX37" s="71">
        <v>1</v>
      </c>
      <c r="BY37" s="72">
        <v>20</v>
      </c>
      <c r="BZ37" s="73">
        <v>23</v>
      </c>
      <c r="CA37" s="70">
        <v>0</v>
      </c>
      <c r="CB37" s="71">
        <v>0</v>
      </c>
      <c r="CC37" s="72">
        <v>0</v>
      </c>
      <c r="CD37" s="276"/>
      <c r="CE37" s="71">
        <v>4</v>
      </c>
      <c r="CF37" s="71">
        <v>0</v>
      </c>
      <c r="CG37" s="71">
        <v>1</v>
      </c>
      <c r="CH37" s="71">
        <v>1</v>
      </c>
      <c r="CI37" s="71">
        <v>1</v>
      </c>
      <c r="CJ37" s="72">
        <v>7</v>
      </c>
      <c r="CK37" s="73">
        <v>7</v>
      </c>
      <c r="CL37" s="70">
        <v>19</v>
      </c>
      <c r="CM37" s="71">
        <v>18</v>
      </c>
      <c r="CN37" s="72">
        <v>37</v>
      </c>
      <c r="CO37" s="276"/>
      <c r="CP37" s="71">
        <v>50</v>
      </c>
      <c r="CQ37" s="71">
        <v>31</v>
      </c>
      <c r="CR37" s="71">
        <v>15</v>
      </c>
      <c r="CS37" s="71">
        <v>27</v>
      </c>
      <c r="CT37" s="71">
        <v>9</v>
      </c>
      <c r="CU37" s="72">
        <v>132</v>
      </c>
      <c r="CV37" s="73">
        <v>169</v>
      </c>
      <c r="CW37" s="126">
        <v>43</v>
      </c>
      <c r="CX37" s="82">
        <v>38</v>
      </c>
      <c r="CY37" s="83">
        <v>81</v>
      </c>
      <c r="CZ37" s="273"/>
      <c r="DA37" s="82">
        <v>78</v>
      </c>
      <c r="DB37" s="82">
        <v>66</v>
      </c>
      <c r="DC37" s="82">
        <v>48</v>
      </c>
      <c r="DD37" s="82">
        <v>44</v>
      </c>
      <c r="DE37" s="82">
        <v>29</v>
      </c>
      <c r="DF37" s="84">
        <v>265</v>
      </c>
      <c r="DG37" s="85">
        <v>346</v>
      </c>
      <c r="DH37" s="70">
        <v>1</v>
      </c>
      <c r="DI37" s="71">
        <v>0</v>
      </c>
      <c r="DJ37" s="72">
        <v>1</v>
      </c>
      <c r="DK37" s="276"/>
      <c r="DL37" s="71">
        <v>1</v>
      </c>
      <c r="DM37" s="71">
        <v>1</v>
      </c>
      <c r="DN37" s="71">
        <v>2</v>
      </c>
      <c r="DO37" s="71">
        <v>1</v>
      </c>
      <c r="DP37" s="71">
        <v>0</v>
      </c>
      <c r="DQ37" s="72">
        <v>5</v>
      </c>
      <c r="DR37" s="73">
        <v>6</v>
      </c>
      <c r="DS37" s="70">
        <v>3</v>
      </c>
      <c r="DT37" s="71">
        <v>0</v>
      </c>
      <c r="DU37" s="72">
        <v>3</v>
      </c>
      <c r="DV37" s="276"/>
      <c r="DW37" s="71">
        <v>2</v>
      </c>
      <c r="DX37" s="71">
        <v>4</v>
      </c>
      <c r="DY37" s="71">
        <v>1</v>
      </c>
      <c r="DZ37" s="71">
        <v>0</v>
      </c>
      <c r="EA37" s="71">
        <v>4</v>
      </c>
      <c r="EB37" s="72">
        <v>11</v>
      </c>
      <c r="EC37" s="73">
        <v>14</v>
      </c>
      <c r="ED37" s="70">
        <v>6</v>
      </c>
      <c r="EE37" s="71">
        <v>2</v>
      </c>
      <c r="EF37" s="72">
        <v>8</v>
      </c>
      <c r="EG37" s="276"/>
      <c r="EH37" s="71">
        <v>9</v>
      </c>
      <c r="EI37" s="71">
        <v>5</v>
      </c>
      <c r="EJ37" s="71">
        <v>5</v>
      </c>
      <c r="EK37" s="71">
        <v>6</v>
      </c>
      <c r="EL37" s="71">
        <v>2</v>
      </c>
      <c r="EM37" s="72">
        <v>27</v>
      </c>
      <c r="EN37" s="73">
        <v>35</v>
      </c>
      <c r="EO37" s="70">
        <v>12</v>
      </c>
      <c r="EP37" s="71">
        <v>11</v>
      </c>
      <c r="EQ37" s="72">
        <v>23</v>
      </c>
      <c r="ER37" s="276"/>
      <c r="ES37" s="71">
        <v>15</v>
      </c>
      <c r="ET37" s="71">
        <v>13</v>
      </c>
      <c r="EU37" s="71">
        <v>4</v>
      </c>
      <c r="EV37" s="71">
        <v>8</v>
      </c>
      <c r="EW37" s="71">
        <v>2</v>
      </c>
      <c r="EX37" s="72">
        <v>42</v>
      </c>
      <c r="EY37" s="73">
        <v>65</v>
      </c>
      <c r="EZ37" s="70">
        <v>11</v>
      </c>
      <c r="FA37" s="71">
        <v>12</v>
      </c>
      <c r="FB37" s="72">
        <v>23</v>
      </c>
      <c r="FC37" s="276"/>
      <c r="FD37" s="71">
        <v>29</v>
      </c>
      <c r="FE37" s="71">
        <v>20</v>
      </c>
      <c r="FF37" s="71">
        <v>16</v>
      </c>
      <c r="FG37" s="71">
        <v>14</v>
      </c>
      <c r="FH37" s="71">
        <v>9</v>
      </c>
      <c r="FI37" s="72">
        <v>88</v>
      </c>
      <c r="FJ37" s="73">
        <v>111</v>
      </c>
      <c r="FK37" s="70">
        <v>10</v>
      </c>
      <c r="FL37" s="71">
        <v>13</v>
      </c>
      <c r="FM37" s="72">
        <v>23</v>
      </c>
      <c r="FN37" s="276"/>
      <c r="FO37" s="71">
        <v>22</v>
      </c>
      <c r="FP37" s="71">
        <v>23</v>
      </c>
      <c r="FQ37" s="71">
        <v>20</v>
      </c>
      <c r="FR37" s="71">
        <v>15</v>
      </c>
      <c r="FS37" s="71">
        <v>12</v>
      </c>
      <c r="FT37" s="72">
        <v>92</v>
      </c>
      <c r="FU37" s="73">
        <v>115</v>
      </c>
      <c r="FV37" s="70">
        <v>0</v>
      </c>
      <c r="FW37" s="71">
        <v>0</v>
      </c>
      <c r="FX37" s="72">
        <v>0</v>
      </c>
      <c r="FY37" s="276"/>
      <c r="FZ37" s="71">
        <v>1</v>
      </c>
      <c r="GA37" s="71">
        <v>1</v>
      </c>
      <c r="GB37" s="71">
        <v>1</v>
      </c>
      <c r="GC37" s="71">
        <v>0</v>
      </c>
      <c r="GD37" s="71">
        <v>1</v>
      </c>
      <c r="GE37" s="72">
        <v>4</v>
      </c>
      <c r="GF37" s="73">
        <v>4</v>
      </c>
      <c r="GG37" s="70">
        <v>43</v>
      </c>
      <c r="GH37" s="71">
        <v>38</v>
      </c>
      <c r="GI37" s="72">
        <v>81</v>
      </c>
      <c r="GJ37" s="276"/>
      <c r="GK37" s="71">
        <v>79</v>
      </c>
      <c r="GL37" s="71">
        <v>67</v>
      </c>
      <c r="GM37" s="71">
        <v>49</v>
      </c>
      <c r="GN37" s="71">
        <v>44</v>
      </c>
      <c r="GO37" s="71">
        <v>30</v>
      </c>
      <c r="GP37" s="72">
        <v>269</v>
      </c>
      <c r="GQ37" s="73">
        <v>350</v>
      </c>
      <c r="GR37" s="126">
        <v>62</v>
      </c>
      <c r="GS37" s="82">
        <v>56</v>
      </c>
      <c r="GT37" s="83">
        <v>118</v>
      </c>
      <c r="GU37" s="273"/>
      <c r="GV37" s="82">
        <v>124</v>
      </c>
      <c r="GW37" s="82">
        <v>97</v>
      </c>
      <c r="GX37" s="82">
        <v>62</v>
      </c>
      <c r="GY37" s="82">
        <v>70</v>
      </c>
      <c r="GZ37" s="82">
        <v>37</v>
      </c>
      <c r="HA37" s="84">
        <v>390</v>
      </c>
      <c r="HB37" s="85">
        <v>508</v>
      </c>
      <c r="HC37" s="70">
        <v>2</v>
      </c>
      <c r="HD37" s="71">
        <v>3</v>
      </c>
      <c r="HE37" s="72">
        <v>5</v>
      </c>
      <c r="HF37" s="276"/>
      <c r="HG37" s="71">
        <v>3</v>
      </c>
      <c r="HH37" s="71">
        <v>3</v>
      </c>
      <c r="HI37" s="71">
        <v>3</v>
      </c>
      <c r="HJ37" s="71">
        <v>4</v>
      </c>
      <c r="HK37" s="71">
        <v>0</v>
      </c>
      <c r="HL37" s="72">
        <v>13</v>
      </c>
      <c r="HM37" s="73">
        <v>18</v>
      </c>
      <c r="HN37" s="70">
        <v>4</v>
      </c>
      <c r="HO37" s="71">
        <v>1</v>
      </c>
      <c r="HP37" s="72">
        <v>5</v>
      </c>
      <c r="HQ37" s="276"/>
      <c r="HR37" s="71">
        <v>6</v>
      </c>
      <c r="HS37" s="71">
        <v>6</v>
      </c>
      <c r="HT37" s="71">
        <v>3</v>
      </c>
      <c r="HU37" s="71">
        <v>3</v>
      </c>
      <c r="HV37" s="71">
        <v>5</v>
      </c>
      <c r="HW37" s="72">
        <v>23</v>
      </c>
      <c r="HX37" s="73">
        <v>28</v>
      </c>
      <c r="HY37" s="70">
        <v>10</v>
      </c>
      <c r="HZ37" s="71">
        <v>5</v>
      </c>
      <c r="IA37" s="72">
        <v>15</v>
      </c>
      <c r="IB37" s="276"/>
      <c r="IC37" s="71">
        <v>12</v>
      </c>
      <c r="ID37" s="71">
        <v>10</v>
      </c>
      <c r="IE37" s="71">
        <v>8</v>
      </c>
      <c r="IF37" s="71">
        <v>12</v>
      </c>
      <c r="IG37" s="71">
        <v>5</v>
      </c>
      <c r="IH37" s="72">
        <v>47</v>
      </c>
      <c r="II37" s="73">
        <v>62</v>
      </c>
      <c r="IJ37" s="70">
        <v>18</v>
      </c>
      <c r="IK37" s="71">
        <v>18</v>
      </c>
      <c r="IL37" s="72">
        <v>36</v>
      </c>
      <c r="IM37" s="276"/>
      <c r="IN37" s="71">
        <v>30</v>
      </c>
      <c r="IO37" s="71">
        <v>21</v>
      </c>
      <c r="IP37" s="71">
        <v>8</v>
      </c>
      <c r="IQ37" s="71">
        <v>13</v>
      </c>
      <c r="IR37" s="71">
        <v>4</v>
      </c>
      <c r="IS37" s="72">
        <v>76</v>
      </c>
      <c r="IT37" s="73">
        <v>112</v>
      </c>
      <c r="IU37" s="70">
        <v>16</v>
      </c>
      <c r="IV37" s="71">
        <v>15</v>
      </c>
      <c r="IW37" s="72">
        <v>31</v>
      </c>
      <c r="IX37" s="276"/>
      <c r="IY37" s="71">
        <v>42</v>
      </c>
      <c r="IZ37" s="71">
        <v>29</v>
      </c>
      <c r="JA37" s="71">
        <v>18</v>
      </c>
      <c r="JB37" s="71">
        <v>20</v>
      </c>
      <c r="JC37" s="71">
        <v>10</v>
      </c>
      <c r="JD37" s="72">
        <v>119</v>
      </c>
      <c r="JE37" s="73">
        <v>150</v>
      </c>
      <c r="JF37" s="70">
        <v>12</v>
      </c>
      <c r="JG37" s="71">
        <v>14</v>
      </c>
      <c r="JH37" s="72">
        <v>26</v>
      </c>
      <c r="JI37" s="276"/>
      <c r="JJ37" s="71">
        <v>31</v>
      </c>
      <c r="JK37" s="71">
        <v>28</v>
      </c>
      <c r="JL37" s="71">
        <v>22</v>
      </c>
      <c r="JM37" s="71">
        <v>18</v>
      </c>
      <c r="JN37" s="71">
        <v>13</v>
      </c>
      <c r="JO37" s="72">
        <v>112</v>
      </c>
      <c r="JP37" s="73">
        <v>138</v>
      </c>
      <c r="JQ37" s="70">
        <v>0</v>
      </c>
      <c r="JR37" s="71">
        <v>0</v>
      </c>
      <c r="JS37" s="72">
        <v>0</v>
      </c>
      <c r="JT37" s="276"/>
      <c r="JU37" s="71">
        <v>5</v>
      </c>
      <c r="JV37" s="71">
        <v>1</v>
      </c>
      <c r="JW37" s="71">
        <v>2</v>
      </c>
      <c r="JX37" s="71">
        <v>1</v>
      </c>
      <c r="JY37" s="71">
        <v>2</v>
      </c>
      <c r="JZ37" s="72">
        <v>11</v>
      </c>
      <c r="KA37" s="73">
        <v>11</v>
      </c>
      <c r="KB37" s="70">
        <v>62</v>
      </c>
      <c r="KC37" s="71">
        <v>56</v>
      </c>
      <c r="KD37" s="72">
        <v>118</v>
      </c>
      <c r="KE37" s="276"/>
      <c r="KF37" s="71">
        <v>129</v>
      </c>
      <c r="KG37" s="71">
        <v>98</v>
      </c>
      <c r="KH37" s="71">
        <v>64</v>
      </c>
      <c r="KI37" s="71">
        <v>71</v>
      </c>
      <c r="KJ37" s="71">
        <v>39</v>
      </c>
      <c r="KK37" s="72">
        <v>401</v>
      </c>
      <c r="KL37" s="73">
        <v>519</v>
      </c>
    </row>
    <row r="38" spans="1:298" ht="19.5" customHeight="1" x14ac:dyDescent="0.2">
      <c r="A38" s="129" t="s">
        <v>35</v>
      </c>
      <c r="B38" s="350">
        <v>52</v>
      </c>
      <c r="C38" s="82">
        <v>48</v>
      </c>
      <c r="D38" s="83">
        <v>100</v>
      </c>
      <c r="E38" s="273"/>
      <c r="F38" s="82">
        <v>152</v>
      </c>
      <c r="G38" s="82">
        <v>107</v>
      </c>
      <c r="H38" s="82">
        <v>60</v>
      </c>
      <c r="I38" s="82">
        <v>58</v>
      </c>
      <c r="J38" s="82">
        <v>27</v>
      </c>
      <c r="K38" s="84">
        <v>404</v>
      </c>
      <c r="L38" s="85">
        <v>504</v>
      </c>
      <c r="M38" s="70">
        <v>2</v>
      </c>
      <c r="N38" s="71">
        <v>3</v>
      </c>
      <c r="O38" s="72">
        <v>5</v>
      </c>
      <c r="P38" s="276"/>
      <c r="Q38" s="71">
        <v>9</v>
      </c>
      <c r="R38" s="71">
        <v>2</v>
      </c>
      <c r="S38" s="71">
        <v>10</v>
      </c>
      <c r="T38" s="71">
        <v>2</v>
      </c>
      <c r="U38" s="71">
        <v>1</v>
      </c>
      <c r="V38" s="72">
        <v>24</v>
      </c>
      <c r="W38" s="73">
        <v>29</v>
      </c>
      <c r="X38" s="70">
        <v>5</v>
      </c>
      <c r="Y38" s="71">
        <v>4</v>
      </c>
      <c r="Z38" s="72">
        <v>9</v>
      </c>
      <c r="AA38" s="276">
        <v>0</v>
      </c>
      <c r="AB38" s="71">
        <v>9</v>
      </c>
      <c r="AC38" s="71">
        <v>12</v>
      </c>
      <c r="AD38" s="71">
        <v>7</v>
      </c>
      <c r="AE38" s="71">
        <v>5</v>
      </c>
      <c r="AF38" s="71">
        <v>8</v>
      </c>
      <c r="AG38" s="72">
        <v>41</v>
      </c>
      <c r="AH38" s="73">
        <v>50</v>
      </c>
      <c r="AI38" s="70">
        <v>11</v>
      </c>
      <c r="AJ38" s="71">
        <v>13</v>
      </c>
      <c r="AK38" s="72">
        <v>24</v>
      </c>
      <c r="AL38" s="276"/>
      <c r="AM38" s="71">
        <v>29</v>
      </c>
      <c r="AN38" s="71">
        <v>13</v>
      </c>
      <c r="AO38" s="71">
        <v>9</v>
      </c>
      <c r="AP38" s="71">
        <v>14</v>
      </c>
      <c r="AQ38" s="71">
        <v>3</v>
      </c>
      <c r="AR38" s="72">
        <v>68</v>
      </c>
      <c r="AS38" s="73">
        <v>92</v>
      </c>
      <c r="AT38" s="70">
        <v>16</v>
      </c>
      <c r="AU38" s="71">
        <v>11</v>
      </c>
      <c r="AV38" s="72">
        <v>27</v>
      </c>
      <c r="AW38" s="276"/>
      <c r="AX38" s="71">
        <v>34</v>
      </c>
      <c r="AY38" s="71">
        <v>26</v>
      </c>
      <c r="AZ38" s="71">
        <v>11</v>
      </c>
      <c r="BA38" s="71">
        <v>14</v>
      </c>
      <c r="BB38" s="71">
        <v>2</v>
      </c>
      <c r="BC38" s="72">
        <v>87</v>
      </c>
      <c r="BD38" s="73">
        <v>114</v>
      </c>
      <c r="BE38" s="70">
        <v>9</v>
      </c>
      <c r="BF38" s="71">
        <v>13</v>
      </c>
      <c r="BG38" s="72">
        <v>22</v>
      </c>
      <c r="BH38" s="276"/>
      <c r="BI38" s="71">
        <v>47</v>
      </c>
      <c r="BJ38" s="71">
        <v>25</v>
      </c>
      <c r="BK38" s="71">
        <v>8</v>
      </c>
      <c r="BL38" s="71">
        <v>7</v>
      </c>
      <c r="BM38" s="71">
        <v>6</v>
      </c>
      <c r="BN38" s="72">
        <v>93</v>
      </c>
      <c r="BO38" s="73">
        <v>115</v>
      </c>
      <c r="BP38" s="70">
        <v>9</v>
      </c>
      <c r="BQ38" s="71">
        <v>4</v>
      </c>
      <c r="BR38" s="72">
        <v>13</v>
      </c>
      <c r="BS38" s="276"/>
      <c r="BT38" s="71">
        <v>24</v>
      </c>
      <c r="BU38" s="71">
        <v>29</v>
      </c>
      <c r="BV38" s="71">
        <v>15</v>
      </c>
      <c r="BW38" s="71">
        <v>16</v>
      </c>
      <c r="BX38" s="71">
        <v>7</v>
      </c>
      <c r="BY38" s="72">
        <v>91</v>
      </c>
      <c r="BZ38" s="73">
        <v>104</v>
      </c>
      <c r="CA38" s="70">
        <v>0</v>
      </c>
      <c r="CB38" s="71">
        <v>2</v>
      </c>
      <c r="CC38" s="72">
        <v>2</v>
      </c>
      <c r="CD38" s="276"/>
      <c r="CE38" s="71">
        <v>5</v>
      </c>
      <c r="CF38" s="71">
        <v>1</v>
      </c>
      <c r="CG38" s="71">
        <v>1</v>
      </c>
      <c r="CH38" s="71">
        <v>1</v>
      </c>
      <c r="CI38" s="71">
        <v>1</v>
      </c>
      <c r="CJ38" s="72">
        <v>9</v>
      </c>
      <c r="CK38" s="73">
        <v>11</v>
      </c>
      <c r="CL38" s="70">
        <v>52</v>
      </c>
      <c r="CM38" s="71">
        <v>50</v>
      </c>
      <c r="CN38" s="72">
        <v>102</v>
      </c>
      <c r="CO38" s="276"/>
      <c r="CP38" s="71">
        <v>157</v>
      </c>
      <c r="CQ38" s="71">
        <v>108</v>
      </c>
      <c r="CR38" s="71">
        <v>61</v>
      </c>
      <c r="CS38" s="71">
        <v>59</v>
      </c>
      <c r="CT38" s="71">
        <v>28</v>
      </c>
      <c r="CU38" s="72">
        <v>413</v>
      </c>
      <c r="CV38" s="73">
        <v>515</v>
      </c>
      <c r="CW38" s="126">
        <v>135</v>
      </c>
      <c r="CX38" s="82">
        <v>157</v>
      </c>
      <c r="CY38" s="83">
        <v>292</v>
      </c>
      <c r="CZ38" s="273"/>
      <c r="DA38" s="82">
        <v>300</v>
      </c>
      <c r="DB38" s="82">
        <v>188</v>
      </c>
      <c r="DC38" s="82">
        <v>149</v>
      </c>
      <c r="DD38" s="82">
        <v>135</v>
      </c>
      <c r="DE38" s="82">
        <v>92</v>
      </c>
      <c r="DF38" s="84">
        <v>864</v>
      </c>
      <c r="DG38" s="85">
        <v>1156</v>
      </c>
      <c r="DH38" s="70">
        <v>3</v>
      </c>
      <c r="DI38" s="71">
        <v>4</v>
      </c>
      <c r="DJ38" s="72">
        <v>7</v>
      </c>
      <c r="DK38" s="276"/>
      <c r="DL38" s="71">
        <v>5</v>
      </c>
      <c r="DM38" s="71">
        <v>5</v>
      </c>
      <c r="DN38" s="71">
        <v>5</v>
      </c>
      <c r="DO38" s="71">
        <v>5</v>
      </c>
      <c r="DP38" s="71">
        <v>1</v>
      </c>
      <c r="DQ38" s="72">
        <v>21</v>
      </c>
      <c r="DR38" s="73">
        <v>28</v>
      </c>
      <c r="DS38" s="70">
        <v>5</v>
      </c>
      <c r="DT38" s="71">
        <v>12</v>
      </c>
      <c r="DU38" s="72">
        <v>17</v>
      </c>
      <c r="DV38" s="276"/>
      <c r="DW38" s="71">
        <v>22</v>
      </c>
      <c r="DX38" s="71">
        <v>6</v>
      </c>
      <c r="DY38" s="71">
        <v>3</v>
      </c>
      <c r="DZ38" s="71">
        <v>3</v>
      </c>
      <c r="EA38" s="71">
        <v>4</v>
      </c>
      <c r="EB38" s="72">
        <v>38</v>
      </c>
      <c r="EC38" s="73">
        <v>55</v>
      </c>
      <c r="ED38" s="70">
        <v>24</v>
      </c>
      <c r="EE38" s="71">
        <v>24</v>
      </c>
      <c r="EF38" s="72">
        <v>48</v>
      </c>
      <c r="EG38" s="276"/>
      <c r="EH38" s="71">
        <v>31</v>
      </c>
      <c r="EI38" s="71">
        <v>18</v>
      </c>
      <c r="EJ38" s="71">
        <v>5</v>
      </c>
      <c r="EK38" s="71">
        <v>16</v>
      </c>
      <c r="EL38" s="71">
        <v>13</v>
      </c>
      <c r="EM38" s="72">
        <v>83</v>
      </c>
      <c r="EN38" s="73">
        <v>131</v>
      </c>
      <c r="EO38" s="70">
        <v>32</v>
      </c>
      <c r="EP38" s="71">
        <v>33</v>
      </c>
      <c r="EQ38" s="72">
        <v>65</v>
      </c>
      <c r="ER38" s="276"/>
      <c r="ES38" s="71">
        <v>68</v>
      </c>
      <c r="ET38" s="71">
        <v>39</v>
      </c>
      <c r="EU38" s="71">
        <v>28</v>
      </c>
      <c r="EV38" s="71">
        <v>22</v>
      </c>
      <c r="EW38" s="71">
        <v>9</v>
      </c>
      <c r="EX38" s="72">
        <v>166</v>
      </c>
      <c r="EY38" s="73">
        <v>231</v>
      </c>
      <c r="EZ38" s="70">
        <v>36</v>
      </c>
      <c r="FA38" s="71">
        <v>53</v>
      </c>
      <c r="FB38" s="72">
        <v>89</v>
      </c>
      <c r="FC38" s="276"/>
      <c r="FD38" s="71">
        <v>97</v>
      </c>
      <c r="FE38" s="71">
        <v>49</v>
      </c>
      <c r="FF38" s="71">
        <v>35</v>
      </c>
      <c r="FG38" s="71">
        <v>30</v>
      </c>
      <c r="FH38" s="71">
        <v>20</v>
      </c>
      <c r="FI38" s="72">
        <v>231</v>
      </c>
      <c r="FJ38" s="73">
        <v>320</v>
      </c>
      <c r="FK38" s="70">
        <v>35</v>
      </c>
      <c r="FL38" s="71">
        <v>31</v>
      </c>
      <c r="FM38" s="72">
        <v>66</v>
      </c>
      <c r="FN38" s="276"/>
      <c r="FO38" s="71">
        <v>77</v>
      </c>
      <c r="FP38" s="71">
        <v>71</v>
      </c>
      <c r="FQ38" s="71">
        <v>73</v>
      </c>
      <c r="FR38" s="71">
        <v>59</v>
      </c>
      <c r="FS38" s="71">
        <v>45</v>
      </c>
      <c r="FT38" s="72">
        <v>325</v>
      </c>
      <c r="FU38" s="73">
        <v>391</v>
      </c>
      <c r="FV38" s="70">
        <v>2</v>
      </c>
      <c r="FW38" s="71">
        <v>0</v>
      </c>
      <c r="FX38" s="72">
        <v>2</v>
      </c>
      <c r="FY38" s="276"/>
      <c r="FZ38" s="71">
        <v>0</v>
      </c>
      <c r="GA38" s="71">
        <v>7</v>
      </c>
      <c r="GB38" s="71">
        <v>2</v>
      </c>
      <c r="GC38" s="71">
        <v>1</v>
      </c>
      <c r="GD38" s="71">
        <v>1</v>
      </c>
      <c r="GE38" s="72">
        <v>11</v>
      </c>
      <c r="GF38" s="73">
        <v>13</v>
      </c>
      <c r="GG38" s="70">
        <v>137</v>
      </c>
      <c r="GH38" s="71">
        <v>157</v>
      </c>
      <c r="GI38" s="72">
        <v>294</v>
      </c>
      <c r="GJ38" s="276"/>
      <c r="GK38" s="71">
        <v>300</v>
      </c>
      <c r="GL38" s="71">
        <v>195</v>
      </c>
      <c r="GM38" s="71">
        <v>151</v>
      </c>
      <c r="GN38" s="71">
        <v>136</v>
      </c>
      <c r="GO38" s="71">
        <v>93</v>
      </c>
      <c r="GP38" s="72">
        <v>875</v>
      </c>
      <c r="GQ38" s="73">
        <v>1169</v>
      </c>
      <c r="GR38" s="126">
        <v>187</v>
      </c>
      <c r="GS38" s="82">
        <v>205</v>
      </c>
      <c r="GT38" s="83">
        <v>392</v>
      </c>
      <c r="GU38" s="273"/>
      <c r="GV38" s="82">
        <v>452</v>
      </c>
      <c r="GW38" s="82">
        <v>295</v>
      </c>
      <c r="GX38" s="82">
        <v>209</v>
      </c>
      <c r="GY38" s="82">
        <v>193</v>
      </c>
      <c r="GZ38" s="82">
        <v>119</v>
      </c>
      <c r="HA38" s="84">
        <v>1268</v>
      </c>
      <c r="HB38" s="85">
        <v>1660</v>
      </c>
      <c r="HC38" s="70">
        <v>5</v>
      </c>
      <c r="HD38" s="71">
        <v>7</v>
      </c>
      <c r="HE38" s="72">
        <v>12</v>
      </c>
      <c r="HF38" s="276"/>
      <c r="HG38" s="71">
        <v>14</v>
      </c>
      <c r="HH38" s="71">
        <v>7</v>
      </c>
      <c r="HI38" s="71">
        <v>15</v>
      </c>
      <c r="HJ38" s="71">
        <v>7</v>
      </c>
      <c r="HK38" s="71">
        <v>2</v>
      </c>
      <c r="HL38" s="72">
        <v>45</v>
      </c>
      <c r="HM38" s="73">
        <v>57</v>
      </c>
      <c r="HN38" s="70">
        <v>10</v>
      </c>
      <c r="HO38" s="71">
        <v>16</v>
      </c>
      <c r="HP38" s="72">
        <v>26</v>
      </c>
      <c r="HQ38" s="276"/>
      <c r="HR38" s="71">
        <v>31</v>
      </c>
      <c r="HS38" s="71">
        <v>18</v>
      </c>
      <c r="HT38" s="71">
        <v>10</v>
      </c>
      <c r="HU38" s="71">
        <v>8</v>
      </c>
      <c r="HV38" s="71">
        <v>12</v>
      </c>
      <c r="HW38" s="72">
        <v>79</v>
      </c>
      <c r="HX38" s="73">
        <v>105</v>
      </c>
      <c r="HY38" s="70">
        <v>35</v>
      </c>
      <c r="HZ38" s="71">
        <v>37</v>
      </c>
      <c r="IA38" s="72">
        <v>72</v>
      </c>
      <c r="IB38" s="276"/>
      <c r="IC38" s="71">
        <v>60</v>
      </c>
      <c r="ID38" s="71">
        <v>31</v>
      </c>
      <c r="IE38" s="71">
        <v>14</v>
      </c>
      <c r="IF38" s="71">
        <v>30</v>
      </c>
      <c r="IG38" s="71">
        <v>16</v>
      </c>
      <c r="IH38" s="72">
        <v>151</v>
      </c>
      <c r="II38" s="73">
        <v>223</v>
      </c>
      <c r="IJ38" s="70">
        <v>48</v>
      </c>
      <c r="IK38" s="71">
        <v>44</v>
      </c>
      <c r="IL38" s="72">
        <v>92</v>
      </c>
      <c r="IM38" s="276"/>
      <c r="IN38" s="71">
        <v>102</v>
      </c>
      <c r="IO38" s="71">
        <v>65</v>
      </c>
      <c r="IP38" s="71">
        <v>39</v>
      </c>
      <c r="IQ38" s="71">
        <v>36</v>
      </c>
      <c r="IR38" s="71">
        <v>11</v>
      </c>
      <c r="IS38" s="72">
        <v>253</v>
      </c>
      <c r="IT38" s="73">
        <v>345</v>
      </c>
      <c r="IU38" s="70">
        <v>45</v>
      </c>
      <c r="IV38" s="71">
        <v>66</v>
      </c>
      <c r="IW38" s="72">
        <v>111</v>
      </c>
      <c r="IX38" s="276"/>
      <c r="IY38" s="71">
        <v>144</v>
      </c>
      <c r="IZ38" s="71">
        <v>74</v>
      </c>
      <c r="JA38" s="71">
        <v>43</v>
      </c>
      <c r="JB38" s="71">
        <v>37</v>
      </c>
      <c r="JC38" s="71">
        <v>26</v>
      </c>
      <c r="JD38" s="72">
        <v>324</v>
      </c>
      <c r="JE38" s="73">
        <v>435</v>
      </c>
      <c r="JF38" s="70">
        <v>44</v>
      </c>
      <c r="JG38" s="71">
        <v>35</v>
      </c>
      <c r="JH38" s="72">
        <v>79</v>
      </c>
      <c r="JI38" s="276"/>
      <c r="JJ38" s="71">
        <v>101</v>
      </c>
      <c r="JK38" s="71">
        <v>100</v>
      </c>
      <c r="JL38" s="71">
        <v>88</v>
      </c>
      <c r="JM38" s="71">
        <v>75</v>
      </c>
      <c r="JN38" s="71">
        <v>52</v>
      </c>
      <c r="JO38" s="72">
        <v>416</v>
      </c>
      <c r="JP38" s="73">
        <v>495</v>
      </c>
      <c r="JQ38" s="70">
        <v>2</v>
      </c>
      <c r="JR38" s="71">
        <v>2</v>
      </c>
      <c r="JS38" s="72">
        <v>4</v>
      </c>
      <c r="JT38" s="276"/>
      <c r="JU38" s="71">
        <v>5</v>
      </c>
      <c r="JV38" s="71">
        <v>8</v>
      </c>
      <c r="JW38" s="71">
        <v>3</v>
      </c>
      <c r="JX38" s="71">
        <v>2</v>
      </c>
      <c r="JY38" s="71">
        <v>2</v>
      </c>
      <c r="JZ38" s="72">
        <v>20</v>
      </c>
      <c r="KA38" s="73">
        <v>24</v>
      </c>
      <c r="KB38" s="70">
        <v>189</v>
      </c>
      <c r="KC38" s="71">
        <v>207</v>
      </c>
      <c r="KD38" s="72">
        <v>396</v>
      </c>
      <c r="KE38" s="276"/>
      <c r="KF38" s="71">
        <v>457</v>
      </c>
      <c r="KG38" s="71">
        <v>303</v>
      </c>
      <c r="KH38" s="71">
        <v>212</v>
      </c>
      <c r="KI38" s="71">
        <v>195</v>
      </c>
      <c r="KJ38" s="71">
        <v>121</v>
      </c>
      <c r="KK38" s="72">
        <v>1288</v>
      </c>
      <c r="KL38" s="73">
        <v>1684</v>
      </c>
    </row>
    <row r="39" spans="1:298" ht="19.5" customHeight="1" x14ac:dyDescent="0.2">
      <c r="A39" s="129" t="s">
        <v>36</v>
      </c>
      <c r="B39" s="350">
        <v>61</v>
      </c>
      <c r="C39" s="82">
        <v>81</v>
      </c>
      <c r="D39" s="83">
        <v>142</v>
      </c>
      <c r="E39" s="273"/>
      <c r="F39" s="82">
        <v>143</v>
      </c>
      <c r="G39" s="82">
        <v>136</v>
      </c>
      <c r="H39" s="82">
        <v>100</v>
      </c>
      <c r="I39" s="82">
        <v>65</v>
      </c>
      <c r="J39" s="82">
        <v>44</v>
      </c>
      <c r="K39" s="84">
        <v>488</v>
      </c>
      <c r="L39" s="85">
        <v>630</v>
      </c>
      <c r="M39" s="70">
        <v>6</v>
      </c>
      <c r="N39" s="71">
        <v>5</v>
      </c>
      <c r="O39" s="72">
        <v>11</v>
      </c>
      <c r="P39" s="276"/>
      <c r="Q39" s="71">
        <v>10</v>
      </c>
      <c r="R39" s="71">
        <v>17</v>
      </c>
      <c r="S39" s="71">
        <v>4</v>
      </c>
      <c r="T39" s="71">
        <v>4</v>
      </c>
      <c r="U39" s="71">
        <v>7</v>
      </c>
      <c r="V39" s="72">
        <v>42</v>
      </c>
      <c r="W39" s="73">
        <v>53</v>
      </c>
      <c r="X39" s="70">
        <v>10</v>
      </c>
      <c r="Y39" s="71">
        <v>14</v>
      </c>
      <c r="Z39" s="72">
        <v>24</v>
      </c>
      <c r="AA39" s="276">
        <v>0</v>
      </c>
      <c r="AB39" s="71">
        <v>20</v>
      </c>
      <c r="AC39" s="71">
        <v>21</v>
      </c>
      <c r="AD39" s="71">
        <v>11</v>
      </c>
      <c r="AE39" s="71">
        <v>15</v>
      </c>
      <c r="AF39" s="71">
        <v>4</v>
      </c>
      <c r="AG39" s="72">
        <v>71</v>
      </c>
      <c r="AH39" s="73">
        <v>95</v>
      </c>
      <c r="AI39" s="70">
        <v>13</v>
      </c>
      <c r="AJ39" s="71">
        <v>11</v>
      </c>
      <c r="AK39" s="72">
        <v>24</v>
      </c>
      <c r="AL39" s="276"/>
      <c r="AM39" s="71">
        <v>30</v>
      </c>
      <c r="AN39" s="71">
        <v>26</v>
      </c>
      <c r="AO39" s="71">
        <v>18</v>
      </c>
      <c r="AP39" s="71">
        <v>9</v>
      </c>
      <c r="AQ39" s="71">
        <v>8</v>
      </c>
      <c r="AR39" s="72">
        <v>91</v>
      </c>
      <c r="AS39" s="73">
        <v>115</v>
      </c>
      <c r="AT39" s="70">
        <v>18</v>
      </c>
      <c r="AU39" s="71">
        <v>25</v>
      </c>
      <c r="AV39" s="72">
        <v>43</v>
      </c>
      <c r="AW39" s="276"/>
      <c r="AX39" s="71">
        <v>36</v>
      </c>
      <c r="AY39" s="71">
        <v>34</v>
      </c>
      <c r="AZ39" s="71">
        <v>22</v>
      </c>
      <c r="BA39" s="71">
        <v>11</v>
      </c>
      <c r="BB39" s="71">
        <v>14</v>
      </c>
      <c r="BC39" s="72">
        <v>117</v>
      </c>
      <c r="BD39" s="73">
        <v>160</v>
      </c>
      <c r="BE39" s="70">
        <v>10</v>
      </c>
      <c r="BF39" s="71">
        <v>20</v>
      </c>
      <c r="BG39" s="72">
        <v>30</v>
      </c>
      <c r="BH39" s="276"/>
      <c r="BI39" s="71">
        <v>30</v>
      </c>
      <c r="BJ39" s="71">
        <v>23</v>
      </c>
      <c r="BK39" s="71">
        <v>29</v>
      </c>
      <c r="BL39" s="71">
        <v>18</v>
      </c>
      <c r="BM39" s="71">
        <v>6</v>
      </c>
      <c r="BN39" s="72">
        <v>106</v>
      </c>
      <c r="BO39" s="73">
        <v>136</v>
      </c>
      <c r="BP39" s="70">
        <v>4</v>
      </c>
      <c r="BQ39" s="71">
        <v>6</v>
      </c>
      <c r="BR39" s="72">
        <v>10</v>
      </c>
      <c r="BS39" s="276"/>
      <c r="BT39" s="71">
        <v>17</v>
      </c>
      <c r="BU39" s="71">
        <v>15</v>
      </c>
      <c r="BV39" s="71">
        <v>16</v>
      </c>
      <c r="BW39" s="71">
        <v>8</v>
      </c>
      <c r="BX39" s="71">
        <v>5</v>
      </c>
      <c r="BY39" s="72">
        <v>61</v>
      </c>
      <c r="BZ39" s="73">
        <v>71</v>
      </c>
      <c r="CA39" s="70">
        <v>2</v>
      </c>
      <c r="CB39" s="71">
        <v>4</v>
      </c>
      <c r="CC39" s="72">
        <v>6</v>
      </c>
      <c r="CD39" s="276"/>
      <c r="CE39" s="71">
        <v>3</v>
      </c>
      <c r="CF39" s="71">
        <v>7</v>
      </c>
      <c r="CG39" s="71">
        <v>5</v>
      </c>
      <c r="CH39" s="71">
        <v>6</v>
      </c>
      <c r="CI39" s="71">
        <v>3</v>
      </c>
      <c r="CJ39" s="72">
        <v>24</v>
      </c>
      <c r="CK39" s="73">
        <v>30</v>
      </c>
      <c r="CL39" s="70">
        <v>63</v>
      </c>
      <c r="CM39" s="71">
        <v>85</v>
      </c>
      <c r="CN39" s="72">
        <v>148</v>
      </c>
      <c r="CO39" s="276"/>
      <c r="CP39" s="71">
        <v>146</v>
      </c>
      <c r="CQ39" s="71">
        <v>143</v>
      </c>
      <c r="CR39" s="71">
        <v>105</v>
      </c>
      <c r="CS39" s="71">
        <v>71</v>
      </c>
      <c r="CT39" s="71">
        <v>47</v>
      </c>
      <c r="CU39" s="72">
        <v>512</v>
      </c>
      <c r="CV39" s="73">
        <v>660</v>
      </c>
      <c r="CW39" s="126">
        <v>101</v>
      </c>
      <c r="CX39" s="82">
        <v>160</v>
      </c>
      <c r="CY39" s="83">
        <v>261</v>
      </c>
      <c r="CZ39" s="273"/>
      <c r="DA39" s="82">
        <v>266</v>
      </c>
      <c r="DB39" s="82">
        <v>200</v>
      </c>
      <c r="DC39" s="82">
        <v>180</v>
      </c>
      <c r="DD39" s="82">
        <v>172</v>
      </c>
      <c r="DE39" s="82">
        <v>141</v>
      </c>
      <c r="DF39" s="84">
        <v>959</v>
      </c>
      <c r="DG39" s="85">
        <v>1220</v>
      </c>
      <c r="DH39" s="70">
        <v>1</v>
      </c>
      <c r="DI39" s="71">
        <v>7</v>
      </c>
      <c r="DJ39" s="72">
        <v>8</v>
      </c>
      <c r="DK39" s="276"/>
      <c r="DL39" s="71">
        <v>10</v>
      </c>
      <c r="DM39" s="71">
        <v>8</v>
      </c>
      <c r="DN39" s="71">
        <v>7</v>
      </c>
      <c r="DO39" s="71">
        <v>5</v>
      </c>
      <c r="DP39" s="71">
        <v>6</v>
      </c>
      <c r="DQ39" s="72">
        <v>36</v>
      </c>
      <c r="DR39" s="73">
        <v>44</v>
      </c>
      <c r="DS39" s="70">
        <v>9</v>
      </c>
      <c r="DT39" s="71">
        <v>25</v>
      </c>
      <c r="DU39" s="72">
        <v>34</v>
      </c>
      <c r="DV39" s="276"/>
      <c r="DW39" s="71">
        <v>30</v>
      </c>
      <c r="DX39" s="71">
        <v>10</v>
      </c>
      <c r="DY39" s="71">
        <v>13</v>
      </c>
      <c r="DZ39" s="71">
        <v>12</v>
      </c>
      <c r="EA39" s="71">
        <v>9</v>
      </c>
      <c r="EB39" s="72">
        <v>74</v>
      </c>
      <c r="EC39" s="73">
        <v>108</v>
      </c>
      <c r="ED39" s="70">
        <v>18</v>
      </c>
      <c r="EE39" s="71">
        <v>27</v>
      </c>
      <c r="EF39" s="72">
        <v>45</v>
      </c>
      <c r="EG39" s="276"/>
      <c r="EH39" s="71">
        <v>30</v>
      </c>
      <c r="EI39" s="71">
        <v>18</v>
      </c>
      <c r="EJ39" s="71">
        <v>18</v>
      </c>
      <c r="EK39" s="71">
        <v>14</v>
      </c>
      <c r="EL39" s="71">
        <v>23</v>
      </c>
      <c r="EM39" s="72">
        <v>103</v>
      </c>
      <c r="EN39" s="73">
        <v>148</v>
      </c>
      <c r="EO39" s="70">
        <v>36</v>
      </c>
      <c r="EP39" s="71">
        <v>43</v>
      </c>
      <c r="EQ39" s="72">
        <v>79</v>
      </c>
      <c r="ER39" s="276"/>
      <c r="ES39" s="71">
        <v>85</v>
      </c>
      <c r="ET39" s="71">
        <v>45</v>
      </c>
      <c r="EU39" s="71">
        <v>48</v>
      </c>
      <c r="EV39" s="71">
        <v>31</v>
      </c>
      <c r="EW39" s="71">
        <v>30</v>
      </c>
      <c r="EX39" s="72">
        <v>239</v>
      </c>
      <c r="EY39" s="73">
        <v>318</v>
      </c>
      <c r="EZ39" s="70">
        <v>26</v>
      </c>
      <c r="FA39" s="71">
        <v>37</v>
      </c>
      <c r="FB39" s="72">
        <v>63</v>
      </c>
      <c r="FC39" s="276"/>
      <c r="FD39" s="71">
        <v>65</v>
      </c>
      <c r="FE39" s="71">
        <v>65</v>
      </c>
      <c r="FF39" s="71">
        <v>41</v>
      </c>
      <c r="FG39" s="71">
        <v>42</v>
      </c>
      <c r="FH39" s="71">
        <v>29</v>
      </c>
      <c r="FI39" s="72">
        <v>242</v>
      </c>
      <c r="FJ39" s="73">
        <v>305</v>
      </c>
      <c r="FK39" s="70">
        <v>11</v>
      </c>
      <c r="FL39" s="71">
        <v>21</v>
      </c>
      <c r="FM39" s="72">
        <v>32</v>
      </c>
      <c r="FN39" s="276"/>
      <c r="FO39" s="71">
        <v>46</v>
      </c>
      <c r="FP39" s="71">
        <v>54</v>
      </c>
      <c r="FQ39" s="71">
        <v>53</v>
      </c>
      <c r="FR39" s="71">
        <v>68</v>
      </c>
      <c r="FS39" s="71">
        <v>44</v>
      </c>
      <c r="FT39" s="72">
        <v>265</v>
      </c>
      <c r="FU39" s="73">
        <v>297</v>
      </c>
      <c r="FV39" s="70">
        <v>1</v>
      </c>
      <c r="FW39" s="71">
        <v>3</v>
      </c>
      <c r="FX39" s="72">
        <v>4</v>
      </c>
      <c r="FY39" s="276"/>
      <c r="FZ39" s="71">
        <v>2</v>
      </c>
      <c r="GA39" s="71">
        <v>2</v>
      </c>
      <c r="GB39" s="71">
        <v>1</v>
      </c>
      <c r="GC39" s="71">
        <v>3</v>
      </c>
      <c r="GD39" s="71">
        <v>2</v>
      </c>
      <c r="GE39" s="72">
        <v>10</v>
      </c>
      <c r="GF39" s="73">
        <v>14</v>
      </c>
      <c r="GG39" s="70">
        <v>102</v>
      </c>
      <c r="GH39" s="71">
        <v>163</v>
      </c>
      <c r="GI39" s="72">
        <v>265</v>
      </c>
      <c r="GJ39" s="276"/>
      <c r="GK39" s="71">
        <v>268</v>
      </c>
      <c r="GL39" s="71">
        <v>202</v>
      </c>
      <c r="GM39" s="71">
        <v>181</v>
      </c>
      <c r="GN39" s="71">
        <v>175</v>
      </c>
      <c r="GO39" s="71">
        <v>143</v>
      </c>
      <c r="GP39" s="72">
        <v>969</v>
      </c>
      <c r="GQ39" s="73">
        <v>1234</v>
      </c>
      <c r="GR39" s="126">
        <v>162</v>
      </c>
      <c r="GS39" s="82">
        <v>241</v>
      </c>
      <c r="GT39" s="83">
        <v>403</v>
      </c>
      <c r="GU39" s="273"/>
      <c r="GV39" s="82">
        <v>409</v>
      </c>
      <c r="GW39" s="82">
        <v>336</v>
      </c>
      <c r="GX39" s="82">
        <v>280</v>
      </c>
      <c r="GY39" s="82">
        <v>237</v>
      </c>
      <c r="GZ39" s="82">
        <v>185</v>
      </c>
      <c r="HA39" s="84">
        <v>1447</v>
      </c>
      <c r="HB39" s="85">
        <v>1850</v>
      </c>
      <c r="HC39" s="70">
        <v>7</v>
      </c>
      <c r="HD39" s="71">
        <v>12</v>
      </c>
      <c r="HE39" s="72">
        <v>19</v>
      </c>
      <c r="HF39" s="276"/>
      <c r="HG39" s="71">
        <v>20</v>
      </c>
      <c r="HH39" s="71">
        <v>25</v>
      </c>
      <c r="HI39" s="71">
        <v>11</v>
      </c>
      <c r="HJ39" s="71">
        <v>9</v>
      </c>
      <c r="HK39" s="71">
        <v>13</v>
      </c>
      <c r="HL39" s="72">
        <v>78</v>
      </c>
      <c r="HM39" s="73">
        <v>97</v>
      </c>
      <c r="HN39" s="70">
        <v>19</v>
      </c>
      <c r="HO39" s="71">
        <v>39</v>
      </c>
      <c r="HP39" s="72">
        <v>58</v>
      </c>
      <c r="HQ39" s="276"/>
      <c r="HR39" s="71">
        <v>50</v>
      </c>
      <c r="HS39" s="71">
        <v>31</v>
      </c>
      <c r="HT39" s="71">
        <v>24</v>
      </c>
      <c r="HU39" s="71">
        <v>27</v>
      </c>
      <c r="HV39" s="71">
        <v>13</v>
      </c>
      <c r="HW39" s="72">
        <v>145</v>
      </c>
      <c r="HX39" s="73">
        <v>203</v>
      </c>
      <c r="HY39" s="70">
        <v>31</v>
      </c>
      <c r="HZ39" s="71">
        <v>38</v>
      </c>
      <c r="IA39" s="72">
        <v>69</v>
      </c>
      <c r="IB39" s="276"/>
      <c r="IC39" s="71">
        <v>60</v>
      </c>
      <c r="ID39" s="71">
        <v>44</v>
      </c>
      <c r="IE39" s="71">
        <v>36</v>
      </c>
      <c r="IF39" s="71">
        <v>23</v>
      </c>
      <c r="IG39" s="71">
        <v>31</v>
      </c>
      <c r="IH39" s="72">
        <v>194</v>
      </c>
      <c r="II39" s="73">
        <v>263</v>
      </c>
      <c r="IJ39" s="70">
        <v>54</v>
      </c>
      <c r="IK39" s="71">
        <v>68</v>
      </c>
      <c r="IL39" s="72">
        <v>122</v>
      </c>
      <c r="IM39" s="276"/>
      <c r="IN39" s="71">
        <v>121</v>
      </c>
      <c r="IO39" s="71">
        <v>79</v>
      </c>
      <c r="IP39" s="71">
        <v>70</v>
      </c>
      <c r="IQ39" s="71">
        <v>42</v>
      </c>
      <c r="IR39" s="71">
        <v>44</v>
      </c>
      <c r="IS39" s="72">
        <v>356</v>
      </c>
      <c r="IT39" s="73">
        <v>478</v>
      </c>
      <c r="IU39" s="70">
        <v>36</v>
      </c>
      <c r="IV39" s="71">
        <v>57</v>
      </c>
      <c r="IW39" s="72">
        <v>93</v>
      </c>
      <c r="IX39" s="276"/>
      <c r="IY39" s="71">
        <v>95</v>
      </c>
      <c r="IZ39" s="71">
        <v>88</v>
      </c>
      <c r="JA39" s="71">
        <v>70</v>
      </c>
      <c r="JB39" s="71">
        <v>60</v>
      </c>
      <c r="JC39" s="71">
        <v>35</v>
      </c>
      <c r="JD39" s="72">
        <v>348</v>
      </c>
      <c r="JE39" s="73">
        <v>441</v>
      </c>
      <c r="JF39" s="70">
        <v>15</v>
      </c>
      <c r="JG39" s="71">
        <v>27</v>
      </c>
      <c r="JH39" s="72">
        <v>42</v>
      </c>
      <c r="JI39" s="276"/>
      <c r="JJ39" s="71">
        <v>63</v>
      </c>
      <c r="JK39" s="71">
        <v>69</v>
      </c>
      <c r="JL39" s="71">
        <v>69</v>
      </c>
      <c r="JM39" s="71">
        <v>76</v>
      </c>
      <c r="JN39" s="71">
        <v>49</v>
      </c>
      <c r="JO39" s="72">
        <v>326</v>
      </c>
      <c r="JP39" s="73">
        <v>368</v>
      </c>
      <c r="JQ39" s="70">
        <v>3</v>
      </c>
      <c r="JR39" s="71">
        <v>7</v>
      </c>
      <c r="JS39" s="72">
        <v>10</v>
      </c>
      <c r="JT39" s="276"/>
      <c r="JU39" s="71">
        <v>5</v>
      </c>
      <c r="JV39" s="71">
        <v>9</v>
      </c>
      <c r="JW39" s="71">
        <v>6</v>
      </c>
      <c r="JX39" s="71">
        <v>9</v>
      </c>
      <c r="JY39" s="71">
        <v>5</v>
      </c>
      <c r="JZ39" s="72">
        <v>34</v>
      </c>
      <c r="KA39" s="73">
        <v>44</v>
      </c>
      <c r="KB39" s="70">
        <v>165</v>
      </c>
      <c r="KC39" s="71">
        <v>248</v>
      </c>
      <c r="KD39" s="72">
        <v>413</v>
      </c>
      <c r="KE39" s="276"/>
      <c r="KF39" s="71">
        <v>414</v>
      </c>
      <c r="KG39" s="71">
        <v>345</v>
      </c>
      <c r="KH39" s="71">
        <v>286</v>
      </c>
      <c r="KI39" s="71">
        <v>246</v>
      </c>
      <c r="KJ39" s="71">
        <v>190</v>
      </c>
      <c r="KK39" s="72">
        <v>1481</v>
      </c>
      <c r="KL39" s="73">
        <v>1894</v>
      </c>
    </row>
    <row r="40" spans="1:298" ht="19.5" customHeight="1" thickBot="1" x14ac:dyDescent="0.25">
      <c r="A40" s="130" t="s">
        <v>37</v>
      </c>
      <c r="B40" s="351">
        <v>3</v>
      </c>
      <c r="C40" s="87">
        <v>2</v>
      </c>
      <c r="D40" s="88">
        <v>5</v>
      </c>
      <c r="E40" s="274"/>
      <c r="F40" s="87">
        <v>14</v>
      </c>
      <c r="G40" s="87">
        <v>6</v>
      </c>
      <c r="H40" s="87">
        <v>10</v>
      </c>
      <c r="I40" s="87">
        <v>5</v>
      </c>
      <c r="J40" s="87">
        <v>4</v>
      </c>
      <c r="K40" s="89">
        <v>39</v>
      </c>
      <c r="L40" s="90">
        <v>44</v>
      </c>
      <c r="M40" s="74">
        <v>0</v>
      </c>
      <c r="N40" s="75">
        <v>1</v>
      </c>
      <c r="O40" s="76">
        <v>1</v>
      </c>
      <c r="P40" s="277"/>
      <c r="Q40" s="75">
        <v>1</v>
      </c>
      <c r="R40" s="75">
        <v>0</v>
      </c>
      <c r="S40" s="75">
        <v>1</v>
      </c>
      <c r="T40" s="75">
        <v>0</v>
      </c>
      <c r="U40" s="75">
        <v>1</v>
      </c>
      <c r="V40" s="76">
        <v>3</v>
      </c>
      <c r="W40" s="77">
        <v>4</v>
      </c>
      <c r="X40" s="74">
        <v>1</v>
      </c>
      <c r="Y40" s="75">
        <v>0</v>
      </c>
      <c r="Z40" s="76">
        <v>1</v>
      </c>
      <c r="AA40" s="277">
        <v>0</v>
      </c>
      <c r="AB40" s="75">
        <v>1</v>
      </c>
      <c r="AC40" s="75">
        <v>1</v>
      </c>
      <c r="AD40" s="75">
        <v>2</v>
      </c>
      <c r="AE40" s="75">
        <v>0</v>
      </c>
      <c r="AF40" s="75">
        <v>0</v>
      </c>
      <c r="AG40" s="76">
        <v>4</v>
      </c>
      <c r="AH40" s="77">
        <v>5</v>
      </c>
      <c r="AI40" s="74">
        <v>0</v>
      </c>
      <c r="AJ40" s="75">
        <v>0</v>
      </c>
      <c r="AK40" s="76">
        <v>0</v>
      </c>
      <c r="AL40" s="277"/>
      <c r="AM40" s="75">
        <v>1</v>
      </c>
      <c r="AN40" s="75">
        <v>1</v>
      </c>
      <c r="AO40" s="75">
        <v>1</v>
      </c>
      <c r="AP40" s="75">
        <v>1</v>
      </c>
      <c r="AQ40" s="75">
        <v>0</v>
      </c>
      <c r="AR40" s="76">
        <v>4</v>
      </c>
      <c r="AS40" s="77">
        <v>4</v>
      </c>
      <c r="AT40" s="74">
        <v>2</v>
      </c>
      <c r="AU40" s="75">
        <v>1</v>
      </c>
      <c r="AV40" s="76">
        <v>3</v>
      </c>
      <c r="AW40" s="277"/>
      <c r="AX40" s="75">
        <v>4</v>
      </c>
      <c r="AY40" s="75">
        <v>2</v>
      </c>
      <c r="AZ40" s="75">
        <v>0</v>
      </c>
      <c r="BA40" s="75">
        <v>1</v>
      </c>
      <c r="BB40" s="75">
        <v>2</v>
      </c>
      <c r="BC40" s="76">
        <v>9</v>
      </c>
      <c r="BD40" s="77">
        <v>12</v>
      </c>
      <c r="BE40" s="74">
        <v>0</v>
      </c>
      <c r="BF40" s="75">
        <v>0</v>
      </c>
      <c r="BG40" s="76">
        <v>0</v>
      </c>
      <c r="BH40" s="277"/>
      <c r="BI40" s="75">
        <v>3</v>
      </c>
      <c r="BJ40" s="75">
        <v>1</v>
      </c>
      <c r="BK40" s="75">
        <v>4</v>
      </c>
      <c r="BL40" s="75">
        <v>1</v>
      </c>
      <c r="BM40" s="75">
        <v>1</v>
      </c>
      <c r="BN40" s="76">
        <v>10</v>
      </c>
      <c r="BO40" s="77">
        <v>10</v>
      </c>
      <c r="BP40" s="74">
        <v>0</v>
      </c>
      <c r="BQ40" s="75">
        <v>0</v>
      </c>
      <c r="BR40" s="76">
        <v>0</v>
      </c>
      <c r="BS40" s="277"/>
      <c r="BT40" s="75">
        <v>4</v>
      </c>
      <c r="BU40" s="75">
        <v>1</v>
      </c>
      <c r="BV40" s="75">
        <v>2</v>
      </c>
      <c r="BW40" s="75">
        <v>2</v>
      </c>
      <c r="BX40" s="75">
        <v>0</v>
      </c>
      <c r="BY40" s="76">
        <v>9</v>
      </c>
      <c r="BZ40" s="77">
        <v>9</v>
      </c>
      <c r="CA40" s="74">
        <v>0</v>
      </c>
      <c r="CB40" s="75">
        <v>0</v>
      </c>
      <c r="CC40" s="76">
        <v>0</v>
      </c>
      <c r="CD40" s="277"/>
      <c r="CE40" s="75">
        <v>0</v>
      </c>
      <c r="CF40" s="75">
        <v>0</v>
      </c>
      <c r="CG40" s="75">
        <v>0</v>
      </c>
      <c r="CH40" s="75">
        <v>1</v>
      </c>
      <c r="CI40" s="75">
        <v>0</v>
      </c>
      <c r="CJ40" s="76">
        <v>1</v>
      </c>
      <c r="CK40" s="77">
        <v>1</v>
      </c>
      <c r="CL40" s="74">
        <v>3</v>
      </c>
      <c r="CM40" s="75">
        <v>2</v>
      </c>
      <c r="CN40" s="76">
        <v>5</v>
      </c>
      <c r="CO40" s="277"/>
      <c r="CP40" s="75">
        <v>14</v>
      </c>
      <c r="CQ40" s="75">
        <v>6</v>
      </c>
      <c r="CR40" s="75">
        <v>10</v>
      </c>
      <c r="CS40" s="75">
        <v>6</v>
      </c>
      <c r="CT40" s="75">
        <v>4</v>
      </c>
      <c r="CU40" s="76">
        <v>40</v>
      </c>
      <c r="CV40" s="77">
        <v>45</v>
      </c>
      <c r="CW40" s="127">
        <v>8</v>
      </c>
      <c r="CX40" s="87">
        <v>6</v>
      </c>
      <c r="CY40" s="88">
        <v>14</v>
      </c>
      <c r="CZ40" s="274"/>
      <c r="DA40" s="87">
        <v>31</v>
      </c>
      <c r="DB40" s="87">
        <v>14</v>
      </c>
      <c r="DC40" s="87">
        <v>23</v>
      </c>
      <c r="DD40" s="87">
        <v>12</v>
      </c>
      <c r="DE40" s="87">
        <v>9</v>
      </c>
      <c r="DF40" s="89">
        <v>89</v>
      </c>
      <c r="DG40" s="90">
        <v>103</v>
      </c>
      <c r="DH40" s="74">
        <v>0</v>
      </c>
      <c r="DI40" s="75">
        <v>0</v>
      </c>
      <c r="DJ40" s="76">
        <v>0</v>
      </c>
      <c r="DK40" s="277"/>
      <c r="DL40" s="75">
        <v>0</v>
      </c>
      <c r="DM40" s="75">
        <v>0</v>
      </c>
      <c r="DN40" s="75">
        <v>1</v>
      </c>
      <c r="DO40" s="75">
        <v>0</v>
      </c>
      <c r="DP40" s="75">
        <v>1</v>
      </c>
      <c r="DQ40" s="76">
        <v>2</v>
      </c>
      <c r="DR40" s="77">
        <v>2</v>
      </c>
      <c r="DS40" s="74">
        <v>1</v>
      </c>
      <c r="DT40" s="75">
        <v>0</v>
      </c>
      <c r="DU40" s="76">
        <v>1</v>
      </c>
      <c r="DV40" s="277"/>
      <c r="DW40" s="75">
        <v>0</v>
      </c>
      <c r="DX40" s="75">
        <v>3</v>
      </c>
      <c r="DY40" s="75">
        <v>0</v>
      </c>
      <c r="DZ40" s="75">
        <v>1</v>
      </c>
      <c r="EA40" s="75">
        <v>0</v>
      </c>
      <c r="EB40" s="76">
        <v>4</v>
      </c>
      <c r="EC40" s="77">
        <v>5</v>
      </c>
      <c r="ED40" s="74">
        <v>1</v>
      </c>
      <c r="EE40" s="75">
        <v>0</v>
      </c>
      <c r="EF40" s="76">
        <v>1</v>
      </c>
      <c r="EG40" s="277"/>
      <c r="EH40" s="75">
        <v>4</v>
      </c>
      <c r="EI40" s="75">
        <v>2</v>
      </c>
      <c r="EJ40" s="75">
        <v>4</v>
      </c>
      <c r="EK40" s="75">
        <v>2</v>
      </c>
      <c r="EL40" s="75">
        <v>1</v>
      </c>
      <c r="EM40" s="76">
        <v>13</v>
      </c>
      <c r="EN40" s="77">
        <v>14</v>
      </c>
      <c r="EO40" s="74">
        <v>3</v>
      </c>
      <c r="EP40" s="75">
        <v>2</v>
      </c>
      <c r="EQ40" s="76">
        <v>5</v>
      </c>
      <c r="ER40" s="277"/>
      <c r="ES40" s="75">
        <v>8</v>
      </c>
      <c r="ET40" s="75">
        <v>2</v>
      </c>
      <c r="EU40" s="75">
        <v>5</v>
      </c>
      <c r="EV40" s="75">
        <v>1</v>
      </c>
      <c r="EW40" s="75">
        <v>1</v>
      </c>
      <c r="EX40" s="76">
        <v>17</v>
      </c>
      <c r="EY40" s="77">
        <v>22</v>
      </c>
      <c r="EZ40" s="74">
        <v>2</v>
      </c>
      <c r="FA40" s="75">
        <v>2</v>
      </c>
      <c r="FB40" s="76">
        <v>4</v>
      </c>
      <c r="FC40" s="277"/>
      <c r="FD40" s="75">
        <v>14</v>
      </c>
      <c r="FE40" s="75">
        <v>3</v>
      </c>
      <c r="FF40" s="75">
        <v>6</v>
      </c>
      <c r="FG40" s="75">
        <v>3</v>
      </c>
      <c r="FH40" s="75">
        <v>1</v>
      </c>
      <c r="FI40" s="76">
        <v>27</v>
      </c>
      <c r="FJ40" s="77">
        <v>31</v>
      </c>
      <c r="FK40" s="74">
        <v>1</v>
      </c>
      <c r="FL40" s="75">
        <v>2</v>
      </c>
      <c r="FM40" s="76">
        <v>3</v>
      </c>
      <c r="FN40" s="277"/>
      <c r="FO40" s="75">
        <v>5</v>
      </c>
      <c r="FP40" s="75">
        <v>4</v>
      </c>
      <c r="FQ40" s="75">
        <v>7</v>
      </c>
      <c r="FR40" s="75">
        <v>5</v>
      </c>
      <c r="FS40" s="75">
        <v>5</v>
      </c>
      <c r="FT40" s="76">
        <v>26</v>
      </c>
      <c r="FU40" s="77">
        <v>29</v>
      </c>
      <c r="FV40" s="74">
        <v>0</v>
      </c>
      <c r="FW40" s="75">
        <v>0</v>
      </c>
      <c r="FX40" s="76">
        <v>0</v>
      </c>
      <c r="FY40" s="277"/>
      <c r="FZ40" s="75">
        <v>0</v>
      </c>
      <c r="GA40" s="75">
        <v>1</v>
      </c>
      <c r="GB40" s="75">
        <v>2</v>
      </c>
      <c r="GC40" s="75">
        <v>1</v>
      </c>
      <c r="GD40" s="75">
        <v>0</v>
      </c>
      <c r="GE40" s="76">
        <v>4</v>
      </c>
      <c r="GF40" s="77">
        <v>4</v>
      </c>
      <c r="GG40" s="74">
        <v>8</v>
      </c>
      <c r="GH40" s="75">
        <v>6</v>
      </c>
      <c r="GI40" s="76">
        <v>14</v>
      </c>
      <c r="GJ40" s="277"/>
      <c r="GK40" s="75">
        <v>31</v>
      </c>
      <c r="GL40" s="75">
        <v>15</v>
      </c>
      <c r="GM40" s="75">
        <v>25</v>
      </c>
      <c r="GN40" s="75">
        <v>13</v>
      </c>
      <c r="GO40" s="75">
        <v>9</v>
      </c>
      <c r="GP40" s="76">
        <v>93</v>
      </c>
      <c r="GQ40" s="77">
        <v>107</v>
      </c>
      <c r="GR40" s="127">
        <v>11</v>
      </c>
      <c r="GS40" s="87">
        <v>8</v>
      </c>
      <c r="GT40" s="88">
        <v>19</v>
      </c>
      <c r="GU40" s="274"/>
      <c r="GV40" s="87">
        <v>45</v>
      </c>
      <c r="GW40" s="87">
        <v>20</v>
      </c>
      <c r="GX40" s="87">
        <v>33</v>
      </c>
      <c r="GY40" s="87">
        <v>17</v>
      </c>
      <c r="GZ40" s="87">
        <v>13</v>
      </c>
      <c r="HA40" s="89">
        <v>128</v>
      </c>
      <c r="HB40" s="90">
        <v>147</v>
      </c>
      <c r="HC40" s="74">
        <v>0</v>
      </c>
      <c r="HD40" s="75">
        <v>1</v>
      </c>
      <c r="HE40" s="76">
        <v>1</v>
      </c>
      <c r="HF40" s="277"/>
      <c r="HG40" s="75">
        <v>1</v>
      </c>
      <c r="HH40" s="75">
        <v>0</v>
      </c>
      <c r="HI40" s="75">
        <v>2</v>
      </c>
      <c r="HJ40" s="75">
        <v>0</v>
      </c>
      <c r="HK40" s="75">
        <v>2</v>
      </c>
      <c r="HL40" s="76">
        <v>5</v>
      </c>
      <c r="HM40" s="77">
        <v>6</v>
      </c>
      <c r="HN40" s="74">
        <v>2</v>
      </c>
      <c r="HO40" s="75">
        <v>0</v>
      </c>
      <c r="HP40" s="76">
        <v>2</v>
      </c>
      <c r="HQ40" s="277"/>
      <c r="HR40" s="75">
        <v>1</v>
      </c>
      <c r="HS40" s="75">
        <v>4</v>
      </c>
      <c r="HT40" s="75">
        <v>2</v>
      </c>
      <c r="HU40" s="75">
        <v>1</v>
      </c>
      <c r="HV40" s="75">
        <v>0</v>
      </c>
      <c r="HW40" s="76">
        <v>8</v>
      </c>
      <c r="HX40" s="77">
        <v>10</v>
      </c>
      <c r="HY40" s="74">
        <v>1</v>
      </c>
      <c r="HZ40" s="75">
        <v>0</v>
      </c>
      <c r="IA40" s="76">
        <v>1</v>
      </c>
      <c r="IB40" s="277"/>
      <c r="IC40" s="75">
        <v>5</v>
      </c>
      <c r="ID40" s="75">
        <v>3</v>
      </c>
      <c r="IE40" s="75">
        <v>5</v>
      </c>
      <c r="IF40" s="75">
        <v>3</v>
      </c>
      <c r="IG40" s="75">
        <v>1</v>
      </c>
      <c r="IH40" s="76">
        <v>17</v>
      </c>
      <c r="II40" s="77">
        <v>18</v>
      </c>
      <c r="IJ40" s="74">
        <v>5</v>
      </c>
      <c r="IK40" s="75">
        <v>3</v>
      </c>
      <c r="IL40" s="76">
        <v>8</v>
      </c>
      <c r="IM40" s="277"/>
      <c r="IN40" s="75">
        <v>12</v>
      </c>
      <c r="IO40" s="75">
        <v>4</v>
      </c>
      <c r="IP40" s="75">
        <v>5</v>
      </c>
      <c r="IQ40" s="75">
        <v>2</v>
      </c>
      <c r="IR40" s="75">
        <v>3</v>
      </c>
      <c r="IS40" s="76">
        <v>26</v>
      </c>
      <c r="IT40" s="77">
        <v>34</v>
      </c>
      <c r="IU40" s="74">
        <v>2</v>
      </c>
      <c r="IV40" s="75">
        <v>2</v>
      </c>
      <c r="IW40" s="76">
        <v>4</v>
      </c>
      <c r="IX40" s="277"/>
      <c r="IY40" s="75">
        <v>17</v>
      </c>
      <c r="IZ40" s="75">
        <v>4</v>
      </c>
      <c r="JA40" s="75">
        <v>10</v>
      </c>
      <c r="JB40" s="75">
        <v>4</v>
      </c>
      <c r="JC40" s="75">
        <v>2</v>
      </c>
      <c r="JD40" s="76">
        <v>37</v>
      </c>
      <c r="JE40" s="77">
        <v>41</v>
      </c>
      <c r="JF40" s="74">
        <v>1</v>
      </c>
      <c r="JG40" s="75">
        <v>2</v>
      </c>
      <c r="JH40" s="76">
        <v>3</v>
      </c>
      <c r="JI40" s="277"/>
      <c r="JJ40" s="75">
        <v>9</v>
      </c>
      <c r="JK40" s="75">
        <v>5</v>
      </c>
      <c r="JL40" s="75">
        <v>9</v>
      </c>
      <c r="JM40" s="75">
        <v>7</v>
      </c>
      <c r="JN40" s="75">
        <v>5</v>
      </c>
      <c r="JO40" s="76">
        <v>35</v>
      </c>
      <c r="JP40" s="77">
        <v>38</v>
      </c>
      <c r="JQ40" s="74">
        <v>0</v>
      </c>
      <c r="JR40" s="75">
        <v>0</v>
      </c>
      <c r="JS40" s="76">
        <v>0</v>
      </c>
      <c r="JT40" s="277"/>
      <c r="JU40" s="75">
        <v>0</v>
      </c>
      <c r="JV40" s="75">
        <v>1</v>
      </c>
      <c r="JW40" s="75">
        <v>2</v>
      </c>
      <c r="JX40" s="75">
        <v>2</v>
      </c>
      <c r="JY40" s="75">
        <v>0</v>
      </c>
      <c r="JZ40" s="76">
        <v>5</v>
      </c>
      <c r="KA40" s="77">
        <v>5</v>
      </c>
      <c r="KB40" s="74">
        <v>11</v>
      </c>
      <c r="KC40" s="75">
        <v>8</v>
      </c>
      <c r="KD40" s="76">
        <v>19</v>
      </c>
      <c r="KE40" s="277"/>
      <c r="KF40" s="75">
        <v>45</v>
      </c>
      <c r="KG40" s="75">
        <v>21</v>
      </c>
      <c r="KH40" s="75">
        <v>35</v>
      </c>
      <c r="KI40" s="75">
        <v>19</v>
      </c>
      <c r="KJ40" s="75">
        <v>13</v>
      </c>
      <c r="KK40" s="76">
        <v>133</v>
      </c>
      <c r="KL40" s="77">
        <v>152</v>
      </c>
    </row>
    <row r="41" spans="1:298" ht="32.25" customHeight="1" x14ac:dyDescent="0.2">
      <c r="B41" s="345" t="s">
        <v>126</v>
      </c>
    </row>
  </sheetData>
  <mergeCells count="36">
    <mergeCell ref="GR3:KL3"/>
    <mergeCell ref="GR4:JP4"/>
    <mergeCell ref="JQ4:KA5"/>
    <mergeCell ref="KB4:KL5"/>
    <mergeCell ref="GR5:HB5"/>
    <mergeCell ref="HC5:HM5"/>
    <mergeCell ref="HN5:HX5"/>
    <mergeCell ref="HY5:II5"/>
    <mergeCell ref="IJ5:IT5"/>
    <mergeCell ref="IU5:JE5"/>
    <mergeCell ref="JF5:JP5"/>
    <mergeCell ref="A3:A5"/>
    <mergeCell ref="CW3:GQ3"/>
    <mergeCell ref="CW4:FU4"/>
    <mergeCell ref="FV4:GF5"/>
    <mergeCell ref="GG4:GQ5"/>
    <mergeCell ref="CW5:DG5"/>
    <mergeCell ref="DH5:DR5"/>
    <mergeCell ref="DS5:EC5"/>
    <mergeCell ref="ED5:EN5"/>
    <mergeCell ref="EO5:EY5"/>
    <mergeCell ref="EZ5:FJ5"/>
    <mergeCell ref="FK5:FU5"/>
    <mergeCell ref="H1:I1"/>
    <mergeCell ref="CA4:CK5"/>
    <mergeCell ref="CL4:CV5"/>
    <mergeCell ref="B5:L5"/>
    <mergeCell ref="M5:W5"/>
    <mergeCell ref="X5:AH5"/>
    <mergeCell ref="AI5:AS5"/>
    <mergeCell ref="AT5:BD5"/>
    <mergeCell ref="BE5:BO5"/>
    <mergeCell ref="BP5:BZ5"/>
    <mergeCell ref="B3:CV3"/>
    <mergeCell ref="B4:BZ4"/>
    <mergeCell ref="E1:F1"/>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1" width="12.6640625" style="1" customWidth="1"/>
    <col min="2" max="2" width="8.33203125"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411">
        <f>第１表!F2</f>
        <v>4</v>
      </c>
      <c r="E1" s="285">
        <f>第１表!G2</f>
        <v>3</v>
      </c>
      <c r="F1" s="549">
        <f>IF(E1&lt;3,E1-2+12,E1-2)</f>
        <v>1</v>
      </c>
      <c r="G1" s="549"/>
    </row>
    <row r="2" spans="1:42" ht="17.25" customHeight="1" thickBot="1" x14ac:dyDescent="0.25">
      <c r="A2" s="20" t="s">
        <v>158</v>
      </c>
      <c r="E2" s="20" t="s">
        <v>140</v>
      </c>
    </row>
    <row r="3" spans="1:42" ht="24.75" customHeight="1" x14ac:dyDescent="0.2">
      <c r="A3" s="567"/>
      <c r="B3" s="570" t="s">
        <v>57</v>
      </c>
      <c r="C3" s="571"/>
      <c r="D3" s="571"/>
      <c r="E3" s="571"/>
      <c r="F3" s="571"/>
      <c r="G3" s="571"/>
      <c r="H3" s="571"/>
      <c r="I3" s="571"/>
      <c r="J3" s="571"/>
      <c r="K3" s="571"/>
      <c r="L3" s="570" t="s">
        <v>58</v>
      </c>
      <c r="M3" s="573"/>
      <c r="N3" s="573"/>
      <c r="O3" s="573"/>
      <c r="P3" s="573"/>
      <c r="Q3" s="573"/>
      <c r="R3" s="573"/>
      <c r="S3" s="573"/>
      <c r="T3" s="573"/>
      <c r="U3" s="573"/>
      <c r="V3" s="570" t="s">
        <v>59</v>
      </c>
      <c r="W3" s="571"/>
      <c r="X3" s="571"/>
      <c r="Y3" s="571"/>
      <c r="Z3" s="571"/>
      <c r="AA3" s="571"/>
      <c r="AB3" s="571"/>
      <c r="AC3" s="571"/>
      <c r="AD3" s="571"/>
      <c r="AE3" s="571"/>
      <c r="AF3" s="599" t="s">
        <v>151</v>
      </c>
      <c r="AG3" s="571"/>
      <c r="AH3" s="571"/>
      <c r="AI3" s="571"/>
      <c r="AJ3" s="571"/>
      <c r="AK3" s="571"/>
      <c r="AL3" s="571"/>
      <c r="AM3" s="571"/>
      <c r="AN3" s="571"/>
      <c r="AO3" s="572"/>
    </row>
    <row r="4" spans="1:42" ht="24.75" customHeight="1" x14ac:dyDescent="0.2">
      <c r="A4" s="569"/>
      <c r="B4" s="575" t="s">
        <v>61</v>
      </c>
      <c r="C4" s="576"/>
      <c r="D4" s="577"/>
      <c r="E4" s="578" t="s">
        <v>62</v>
      </c>
      <c r="F4" s="579"/>
      <c r="G4" s="579"/>
      <c r="H4" s="579"/>
      <c r="I4" s="579"/>
      <c r="J4" s="580"/>
      <c r="K4" s="591" t="s">
        <v>52</v>
      </c>
      <c r="L4" s="575" t="s">
        <v>61</v>
      </c>
      <c r="M4" s="576"/>
      <c r="N4" s="577"/>
      <c r="O4" s="578" t="s">
        <v>62</v>
      </c>
      <c r="P4" s="579"/>
      <c r="Q4" s="579"/>
      <c r="R4" s="579"/>
      <c r="S4" s="579"/>
      <c r="T4" s="580"/>
      <c r="U4" s="581" t="s">
        <v>52</v>
      </c>
      <c r="V4" s="575" t="s">
        <v>61</v>
      </c>
      <c r="W4" s="576"/>
      <c r="X4" s="577"/>
      <c r="Y4" s="578" t="s">
        <v>62</v>
      </c>
      <c r="Z4" s="579"/>
      <c r="AA4" s="579"/>
      <c r="AB4" s="579"/>
      <c r="AC4" s="579"/>
      <c r="AD4" s="580"/>
      <c r="AE4" s="591" t="s">
        <v>52</v>
      </c>
      <c r="AF4" s="575" t="s">
        <v>61</v>
      </c>
      <c r="AG4" s="576"/>
      <c r="AH4" s="577"/>
      <c r="AI4" s="578" t="s">
        <v>62</v>
      </c>
      <c r="AJ4" s="579"/>
      <c r="AK4" s="579"/>
      <c r="AL4" s="579"/>
      <c r="AM4" s="579"/>
      <c r="AN4" s="580"/>
      <c r="AO4" s="581" t="s">
        <v>52</v>
      </c>
    </row>
    <row r="5" spans="1:42" ht="24.75" customHeight="1" thickBot="1" x14ac:dyDescent="0.25">
      <c r="A5" s="406" t="s">
        <v>42</v>
      </c>
      <c r="B5" s="31" t="s">
        <v>43</v>
      </c>
      <c r="C5" s="32" t="s">
        <v>44</v>
      </c>
      <c r="D5" s="32" t="s">
        <v>45</v>
      </c>
      <c r="E5" s="33" t="s">
        <v>47</v>
      </c>
      <c r="F5" s="34" t="s">
        <v>48</v>
      </c>
      <c r="G5" s="34" t="s">
        <v>49</v>
      </c>
      <c r="H5" s="35" t="s">
        <v>50</v>
      </c>
      <c r="I5" s="32" t="s">
        <v>51</v>
      </c>
      <c r="J5" s="36" t="s">
        <v>95</v>
      </c>
      <c r="K5" s="590"/>
      <c r="L5" s="31" t="s">
        <v>43</v>
      </c>
      <c r="M5" s="32" t="s">
        <v>44</v>
      </c>
      <c r="N5" s="36" t="s">
        <v>45</v>
      </c>
      <c r="O5" s="15" t="s">
        <v>47</v>
      </c>
      <c r="P5" s="34" t="s">
        <v>48</v>
      </c>
      <c r="Q5" s="34" t="s">
        <v>49</v>
      </c>
      <c r="R5" s="35" t="s">
        <v>50</v>
      </c>
      <c r="S5" s="32" t="s">
        <v>51</v>
      </c>
      <c r="T5" s="36" t="s">
        <v>45</v>
      </c>
      <c r="U5" s="582"/>
      <c r="V5" s="31" t="s">
        <v>43</v>
      </c>
      <c r="W5" s="32" t="s">
        <v>44</v>
      </c>
      <c r="X5" s="32" t="s">
        <v>45</v>
      </c>
      <c r="Y5" s="33" t="s">
        <v>47</v>
      </c>
      <c r="Z5" s="34" t="s">
        <v>48</v>
      </c>
      <c r="AA5" s="34" t="s">
        <v>49</v>
      </c>
      <c r="AB5" s="35" t="s">
        <v>50</v>
      </c>
      <c r="AC5" s="32" t="s">
        <v>51</v>
      </c>
      <c r="AD5" s="36" t="s">
        <v>45</v>
      </c>
      <c r="AE5" s="590"/>
      <c r="AF5" s="31" t="s">
        <v>43</v>
      </c>
      <c r="AG5" s="32" t="s">
        <v>44</v>
      </c>
      <c r="AH5" s="32" t="s">
        <v>45</v>
      </c>
      <c r="AI5" s="33" t="s">
        <v>47</v>
      </c>
      <c r="AJ5" s="34" t="s">
        <v>48</v>
      </c>
      <c r="AK5" s="34" t="s">
        <v>49</v>
      </c>
      <c r="AL5" s="35" t="s">
        <v>50</v>
      </c>
      <c r="AM5" s="32" t="s">
        <v>51</v>
      </c>
      <c r="AN5" s="36" t="s">
        <v>45</v>
      </c>
      <c r="AO5" s="582"/>
    </row>
    <row r="6" spans="1:42" ht="20.25" customHeight="1" x14ac:dyDescent="0.2">
      <c r="A6" s="405" t="s">
        <v>4</v>
      </c>
      <c r="B6" s="212">
        <v>0</v>
      </c>
      <c r="C6" s="213">
        <v>0</v>
      </c>
      <c r="D6" s="213">
        <v>0</v>
      </c>
      <c r="E6" s="214">
        <v>9</v>
      </c>
      <c r="F6" s="215">
        <v>51</v>
      </c>
      <c r="G6" s="215">
        <v>461</v>
      </c>
      <c r="H6" s="215">
        <v>645</v>
      </c>
      <c r="I6" s="213">
        <v>379</v>
      </c>
      <c r="J6" s="216">
        <v>1545</v>
      </c>
      <c r="K6" s="217">
        <v>1545</v>
      </c>
      <c r="L6" s="212">
        <v>0</v>
      </c>
      <c r="M6" s="213">
        <v>0</v>
      </c>
      <c r="N6" s="216">
        <v>0</v>
      </c>
      <c r="O6" s="219">
        <v>97</v>
      </c>
      <c r="P6" s="215">
        <v>182</v>
      </c>
      <c r="Q6" s="215">
        <v>289</v>
      </c>
      <c r="R6" s="215">
        <v>331</v>
      </c>
      <c r="S6" s="213">
        <v>163</v>
      </c>
      <c r="T6" s="216">
        <v>1062</v>
      </c>
      <c r="U6" s="220">
        <v>1062</v>
      </c>
      <c r="V6" s="219">
        <v>0</v>
      </c>
      <c r="W6" s="213">
        <v>0</v>
      </c>
      <c r="X6" s="213">
        <v>0</v>
      </c>
      <c r="Y6" s="214">
        <v>0</v>
      </c>
      <c r="Z6" s="215">
        <v>0</v>
      </c>
      <c r="AA6" s="215">
        <v>2</v>
      </c>
      <c r="AB6" s="215">
        <v>13</v>
      </c>
      <c r="AC6" s="213">
        <v>21</v>
      </c>
      <c r="AD6" s="216">
        <v>36</v>
      </c>
      <c r="AE6" s="217">
        <v>36</v>
      </c>
      <c r="AF6" s="212">
        <v>0</v>
      </c>
      <c r="AG6" s="213">
        <v>0</v>
      </c>
      <c r="AH6" s="213">
        <v>0</v>
      </c>
      <c r="AI6" s="214">
        <v>0</v>
      </c>
      <c r="AJ6" s="215">
        <v>1</v>
      </c>
      <c r="AK6" s="215">
        <v>5</v>
      </c>
      <c r="AL6" s="215">
        <v>14</v>
      </c>
      <c r="AM6" s="213">
        <v>28</v>
      </c>
      <c r="AN6" s="216">
        <v>48</v>
      </c>
      <c r="AO6" s="218">
        <v>48</v>
      </c>
      <c r="AP6" s="37"/>
    </row>
    <row r="7" spans="1:42" ht="20.25" customHeight="1" x14ac:dyDescent="0.2">
      <c r="A7" s="62" t="s">
        <v>5</v>
      </c>
      <c r="B7" s="221">
        <v>0</v>
      </c>
      <c r="C7" s="222">
        <v>0</v>
      </c>
      <c r="D7" s="222">
        <v>0</v>
      </c>
      <c r="E7" s="223">
        <v>3</v>
      </c>
      <c r="F7" s="224">
        <v>31</v>
      </c>
      <c r="G7" s="224">
        <v>230</v>
      </c>
      <c r="H7" s="224">
        <v>279</v>
      </c>
      <c r="I7" s="222">
        <v>188</v>
      </c>
      <c r="J7" s="225">
        <v>731</v>
      </c>
      <c r="K7" s="226">
        <v>731</v>
      </c>
      <c r="L7" s="221">
        <v>0</v>
      </c>
      <c r="M7" s="222">
        <v>0</v>
      </c>
      <c r="N7" s="225">
        <v>0</v>
      </c>
      <c r="O7" s="228">
        <v>39</v>
      </c>
      <c r="P7" s="224">
        <v>89</v>
      </c>
      <c r="Q7" s="224">
        <v>132</v>
      </c>
      <c r="R7" s="224">
        <v>168</v>
      </c>
      <c r="S7" s="222">
        <v>85</v>
      </c>
      <c r="T7" s="225">
        <v>513</v>
      </c>
      <c r="U7" s="229">
        <v>513</v>
      </c>
      <c r="V7" s="228">
        <v>0</v>
      </c>
      <c r="W7" s="222">
        <v>0</v>
      </c>
      <c r="X7" s="222">
        <v>0</v>
      </c>
      <c r="Y7" s="223">
        <v>0</v>
      </c>
      <c r="Z7" s="224">
        <v>0</v>
      </c>
      <c r="AA7" s="224">
        <v>0</v>
      </c>
      <c r="AB7" s="224">
        <v>4</v>
      </c>
      <c r="AC7" s="222">
        <v>10</v>
      </c>
      <c r="AD7" s="225">
        <v>14</v>
      </c>
      <c r="AE7" s="226">
        <v>14</v>
      </c>
      <c r="AF7" s="221">
        <v>0</v>
      </c>
      <c r="AG7" s="222">
        <v>0</v>
      </c>
      <c r="AH7" s="222">
        <v>0</v>
      </c>
      <c r="AI7" s="223">
        <v>0</v>
      </c>
      <c r="AJ7" s="224">
        <v>0</v>
      </c>
      <c r="AK7" s="224">
        <v>0</v>
      </c>
      <c r="AL7" s="224">
        <v>5</v>
      </c>
      <c r="AM7" s="222">
        <v>6</v>
      </c>
      <c r="AN7" s="225">
        <v>11</v>
      </c>
      <c r="AO7" s="227">
        <v>11</v>
      </c>
      <c r="AP7" s="37"/>
    </row>
    <row r="8" spans="1:42" ht="20.25" customHeight="1" x14ac:dyDescent="0.2">
      <c r="A8" s="62" t="s">
        <v>6</v>
      </c>
      <c r="B8" s="221">
        <v>0</v>
      </c>
      <c r="C8" s="222">
        <v>0</v>
      </c>
      <c r="D8" s="222">
        <v>0</v>
      </c>
      <c r="E8" s="223">
        <v>0</v>
      </c>
      <c r="F8" s="224">
        <v>5</v>
      </c>
      <c r="G8" s="224">
        <v>53</v>
      </c>
      <c r="H8" s="224">
        <v>59</v>
      </c>
      <c r="I8" s="222">
        <v>37</v>
      </c>
      <c r="J8" s="225">
        <v>154</v>
      </c>
      <c r="K8" s="226">
        <v>154</v>
      </c>
      <c r="L8" s="221">
        <v>0</v>
      </c>
      <c r="M8" s="222">
        <v>0</v>
      </c>
      <c r="N8" s="225">
        <v>0</v>
      </c>
      <c r="O8" s="228">
        <v>13</v>
      </c>
      <c r="P8" s="224">
        <v>21</v>
      </c>
      <c r="Q8" s="224">
        <v>30</v>
      </c>
      <c r="R8" s="224">
        <v>35</v>
      </c>
      <c r="S8" s="222">
        <v>22</v>
      </c>
      <c r="T8" s="225">
        <v>121</v>
      </c>
      <c r="U8" s="229">
        <v>121</v>
      </c>
      <c r="V8" s="228">
        <v>0</v>
      </c>
      <c r="W8" s="222">
        <v>0</v>
      </c>
      <c r="X8" s="222">
        <v>0</v>
      </c>
      <c r="Y8" s="223">
        <v>0</v>
      </c>
      <c r="Z8" s="224">
        <v>0</v>
      </c>
      <c r="AA8" s="224">
        <v>2</v>
      </c>
      <c r="AB8" s="224">
        <v>7</v>
      </c>
      <c r="AC8" s="222">
        <v>6</v>
      </c>
      <c r="AD8" s="225">
        <v>15</v>
      </c>
      <c r="AE8" s="226">
        <v>15</v>
      </c>
      <c r="AF8" s="221">
        <v>0</v>
      </c>
      <c r="AG8" s="222">
        <v>0</v>
      </c>
      <c r="AH8" s="222">
        <v>0</v>
      </c>
      <c r="AI8" s="223">
        <v>0</v>
      </c>
      <c r="AJ8" s="224">
        <v>0</v>
      </c>
      <c r="AK8" s="224">
        <v>0</v>
      </c>
      <c r="AL8" s="224">
        <v>1</v>
      </c>
      <c r="AM8" s="222">
        <v>7</v>
      </c>
      <c r="AN8" s="225">
        <v>8</v>
      </c>
      <c r="AO8" s="227">
        <v>8</v>
      </c>
      <c r="AP8" s="37"/>
    </row>
    <row r="9" spans="1:42" ht="20.25" customHeight="1" x14ac:dyDescent="0.2">
      <c r="A9" s="62" t="s">
        <v>14</v>
      </c>
      <c r="B9" s="221">
        <v>0</v>
      </c>
      <c r="C9" s="222">
        <v>0</v>
      </c>
      <c r="D9" s="222">
        <v>0</v>
      </c>
      <c r="E9" s="223">
        <v>1</v>
      </c>
      <c r="F9" s="224">
        <v>0</v>
      </c>
      <c r="G9" s="224">
        <v>31</v>
      </c>
      <c r="H9" s="224">
        <v>57</v>
      </c>
      <c r="I9" s="222">
        <v>26</v>
      </c>
      <c r="J9" s="225">
        <v>115</v>
      </c>
      <c r="K9" s="226">
        <v>115</v>
      </c>
      <c r="L9" s="221">
        <v>0</v>
      </c>
      <c r="M9" s="222">
        <v>0</v>
      </c>
      <c r="N9" s="225">
        <v>0</v>
      </c>
      <c r="O9" s="228">
        <v>2</v>
      </c>
      <c r="P9" s="224">
        <v>8</v>
      </c>
      <c r="Q9" s="224">
        <v>15</v>
      </c>
      <c r="R9" s="224">
        <v>20</v>
      </c>
      <c r="S9" s="222">
        <v>5</v>
      </c>
      <c r="T9" s="225">
        <v>50</v>
      </c>
      <c r="U9" s="229">
        <v>50</v>
      </c>
      <c r="V9" s="228">
        <v>0</v>
      </c>
      <c r="W9" s="222">
        <v>0</v>
      </c>
      <c r="X9" s="222">
        <v>0</v>
      </c>
      <c r="Y9" s="223">
        <v>0</v>
      </c>
      <c r="Z9" s="224">
        <v>0</v>
      </c>
      <c r="AA9" s="224">
        <v>0</v>
      </c>
      <c r="AB9" s="224">
        <v>2</v>
      </c>
      <c r="AC9" s="222">
        <v>3</v>
      </c>
      <c r="AD9" s="225">
        <v>5</v>
      </c>
      <c r="AE9" s="226">
        <v>5</v>
      </c>
      <c r="AF9" s="221">
        <v>0</v>
      </c>
      <c r="AG9" s="222">
        <v>0</v>
      </c>
      <c r="AH9" s="222">
        <v>0</v>
      </c>
      <c r="AI9" s="223">
        <v>0</v>
      </c>
      <c r="AJ9" s="224">
        <v>0</v>
      </c>
      <c r="AK9" s="224">
        <v>0</v>
      </c>
      <c r="AL9" s="224">
        <v>1</v>
      </c>
      <c r="AM9" s="222">
        <v>2</v>
      </c>
      <c r="AN9" s="225">
        <v>3</v>
      </c>
      <c r="AO9" s="227">
        <v>3</v>
      </c>
      <c r="AP9" s="37"/>
    </row>
    <row r="10" spans="1:42" ht="20.25" customHeight="1" x14ac:dyDescent="0.2">
      <c r="A10" s="62" t="s">
        <v>7</v>
      </c>
      <c r="B10" s="221">
        <v>0</v>
      </c>
      <c r="C10" s="222">
        <v>0</v>
      </c>
      <c r="D10" s="222">
        <v>0</v>
      </c>
      <c r="E10" s="223">
        <v>0</v>
      </c>
      <c r="F10" s="224">
        <v>6</v>
      </c>
      <c r="G10" s="224">
        <v>23</v>
      </c>
      <c r="H10" s="224">
        <v>57</v>
      </c>
      <c r="I10" s="222">
        <v>25</v>
      </c>
      <c r="J10" s="225">
        <v>111</v>
      </c>
      <c r="K10" s="226">
        <v>111</v>
      </c>
      <c r="L10" s="221">
        <v>0</v>
      </c>
      <c r="M10" s="222">
        <v>0</v>
      </c>
      <c r="N10" s="225">
        <v>0</v>
      </c>
      <c r="O10" s="228">
        <v>11</v>
      </c>
      <c r="P10" s="224">
        <v>12</v>
      </c>
      <c r="Q10" s="224">
        <v>19</v>
      </c>
      <c r="R10" s="224">
        <v>26</v>
      </c>
      <c r="S10" s="222">
        <v>8</v>
      </c>
      <c r="T10" s="225">
        <v>76</v>
      </c>
      <c r="U10" s="229">
        <v>76</v>
      </c>
      <c r="V10" s="228">
        <v>0</v>
      </c>
      <c r="W10" s="222">
        <v>0</v>
      </c>
      <c r="X10" s="222">
        <v>0</v>
      </c>
      <c r="Y10" s="223">
        <v>0</v>
      </c>
      <c r="Z10" s="224">
        <v>0</v>
      </c>
      <c r="AA10" s="224">
        <v>0</v>
      </c>
      <c r="AB10" s="224">
        <v>0</v>
      </c>
      <c r="AC10" s="222">
        <v>0</v>
      </c>
      <c r="AD10" s="225">
        <v>0</v>
      </c>
      <c r="AE10" s="226">
        <v>0</v>
      </c>
      <c r="AF10" s="221">
        <v>0</v>
      </c>
      <c r="AG10" s="222">
        <v>0</v>
      </c>
      <c r="AH10" s="222">
        <v>0</v>
      </c>
      <c r="AI10" s="223">
        <v>0</v>
      </c>
      <c r="AJ10" s="224">
        <v>0</v>
      </c>
      <c r="AK10" s="224">
        <v>0</v>
      </c>
      <c r="AL10" s="224">
        <v>0</v>
      </c>
      <c r="AM10" s="222">
        <v>0</v>
      </c>
      <c r="AN10" s="225">
        <v>0</v>
      </c>
      <c r="AO10" s="227">
        <v>0</v>
      </c>
      <c r="AP10" s="37"/>
    </row>
    <row r="11" spans="1:42" ht="20.25" customHeight="1" x14ac:dyDescent="0.2">
      <c r="A11" s="62" t="s">
        <v>8</v>
      </c>
      <c r="B11" s="221">
        <v>0</v>
      </c>
      <c r="C11" s="222">
        <v>0</v>
      </c>
      <c r="D11" s="222">
        <v>0</v>
      </c>
      <c r="E11" s="223">
        <v>1</v>
      </c>
      <c r="F11" s="224">
        <v>4</v>
      </c>
      <c r="G11" s="224">
        <v>8</v>
      </c>
      <c r="H11" s="224">
        <v>8</v>
      </c>
      <c r="I11" s="222">
        <v>8</v>
      </c>
      <c r="J11" s="225">
        <v>29</v>
      </c>
      <c r="K11" s="226">
        <v>29</v>
      </c>
      <c r="L11" s="221">
        <v>0</v>
      </c>
      <c r="M11" s="222">
        <v>0</v>
      </c>
      <c r="N11" s="225">
        <v>0</v>
      </c>
      <c r="O11" s="228">
        <v>1</v>
      </c>
      <c r="P11" s="224">
        <v>5</v>
      </c>
      <c r="Q11" s="224">
        <v>12</v>
      </c>
      <c r="R11" s="224">
        <v>5</v>
      </c>
      <c r="S11" s="222">
        <v>2</v>
      </c>
      <c r="T11" s="225">
        <v>25</v>
      </c>
      <c r="U11" s="229">
        <v>25</v>
      </c>
      <c r="V11" s="228">
        <v>0</v>
      </c>
      <c r="W11" s="222">
        <v>0</v>
      </c>
      <c r="X11" s="222">
        <v>0</v>
      </c>
      <c r="Y11" s="223">
        <v>0</v>
      </c>
      <c r="Z11" s="224">
        <v>0</v>
      </c>
      <c r="AA11" s="224">
        <v>0</v>
      </c>
      <c r="AB11" s="224">
        <v>0</v>
      </c>
      <c r="AC11" s="222">
        <v>0</v>
      </c>
      <c r="AD11" s="225">
        <v>0</v>
      </c>
      <c r="AE11" s="226">
        <v>0</v>
      </c>
      <c r="AF11" s="221">
        <v>0</v>
      </c>
      <c r="AG11" s="222">
        <v>0</v>
      </c>
      <c r="AH11" s="222">
        <v>0</v>
      </c>
      <c r="AI11" s="223">
        <v>0</v>
      </c>
      <c r="AJ11" s="224">
        <v>0</v>
      </c>
      <c r="AK11" s="224">
        <v>0</v>
      </c>
      <c r="AL11" s="224">
        <v>1</v>
      </c>
      <c r="AM11" s="222">
        <v>0</v>
      </c>
      <c r="AN11" s="225">
        <v>1</v>
      </c>
      <c r="AO11" s="227">
        <v>1</v>
      </c>
      <c r="AP11" s="37"/>
    </row>
    <row r="12" spans="1:42" ht="20.25" customHeight="1" x14ac:dyDescent="0.2">
      <c r="A12" s="62" t="s">
        <v>9</v>
      </c>
      <c r="B12" s="221">
        <v>0</v>
      </c>
      <c r="C12" s="222">
        <v>0</v>
      </c>
      <c r="D12" s="222">
        <v>0</v>
      </c>
      <c r="E12" s="223">
        <v>0</v>
      </c>
      <c r="F12" s="224">
        <v>0</v>
      </c>
      <c r="G12" s="224">
        <v>16</v>
      </c>
      <c r="H12" s="224">
        <v>24</v>
      </c>
      <c r="I12" s="222">
        <v>9</v>
      </c>
      <c r="J12" s="225">
        <v>49</v>
      </c>
      <c r="K12" s="226">
        <v>49</v>
      </c>
      <c r="L12" s="221">
        <v>0</v>
      </c>
      <c r="M12" s="222">
        <v>0</v>
      </c>
      <c r="N12" s="225">
        <v>0</v>
      </c>
      <c r="O12" s="228">
        <v>2</v>
      </c>
      <c r="P12" s="224">
        <v>4</v>
      </c>
      <c r="Q12" s="224">
        <v>8</v>
      </c>
      <c r="R12" s="224">
        <v>10</v>
      </c>
      <c r="S12" s="222">
        <v>1</v>
      </c>
      <c r="T12" s="225">
        <v>25</v>
      </c>
      <c r="U12" s="229">
        <v>25</v>
      </c>
      <c r="V12" s="228">
        <v>0</v>
      </c>
      <c r="W12" s="222">
        <v>0</v>
      </c>
      <c r="X12" s="222">
        <v>0</v>
      </c>
      <c r="Y12" s="223">
        <v>0</v>
      </c>
      <c r="Z12" s="224">
        <v>0</v>
      </c>
      <c r="AA12" s="224">
        <v>0</v>
      </c>
      <c r="AB12" s="224">
        <v>0</v>
      </c>
      <c r="AC12" s="222">
        <v>0</v>
      </c>
      <c r="AD12" s="225">
        <v>0</v>
      </c>
      <c r="AE12" s="226">
        <v>0</v>
      </c>
      <c r="AF12" s="221">
        <v>0</v>
      </c>
      <c r="AG12" s="222">
        <v>0</v>
      </c>
      <c r="AH12" s="222">
        <v>0</v>
      </c>
      <c r="AI12" s="223">
        <v>0</v>
      </c>
      <c r="AJ12" s="224">
        <v>0</v>
      </c>
      <c r="AK12" s="224">
        <v>1</v>
      </c>
      <c r="AL12" s="224">
        <v>0</v>
      </c>
      <c r="AM12" s="222">
        <v>1</v>
      </c>
      <c r="AN12" s="225">
        <v>2</v>
      </c>
      <c r="AO12" s="227">
        <v>2</v>
      </c>
      <c r="AP12" s="37"/>
    </row>
    <row r="13" spans="1:42" ht="20.25" customHeight="1" x14ac:dyDescent="0.2">
      <c r="A13" s="62" t="s">
        <v>10</v>
      </c>
      <c r="B13" s="221">
        <v>0</v>
      </c>
      <c r="C13" s="222">
        <v>0</v>
      </c>
      <c r="D13" s="222">
        <v>0</v>
      </c>
      <c r="E13" s="223">
        <v>1</v>
      </c>
      <c r="F13" s="224">
        <v>0</v>
      </c>
      <c r="G13" s="224">
        <v>19</v>
      </c>
      <c r="H13" s="224">
        <v>33</v>
      </c>
      <c r="I13" s="222">
        <v>16</v>
      </c>
      <c r="J13" s="225">
        <v>69</v>
      </c>
      <c r="K13" s="226">
        <v>69</v>
      </c>
      <c r="L13" s="221">
        <v>0</v>
      </c>
      <c r="M13" s="222">
        <v>0</v>
      </c>
      <c r="N13" s="225">
        <v>0</v>
      </c>
      <c r="O13" s="228">
        <v>6</v>
      </c>
      <c r="P13" s="224">
        <v>5</v>
      </c>
      <c r="Q13" s="224">
        <v>10</v>
      </c>
      <c r="R13" s="224">
        <v>10</v>
      </c>
      <c r="S13" s="222">
        <v>8</v>
      </c>
      <c r="T13" s="225">
        <v>39</v>
      </c>
      <c r="U13" s="229">
        <v>39</v>
      </c>
      <c r="V13" s="228">
        <v>0</v>
      </c>
      <c r="W13" s="222">
        <v>0</v>
      </c>
      <c r="X13" s="222">
        <v>0</v>
      </c>
      <c r="Y13" s="223">
        <v>0</v>
      </c>
      <c r="Z13" s="224">
        <v>0</v>
      </c>
      <c r="AA13" s="224">
        <v>0</v>
      </c>
      <c r="AB13" s="224">
        <v>0</v>
      </c>
      <c r="AC13" s="222">
        <v>0</v>
      </c>
      <c r="AD13" s="225">
        <v>0</v>
      </c>
      <c r="AE13" s="226">
        <v>0</v>
      </c>
      <c r="AF13" s="221">
        <v>0</v>
      </c>
      <c r="AG13" s="222">
        <v>0</v>
      </c>
      <c r="AH13" s="222">
        <v>0</v>
      </c>
      <c r="AI13" s="223">
        <v>0</v>
      </c>
      <c r="AJ13" s="224">
        <v>0</v>
      </c>
      <c r="AK13" s="224">
        <v>0</v>
      </c>
      <c r="AL13" s="224">
        <v>1</v>
      </c>
      <c r="AM13" s="222">
        <v>1</v>
      </c>
      <c r="AN13" s="225">
        <v>2</v>
      </c>
      <c r="AO13" s="227">
        <v>2</v>
      </c>
      <c r="AP13" s="37"/>
    </row>
    <row r="14" spans="1:42" ht="20.25" customHeight="1" x14ac:dyDescent="0.2">
      <c r="A14" s="62" t="s">
        <v>11</v>
      </c>
      <c r="B14" s="221">
        <v>0</v>
      </c>
      <c r="C14" s="222">
        <v>0</v>
      </c>
      <c r="D14" s="222">
        <v>0</v>
      </c>
      <c r="E14" s="223">
        <v>0</v>
      </c>
      <c r="F14" s="224">
        <v>0</v>
      </c>
      <c r="G14" s="224">
        <v>7</v>
      </c>
      <c r="H14" s="224">
        <v>15</v>
      </c>
      <c r="I14" s="222">
        <v>7</v>
      </c>
      <c r="J14" s="225">
        <v>29</v>
      </c>
      <c r="K14" s="226">
        <v>29</v>
      </c>
      <c r="L14" s="221">
        <v>0</v>
      </c>
      <c r="M14" s="222">
        <v>0</v>
      </c>
      <c r="N14" s="225">
        <v>0</v>
      </c>
      <c r="O14" s="228">
        <v>3</v>
      </c>
      <c r="P14" s="224">
        <v>6</v>
      </c>
      <c r="Q14" s="224">
        <v>4</v>
      </c>
      <c r="R14" s="224">
        <v>4</v>
      </c>
      <c r="S14" s="222">
        <v>5</v>
      </c>
      <c r="T14" s="225">
        <v>22</v>
      </c>
      <c r="U14" s="229">
        <v>22</v>
      </c>
      <c r="V14" s="228">
        <v>0</v>
      </c>
      <c r="W14" s="222">
        <v>0</v>
      </c>
      <c r="X14" s="222">
        <v>0</v>
      </c>
      <c r="Y14" s="223">
        <v>0</v>
      </c>
      <c r="Z14" s="224">
        <v>0</v>
      </c>
      <c r="AA14" s="224">
        <v>0</v>
      </c>
      <c r="AB14" s="224">
        <v>0</v>
      </c>
      <c r="AC14" s="222">
        <v>0</v>
      </c>
      <c r="AD14" s="225">
        <v>0</v>
      </c>
      <c r="AE14" s="226">
        <v>0</v>
      </c>
      <c r="AF14" s="221">
        <v>0</v>
      </c>
      <c r="AG14" s="222">
        <v>0</v>
      </c>
      <c r="AH14" s="222">
        <v>0</v>
      </c>
      <c r="AI14" s="223">
        <v>0</v>
      </c>
      <c r="AJ14" s="224">
        <v>1</v>
      </c>
      <c r="AK14" s="224">
        <v>1</v>
      </c>
      <c r="AL14" s="224">
        <v>1</v>
      </c>
      <c r="AM14" s="222">
        <v>1</v>
      </c>
      <c r="AN14" s="225">
        <v>4</v>
      </c>
      <c r="AO14" s="227">
        <v>4</v>
      </c>
      <c r="AP14" s="37"/>
    </row>
    <row r="15" spans="1:42" ht="20.25" customHeight="1" x14ac:dyDescent="0.2">
      <c r="A15" s="62" t="s">
        <v>12</v>
      </c>
      <c r="B15" s="221">
        <v>0</v>
      </c>
      <c r="C15" s="222">
        <v>0</v>
      </c>
      <c r="D15" s="222">
        <v>0</v>
      </c>
      <c r="E15" s="223">
        <v>1</v>
      </c>
      <c r="F15" s="224">
        <v>1</v>
      </c>
      <c r="G15" s="224">
        <v>9</v>
      </c>
      <c r="H15" s="224">
        <v>12</v>
      </c>
      <c r="I15" s="222">
        <v>6</v>
      </c>
      <c r="J15" s="225">
        <v>29</v>
      </c>
      <c r="K15" s="226">
        <v>29</v>
      </c>
      <c r="L15" s="221">
        <v>0</v>
      </c>
      <c r="M15" s="222">
        <v>0</v>
      </c>
      <c r="N15" s="225">
        <v>0</v>
      </c>
      <c r="O15" s="228">
        <v>4</v>
      </c>
      <c r="P15" s="224">
        <v>3</v>
      </c>
      <c r="Q15" s="224">
        <v>8</v>
      </c>
      <c r="R15" s="224">
        <v>10</v>
      </c>
      <c r="S15" s="222">
        <v>3</v>
      </c>
      <c r="T15" s="225">
        <v>28</v>
      </c>
      <c r="U15" s="229">
        <v>28</v>
      </c>
      <c r="V15" s="228">
        <v>0</v>
      </c>
      <c r="W15" s="222">
        <v>0</v>
      </c>
      <c r="X15" s="222">
        <v>0</v>
      </c>
      <c r="Y15" s="223">
        <v>0</v>
      </c>
      <c r="Z15" s="224">
        <v>0</v>
      </c>
      <c r="AA15" s="224">
        <v>0</v>
      </c>
      <c r="AB15" s="224">
        <v>0</v>
      </c>
      <c r="AC15" s="222">
        <v>1</v>
      </c>
      <c r="AD15" s="225">
        <v>1</v>
      </c>
      <c r="AE15" s="226">
        <v>1</v>
      </c>
      <c r="AF15" s="221">
        <v>0</v>
      </c>
      <c r="AG15" s="222">
        <v>0</v>
      </c>
      <c r="AH15" s="222">
        <v>0</v>
      </c>
      <c r="AI15" s="223">
        <v>0</v>
      </c>
      <c r="AJ15" s="224">
        <v>0</v>
      </c>
      <c r="AK15" s="224">
        <v>0</v>
      </c>
      <c r="AL15" s="224">
        <v>0</v>
      </c>
      <c r="AM15" s="222">
        <v>0</v>
      </c>
      <c r="AN15" s="225">
        <v>0</v>
      </c>
      <c r="AO15" s="227">
        <v>0</v>
      </c>
      <c r="AP15" s="37"/>
    </row>
    <row r="16" spans="1:42" ht="20.25" customHeight="1" x14ac:dyDescent="0.2">
      <c r="A16" s="62" t="s">
        <v>13</v>
      </c>
      <c r="B16" s="221">
        <v>0</v>
      </c>
      <c r="C16" s="222">
        <v>0</v>
      </c>
      <c r="D16" s="222">
        <v>0</v>
      </c>
      <c r="E16" s="223">
        <v>0</v>
      </c>
      <c r="F16" s="224">
        <v>0</v>
      </c>
      <c r="G16" s="224">
        <v>1</v>
      </c>
      <c r="H16" s="224">
        <v>8</v>
      </c>
      <c r="I16" s="222">
        <v>6</v>
      </c>
      <c r="J16" s="225">
        <v>15</v>
      </c>
      <c r="K16" s="226">
        <v>15</v>
      </c>
      <c r="L16" s="221">
        <v>0</v>
      </c>
      <c r="M16" s="222">
        <v>0</v>
      </c>
      <c r="N16" s="225">
        <v>0</v>
      </c>
      <c r="O16" s="228">
        <v>2</v>
      </c>
      <c r="P16" s="224">
        <v>2</v>
      </c>
      <c r="Q16" s="224">
        <v>4</v>
      </c>
      <c r="R16" s="224">
        <v>2</v>
      </c>
      <c r="S16" s="222">
        <v>3</v>
      </c>
      <c r="T16" s="225">
        <v>13</v>
      </c>
      <c r="U16" s="229">
        <v>13</v>
      </c>
      <c r="V16" s="228">
        <v>0</v>
      </c>
      <c r="W16" s="222">
        <v>0</v>
      </c>
      <c r="X16" s="222">
        <v>0</v>
      </c>
      <c r="Y16" s="223">
        <v>0</v>
      </c>
      <c r="Z16" s="224">
        <v>0</v>
      </c>
      <c r="AA16" s="224">
        <v>0</v>
      </c>
      <c r="AB16" s="224">
        <v>0</v>
      </c>
      <c r="AC16" s="222">
        <v>0</v>
      </c>
      <c r="AD16" s="225">
        <v>0</v>
      </c>
      <c r="AE16" s="226">
        <v>0</v>
      </c>
      <c r="AF16" s="221">
        <v>0</v>
      </c>
      <c r="AG16" s="222">
        <v>0</v>
      </c>
      <c r="AH16" s="222">
        <v>0</v>
      </c>
      <c r="AI16" s="223">
        <v>0</v>
      </c>
      <c r="AJ16" s="224">
        <v>0</v>
      </c>
      <c r="AK16" s="224">
        <v>0</v>
      </c>
      <c r="AL16" s="224">
        <v>0</v>
      </c>
      <c r="AM16" s="222">
        <v>0</v>
      </c>
      <c r="AN16" s="225">
        <v>0</v>
      </c>
      <c r="AO16" s="227">
        <v>0</v>
      </c>
      <c r="AP16" s="37"/>
    </row>
    <row r="17" spans="1:42" ht="20.25" customHeight="1" x14ac:dyDescent="0.2">
      <c r="A17" s="62" t="s">
        <v>15</v>
      </c>
      <c r="B17" s="221">
        <v>0</v>
      </c>
      <c r="C17" s="222">
        <v>0</v>
      </c>
      <c r="D17" s="222">
        <v>0</v>
      </c>
      <c r="E17" s="223">
        <v>0</v>
      </c>
      <c r="F17" s="224">
        <v>0</v>
      </c>
      <c r="G17" s="224">
        <v>3</v>
      </c>
      <c r="H17" s="224">
        <v>3</v>
      </c>
      <c r="I17" s="222">
        <v>0</v>
      </c>
      <c r="J17" s="225">
        <v>6</v>
      </c>
      <c r="K17" s="226">
        <v>6</v>
      </c>
      <c r="L17" s="221">
        <v>0</v>
      </c>
      <c r="M17" s="222">
        <v>0</v>
      </c>
      <c r="N17" s="225">
        <v>0</v>
      </c>
      <c r="O17" s="228">
        <v>2</v>
      </c>
      <c r="P17" s="224">
        <v>1</v>
      </c>
      <c r="Q17" s="224">
        <v>1</v>
      </c>
      <c r="R17" s="224">
        <v>3</v>
      </c>
      <c r="S17" s="222">
        <v>2</v>
      </c>
      <c r="T17" s="225">
        <v>9</v>
      </c>
      <c r="U17" s="229">
        <v>9</v>
      </c>
      <c r="V17" s="228">
        <v>0</v>
      </c>
      <c r="W17" s="222">
        <v>0</v>
      </c>
      <c r="X17" s="222">
        <v>0</v>
      </c>
      <c r="Y17" s="223">
        <v>0</v>
      </c>
      <c r="Z17" s="224">
        <v>0</v>
      </c>
      <c r="AA17" s="224">
        <v>0</v>
      </c>
      <c r="AB17" s="224">
        <v>0</v>
      </c>
      <c r="AC17" s="222">
        <v>0</v>
      </c>
      <c r="AD17" s="225">
        <v>0</v>
      </c>
      <c r="AE17" s="226">
        <v>0</v>
      </c>
      <c r="AF17" s="221">
        <v>0</v>
      </c>
      <c r="AG17" s="222">
        <v>0</v>
      </c>
      <c r="AH17" s="222">
        <v>0</v>
      </c>
      <c r="AI17" s="223">
        <v>0</v>
      </c>
      <c r="AJ17" s="224">
        <v>0</v>
      </c>
      <c r="AK17" s="224">
        <v>0</v>
      </c>
      <c r="AL17" s="224">
        <v>0</v>
      </c>
      <c r="AM17" s="222">
        <v>0</v>
      </c>
      <c r="AN17" s="225">
        <v>0</v>
      </c>
      <c r="AO17" s="227">
        <v>0</v>
      </c>
      <c r="AP17" s="37"/>
    </row>
    <row r="18" spans="1:42" ht="20.25" customHeight="1" x14ac:dyDescent="0.2">
      <c r="A18" s="62" t="s">
        <v>16</v>
      </c>
      <c r="B18" s="221">
        <v>0</v>
      </c>
      <c r="C18" s="222">
        <v>0</v>
      </c>
      <c r="D18" s="222">
        <v>0</v>
      </c>
      <c r="E18" s="223">
        <v>0</v>
      </c>
      <c r="F18" s="224">
        <v>1</v>
      </c>
      <c r="G18" s="224">
        <v>2</v>
      </c>
      <c r="H18" s="224">
        <v>10</v>
      </c>
      <c r="I18" s="222">
        <v>6</v>
      </c>
      <c r="J18" s="225">
        <v>19</v>
      </c>
      <c r="K18" s="226">
        <v>19</v>
      </c>
      <c r="L18" s="221">
        <v>0</v>
      </c>
      <c r="M18" s="222">
        <v>0</v>
      </c>
      <c r="N18" s="225">
        <v>0</v>
      </c>
      <c r="O18" s="228">
        <v>2</v>
      </c>
      <c r="P18" s="224">
        <v>3</v>
      </c>
      <c r="Q18" s="224">
        <v>5</v>
      </c>
      <c r="R18" s="224">
        <v>5</v>
      </c>
      <c r="S18" s="222">
        <v>2</v>
      </c>
      <c r="T18" s="225">
        <v>17</v>
      </c>
      <c r="U18" s="229">
        <v>17</v>
      </c>
      <c r="V18" s="228">
        <v>0</v>
      </c>
      <c r="W18" s="222">
        <v>0</v>
      </c>
      <c r="X18" s="222">
        <v>0</v>
      </c>
      <c r="Y18" s="223">
        <v>0</v>
      </c>
      <c r="Z18" s="224">
        <v>0</v>
      </c>
      <c r="AA18" s="224">
        <v>0</v>
      </c>
      <c r="AB18" s="224">
        <v>0</v>
      </c>
      <c r="AC18" s="222">
        <v>0</v>
      </c>
      <c r="AD18" s="225">
        <v>0</v>
      </c>
      <c r="AE18" s="226">
        <v>0</v>
      </c>
      <c r="AF18" s="221">
        <v>0</v>
      </c>
      <c r="AG18" s="222">
        <v>0</v>
      </c>
      <c r="AH18" s="222">
        <v>0</v>
      </c>
      <c r="AI18" s="223">
        <v>0</v>
      </c>
      <c r="AJ18" s="224">
        <v>0</v>
      </c>
      <c r="AK18" s="224">
        <v>1</v>
      </c>
      <c r="AL18" s="224">
        <v>1</v>
      </c>
      <c r="AM18" s="222">
        <v>2</v>
      </c>
      <c r="AN18" s="225">
        <v>4</v>
      </c>
      <c r="AO18" s="227">
        <v>4</v>
      </c>
      <c r="AP18" s="37"/>
    </row>
    <row r="19" spans="1:42" ht="20.25" customHeight="1" x14ac:dyDescent="0.2">
      <c r="A19" s="62" t="s">
        <v>17</v>
      </c>
      <c r="B19" s="221">
        <v>0</v>
      </c>
      <c r="C19" s="222">
        <v>0</v>
      </c>
      <c r="D19" s="222">
        <v>0</v>
      </c>
      <c r="E19" s="223">
        <v>0</v>
      </c>
      <c r="F19" s="224">
        <v>2</v>
      </c>
      <c r="G19" s="224">
        <v>10</v>
      </c>
      <c r="H19" s="224">
        <v>13</v>
      </c>
      <c r="I19" s="222">
        <v>4</v>
      </c>
      <c r="J19" s="225">
        <v>29</v>
      </c>
      <c r="K19" s="226">
        <v>29</v>
      </c>
      <c r="L19" s="221">
        <v>0</v>
      </c>
      <c r="M19" s="222">
        <v>0</v>
      </c>
      <c r="N19" s="225">
        <v>0</v>
      </c>
      <c r="O19" s="228">
        <v>0</v>
      </c>
      <c r="P19" s="224">
        <v>6</v>
      </c>
      <c r="Q19" s="224">
        <v>6</v>
      </c>
      <c r="R19" s="224">
        <v>5</v>
      </c>
      <c r="S19" s="222">
        <v>4</v>
      </c>
      <c r="T19" s="225">
        <v>21</v>
      </c>
      <c r="U19" s="229">
        <v>21</v>
      </c>
      <c r="V19" s="228">
        <v>0</v>
      </c>
      <c r="W19" s="222">
        <v>0</v>
      </c>
      <c r="X19" s="222">
        <v>0</v>
      </c>
      <c r="Y19" s="223">
        <v>0</v>
      </c>
      <c r="Z19" s="224">
        <v>0</v>
      </c>
      <c r="AA19" s="224">
        <v>0</v>
      </c>
      <c r="AB19" s="224">
        <v>0</v>
      </c>
      <c r="AC19" s="222">
        <v>0</v>
      </c>
      <c r="AD19" s="225">
        <v>0</v>
      </c>
      <c r="AE19" s="226">
        <v>0</v>
      </c>
      <c r="AF19" s="221">
        <v>0</v>
      </c>
      <c r="AG19" s="222">
        <v>0</v>
      </c>
      <c r="AH19" s="222">
        <v>0</v>
      </c>
      <c r="AI19" s="223">
        <v>0</v>
      </c>
      <c r="AJ19" s="224">
        <v>0</v>
      </c>
      <c r="AK19" s="224">
        <v>0</v>
      </c>
      <c r="AL19" s="224">
        <v>0</v>
      </c>
      <c r="AM19" s="222">
        <v>1</v>
      </c>
      <c r="AN19" s="225">
        <v>1</v>
      </c>
      <c r="AO19" s="227">
        <v>1</v>
      </c>
      <c r="AP19" s="37"/>
    </row>
    <row r="20" spans="1:42" ht="20.25" customHeight="1" x14ac:dyDescent="0.2">
      <c r="A20" s="62" t="s">
        <v>18</v>
      </c>
      <c r="B20" s="221">
        <v>0</v>
      </c>
      <c r="C20" s="222">
        <v>0</v>
      </c>
      <c r="D20" s="222">
        <v>0</v>
      </c>
      <c r="E20" s="223">
        <v>0</v>
      </c>
      <c r="F20" s="224">
        <v>0</v>
      </c>
      <c r="G20" s="224">
        <v>13</v>
      </c>
      <c r="H20" s="224">
        <v>15</v>
      </c>
      <c r="I20" s="222">
        <v>6</v>
      </c>
      <c r="J20" s="225">
        <v>34</v>
      </c>
      <c r="K20" s="226">
        <v>34</v>
      </c>
      <c r="L20" s="221">
        <v>0</v>
      </c>
      <c r="M20" s="222">
        <v>0</v>
      </c>
      <c r="N20" s="225">
        <v>0</v>
      </c>
      <c r="O20" s="228">
        <v>0</v>
      </c>
      <c r="P20" s="224">
        <v>2</v>
      </c>
      <c r="Q20" s="224">
        <v>7</v>
      </c>
      <c r="R20" s="224">
        <v>6</v>
      </c>
      <c r="S20" s="222">
        <v>7</v>
      </c>
      <c r="T20" s="225">
        <v>22</v>
      </c>
      <c r="U20" s="229">
        <v>22</v>
      </c>
      <c r="V20" s="228">
        <v>0</v>
      </c>
      <c r="W20" s="222">
        <v>0</v>
      </c>
      <c r="X20" s="222">
        <v>0</v>
      </c>
      <c r="Y20" s="223">
        <v>0</v>
      </c>
      <c r="Z20" s="224">
        <v>0</v>
      </c>
      <c r="AA20" s="224">
        <v>0</v>
      </c>
      <c r="AB20" s="224">
        <v>0</v>
      </c>
      <c r="AC20" s="222">
        <v>0</v>
      </c>
      <c r="AD20" s="225">
        <v>0</v>
      </c>
      <c r="AE20" s="226">
        <v>0</v>
      </c>
      <c r="AF20" s="221">
        <v>0</v>
      </c>
      <c r="AG20" s="222">
        <v>0</v>
      </c>
      <c r="AH20" s="222">
        <v>0</v>
      </c>
      <c r="AI20" s="223">
        <v>0</v>
      </c>
      <c r="AJ20" s="224">
        <v>0</v>
      </c>
      <c r="AK20" s="224">
        <v>0</v>
      </c>
      <c r="AL20" s="224">
        <v>0</v>
      </c>
      <c r="AM20" s="222">
        <v>1</v>
      </c>
      <c r="AN20" s="225">
        <v>1</v>
      </c>
      <c r="AO20" s="227">
        <v>1</v>
      </c>
      <c r="AP20" s="37"/>
    </row>
    <row r="21" spans="1:42" ht="20.25" customHeight="1" x14ac:dyDescent="0.2">
      <c r="A21" s="62" t="s">
        <v>19</v>
      </c>
      <c r="B21" s="221">
        <v>0</v>
      </c>
      <c r="C21" s="222">
        <v>0</v>
      </c>
      <c r="D21" s="222">
        <v>0</v>
      </c>
      <c r="E21" s="223">
        <v>0</v>
      </c>
      <c r="F21" s="224">
        <v>0</v>
      </c>
      <c r="G21" s="224">
        <v>2</v>
      </c>
      <c r="H21" s="224">
        <v>6</v>
      </c>
      <c r="I21" s="222">
        <v>4</v>
      </c>
      <c r="J21" s="225">
        <v>12</v>
      </c>
      <c r="K21" s="226">
        <v>12</v>
      </c>
      <c r="L21" s="221">
        <v>0</v>
      </c>
      <c r="M21" s="222">
        <v>0</v>
      </c>
      <c r="N21" s="225">
        <v>0</v>
      </c>
      <c r="O21" s="228">
        <v>2</v>
      </c>
      <c r="P21" s="224">
        <v>2</v>
      </c>
      <c r="Q21" s="224">
        <v>4</v>
      </c>
      <c r="R21" s="224">
        <v>3</v>
      </c>
      <c r="S21" s="222">
        <v>0</v>
      </c>
      <c r="T21" s="225">
        <v>11</v>
      </c>
      <c r="U21" s="229">
        <v>11</v>
      </c>
      <c r="V21" s="228">
        <v>0</v>
      </c>
      <c r="W21" s="222">
        <v>0</v>
      </c>
      <c r="X21" s="222">
        <v>0</v>
      </c>
      <c r="Y21" s="223">
        <v>0</v>
      </c>
      <c r="Z21" s="224">
        <v>0</v>
      </c>
      <c r="AA21" s="224">
        <v>0</v>
      </c>
      <c r="AB21" s="224">
        <v>0</v>
      </c>
      <c r="AC21" s="222">
        <v>0</v>
      </c>
      <c r="AD21" s="225">
        <v>0</v>
      </c>
      <c r="AE21" s="226">
        <v>0</v>
      </c>
      <c r="AF21" s="221">
        <v>0</v>
      </c>
      <c r="AG21" s="222">
        <v>0</v>
      </c>
      <c r="AH21" s="222">
        <v>0</v>
      </c>
      <c r="AI21" s="223">
        <v>0</v>
      </c>
      <c r="AJ21" s="224">
        <v>0</v>
      </c>
      <c r="AK21" s="224">
        <v>1</v>
      </c>
      <c r="AL21" s="224">
        <v>0</v>
      </c>
      <c r="AM21" s="222">
        <v>1</v>
      </c>
      <c r="AN21" s="225">
        <v>2</v>
      </c>
      <c r="AO21" s="227">
        <v>2</v>
      </c>
      <c r="AP21" s="37"/>
    </row>
    <row r="22" spans="1:42" ht="20.25" customHeight="1" x14ac:dyDescent="0.2">
      <c r="A22" s="62" t="s">
        <v>20</v>
      </c>
      <c r="B22" s="221">
        <v>0</v>
      </c>
      <c r="C22" s="222">
        <v>0</v>
      </c>
      <c r="D22" s="222">
        <v>0</v>
      </c>
      <c r="E22" s="223">
        <v>0</v>
      </c>
      <c r="F22" s="224">
        <v>0</v>
      </c>
      <c r="G22" s="224">
        <v>6</v>
      </c>
      <c r="H22" s="224">
        <v>11</v>
      </c>
      <c r="I22" s="222">
        <v>5</v>
      </c>
      <c r="J22" s="225">
        <v>22</v>
      </c>
      <c r="K22" s="226">
        <v>22</v>
      </c>
      <c r="L22" s="221">
        <v>0</v>
      </c>
      <c r="M22" s="222">
        <v>0</v>
      </c>
      <c r="N22" s="225">
        <v>0</v>
      </c>
      <c r="O22" s="228">
        <v>1</v>
      </c>
      <c r="P22" s="224">
        <v>3</v>
      </c>
      <c r="Q22" s="224">
        <v>5</v>
      </c>
      <c r="R22" s="224">
        <v>2</v>
      </c>
      <c r="S22" s="222">
        <v>2</v>
      </c>
      <c r="T22" s="225">
        <v>13</v>
      </c>
      <c r="U22" s="229">
        <v>13</v>
      </c>
      <c r="V22" s="228">
        <v>0</v>
      </c>
      <c r="W22" s="222">
        <v>0</v>
      </c>
      <c r="X22" s="222">
        <v>0</v>
      </c>
      <c r="Y22" s="223">
        <v>0</v>
      </c>
      <c r="Z22" s="224">
        <v>0</v>
      </c>
      <c r="AA22" s="224">
        <v>0</v>
      </c>
      <c r="AB22" s="224">
        <v>0</v>
      </c>
      <c r="AC22" s="222">
        <v>0</v>
      </c>
      <c r="AD22" s="225">
        <v>0</v>
      </c>
      <c r="AE22" s="226">
        <v>0</v>
      </c>
      <c r="AF22" s="221">
        <v>0</v>
      </c>
      <c r="AG22" s="222">
        <v>0</v>
      </c>
      <c r="AH22" s="222">
        <v>0</v>
      </c>
      <c r="AI22" s="223">
        <v>0</v>
      </c>
      <c r="AJ22" s="224">
        <v>0</v>
      </c>
      <c r="AK22" s="224">
        <v>0</v>
      </c>
      <c r="AL22" s="224">
        <v>0</v>
      </c>
      <c r="AM22" s="222">
        <v>2</v>
      </c>
      <c r="AN22" s="225">
        <v>2</v>
      </c>
      <c r="AO22" s="227">
        <v>2</v>
      </c>
      <c r="AP22" s="37"/>
    </row>
    <row r="23" spans="1:42" ht="20.25" customHeight="1" x14ac:dyDescent="0.2">
      <c r="A23" s="62" t="s">
        <v>21</v>
      </c>
      <c r="B23" s="221">
        <v>0</v>
      </c>
      <c r="C23" s="222">
        <v>0</v>
      </c>
      <c r="D23" s="222">
        <v>0</v>
      </c>
      <c r="E23" s="223">
        <v>0</v>
      </c>
      <c r="F23" s="224">
        <v>0</v>
      </c>
      <c r="G23" s="224">
        <v>9</v>
      </c>
      <c r="H23" s="224">
        <v>8</v>
      </c>
      <c r="I23" s="222">
        <v>7</v>
      </c>
      <c r="J23" s="225">
        <v>24</v>
      </c>
      <c r="K23" s="226">
        <v>24</v>
      </c>
      <c r="L23" s="221">
        <v>0</v>
      </c>
      <c r="M23" s="222">
        <v>0</v>
      </c>
      <c r="N23" s="225">
        <v>0</v>
      </c>
      <c r="O23" s="228">
        <v>0</v>
      </c>
      <c r="P23" s="224">
        <v>1</v>
      </c>
      <c r="Q23" s="224">
        <v>1</v>
      </c>
      <c r="R23" s="224">
        <v>3</v>
      </c>
      <c r="S23" s="222">
        <v>0</v>
      </c>
      <c r="T23" s="225">
        <v>5</v>
      </c>
      <c r="U23" s="229">
        <v>5</v>
      </c>
      <c r="V23" s="228">
        <v>0</v>
      </c>
      <c r="W23" s="222">
        <v>0</v>
      </c>
      <c r="X23" s="222">
        <v>0</v>
      </c>
      <c r="Y23" s="223">
        <v>0</v>
      </c>
      <c r="Z23" s="224">
        <v>0</v>
      </c>
      <c r="AA23" s="224">
        <v>0</v>
      </c>
      <c r="AB23" s="224">
        <v>0</v>
      </c>
      <c r="AC23" s="222">
        <v>1</v>
      </c>
      <c r="AD23" s="225">
        <v>1</v>
      </c>
      <c r="AE23" s="226">
        <v>1</v>
      </c>
      <c r="AF23" s="221">
        <v>0</v>
      </c>
      <c r="AG23" s="222">
        <v>0</v>
      </c>
      <c r="AH23" s="222">
        <v>0</v>
      </c>
      <c r="AI23" s="223">
        <v>0</v>
      </c>
      <c r="AJ23" s="224">
        <v>0</v>
      </c>
      <c r="AK23" s="224">
        <v>0</v>
      </c>
      <c r="AL23" s="224">
        <v>1</v>
      </c>
      <c r="AM23" s="222">
        <v>1</v>
      </c>
      <c r="AN23" s="225">
        <v>2</v>
      </c>
      <c r="AO23" s="227">
        <v>2</v>
      </c>
      <c r="AP23" s="37"/>
    </row>
    <row r="24" spans="1:42" ht="20.25" customHeight="1" x14ac:dyDescent="0.2">
      <c r="A24" s="62" t="s">
        <v>22</v>
      </c>
      <c r="B24" s="221">
        <v>0</v>
      </c>
      <c r="C24" s="222">
        <v>0</v>
      </c>
      <c r="D24" s="222">
        <v>0</v>
      </c>
      <c r="E24" s="223">
        <v>0</v>
      </c>
      <c r="F24" s="224">
        <v>0</v>
      </c>
      <c r="G24" s="224">
        <v>2</v>
      </c>
      <c r="H24" s="224">
        <v>2</v>
      </c>
      <c r="I24" s="222">
        <v>0</v>
      </c>
      <c r="J24" s="225">
        <v>4</v>
      </c>
      <c r="K24" s="226">
        <v>4</v>
      </c>
      <c r="L24" s="221">
        <v>0</v>
      </c>
      <c r="M24" s="222">
        <v>0</v>
      </c>
      <c r="N24" s="225">
        <v>0</v>
      </c>
      <c r="O24" s="228">
        <v>0</v>
      </c>
      <c r="P24" s="224">
        <v>2</v>
      </c>
      <c r="Q24" s="224">
        <v>1</v>
      </c>
      <c r="R24" s="224">
        <v>0</v>
      </c>
      <c r="S24" s="222">
        <v>0</v>
      </c>
      <c r="T24" s="225">
        <v>3</v>
      </c>
      <c r="U24" s="229">
        <v>3</v>
      </c>
      <c r="V24" s="228">
        <v>0</v>
      </c>
      <c r="W24" s="222">
        <v>0</v>
      </c>
      <c r="X24" s="222">
        <v>0</v>
      </c>
      <c r="Y24" s="223">
        <v>0</v>
      </c>
      <c r="Z24" s="224">
        <v>0</v>
      </c>
      <c r="AA24" s="224">
        <v>0</v>
      </c>
      <c r="AB24" s="224">
        <v>0</v>
      </c>
      <c r="AC24" s="222">
        <v>0</v>
      </c>
      <c r="AD24" s="225">
        <v>0</v>
      </c>
      <c r="AE24" s="226">
        <v>0</v>
      </c>
      <c r="AF24" s="221">
        <v>0</v>
      </c>
      <c r="AG24" s="222">
        <v>0</v>
      </c>
      <c r="AH24" s="222">
        <v>0</v>
      </c>
      <c r="AI24" s="223">
        <v>0</v>
      </c>
      <c r="AJ24" s="224">
        <v>0</v>
      </c>
      <c r="AK24" s="224">
        <v>0</v>
      </c>
      <c r="AL24" s="224">
        <v>0</v>
      </c>
      <c r="AM24" s="222">
        <v>0</v>
      </c>
      <c r="AN24" s="225">
        <v>0</v>
      </c>
      <c r="AO24" s="227">
        <v>0</v>
      </c>
      <c r="AP24" s="37"/>
    </row>
    <row r="25" spans="1:42" ht="20.25" customHeight="1" x14ac:dyDescent="0.2">
      <c r="A25" s="62" t="s">
        <v>23</v>
      </c>
      <c r="B25" s="221">
        <v>0</v>
      </c>
      <c r="C25" s="222">
        <v>0</v>
      </c>
      <c r="D25" s="222">
        <v>0</v>
      </c>
      <c r="E25" s="223">
        <v>1</v>
      </c>
      <c r="F25" s="224">
        <v>0</v>
      </c>
      <c r="G25" s="224">
        <v>2</v>
      </c>
      <c r="H25" s="224">
        <v>4</v>
      </c>
      <c r="I25" s="222">
        <v>1</v>
      </c>
      <c r="J25" s="225">
        <v>8</v>
      </c>
      <c r="K25" s="226">
        <v>8</v>
      </c>
      <c r="L25" s="221">
        <v>0</v>
      </c>
      <c r="M25" s="222">
        <v>0</v>
      </c>
      <c r="N25" s="225">
        <v>0</v>
      </c>
      <c r="O25" s="228">
        <v>0</v>
      </c>
      <c r="P25" s="224">
        <v>1</v>
      </c>
      <c r="Q25" s="224">
        <v>1</v>
      </c>
      <c r="R25" s="224">
        <v>3</v>
      </c>
      <c r="S25" s="222">
        <v>0</v>
      </c>
      <c r="T25" s="225">
        <v>5</v>
      </c>
      <c r="U25" s="229">
        <v>5</v>
      </c>
      <c r="V25" s="228">
        <v>0</v>
      </c>
      <c r="W25" s="222">
        <v>0</v>
      </c>
      <c r="X25" s="222">
        <v>0</v>
      </c>
      <c r="Y25" s="223">
        <v>0</v>
      </c>
      <c r="Z25" s="224">
        <v>0</v>
      </c>
      <c r="AA25" s="224">
        <v>0</v>
      </c>
      <c r="AB25" s="224">
        <v>0</v>
      </c>
      <c r="AC25" s="222">
        <v>0</v>
      </c>
      <c r="AD25" s="225">
        <v>0</v>
      </c>
      <c r="AE25" s="226">
        <v>0</v>
      </c>
      <c r="AF25" s="221">
        <v>0</v>
      </c>
      <c r="AG25" s="222">
        <v>0</v>
      </c>
      <c r="AH25" s="222">
        <v>0</v>
      </c>
      <c r="AI25" s="223">
        <v>0</v>
      </c>
      <c r="AJ25" s="224">
        <v>0</v>
      </c>
      <c r="AK25" s="224">
        <v>0</v>
      </c>
      <c r="AL25" s="224">
        <v>0</v>
      </c>
      <c r="AM25" s="222">
        <v>1</v>
      </c>
      <c r="AN25" s="225">
        <v>1</v>
      </c>
      <c r="AO25" s="227">
        <v>1</v>
      </c>
      <c r="AP25" s="37"/>
    </row>
    <row r="26" spans="1:42" ht="20.25" customHeight="1" x14ac:dyDescent="0.2">
      <c r="A26" s="62" t="s">
        <v>24</v>
      </c>
      <c r="B26" s="221">
        <v>0</v>
      </c>
      <c r="C26" s="222">
        <v>0</v>
      </c>
      <c r="D26" s="222">
        <v>0</v>
      </c>
      <c r="E26" s="223">
        <v>0</v>
      </c>
      <c r="F26" s="224">
        <v>0</v>
      </c>
      <c r="G26" s="224">
        <v>1</v>
      </c>
      <c r="H26" s="224">
        <v>1</v>
      </c>
      <c r="I26" s="222">
        <v>5</v>
      </c>
      <c r="J26" s="225">
        <v>7</v>
      </c>
      <c r="K26" s="226">
        <v>7</v>
      </c>
      <c r="L26" s="221">
        <v>0</v>
      </c>
      <c r="M26" s="222">
        <v>0</v>
      </c>
      <c r="N26" s="225">
        <v>0</v>
      </c>
      <c r="O26" s="228">
        <v>2</v>
      </c>
      <c r="P26" s="224">
        <v>1</v>
      </c>
      <c r="Q26" s="224">
        <v>2</v>
      </c>
      <c r="R26" s="224">
        <v>3</v>
      </c>
      <c r="S26" s="222">
        <v>0</v>
      </c>
      <c r="T26" s="225">
        <v>8</v>
      </c>
      <c r="U26" s="229">
        <v>8</v>
      </c>
      <c r="V26" s="228">
        <v>0</v>
      </c>
      <c r="W26" s="222">
        <v>0</v>
      </c>
      <c r="X26" s="222">
        <v>0</v>
      </c>
      <c r="Y26" s="223">
        <v>0</v>
      </c>
      <c r="Z26" s="224">
        <v>0</v>
      </c>
      <c r="AA26" s="224">
        <v>0</v>
      </c>
      <c r="AB26" s="224">
        <v>0</v>
      </c>
      <c r="AC26" s="222">
        <v>0</v>
      </c>
      <c r="AD26" s="225">
        <v>0</v>
      </c>
      <c r="AE26" s="226">
        <v>0</v>
      </c>
      <c r="AF26" s="221">
        <v>0</v>
      </c>
      <c r="AG26" s="222">
        <v>0</v>
      </c>
      <c r="AH26" s="222">
        <v>0</v>
      </c>
      <c r="AI26" s="223">
        <v>0</v>
      </c>
      <c r="AJ26" s="224">
        <v>0</v>
      </c>
      <c r="AK26" s="224">
        <v>0</v>
      </c>
      <c r="AL26" s="224">
        <v>0</v>
      </c>
      <c r="AM26" s="222">
        <v>0</v>
      </c>
      <c r="AN26" s="225">
        <v>0</v>
      </c>
      <c r="AO26" s="227">
        <v>0</v>
      </c>
      <c r="AP26" s="37"/>
    </row>
    <row r="27" spans="1:42" ht="20.25" customHeight="1" x14ac:dyDescent="0.2">
      <c r="A27" s="62" t="s">
        <v>25</v>
      </c>
      <c r="B27" s="221">
        <v>0</v>
      </c>
      <c r="C27" s="222">
        <v>0</v>
      </c>
      <c r="D27" s="222">
        <v>0</v>
      </c>
      <c r="E27" s="223">
        <v>1</v>
      </c>
      <c r="F27" s="224">
        <v>0</v>
      </c>
      <c r="G27" s="224">
        <v>6</v>
      </c>
      <c r="H27" s="224">
        <v>2</v>
      </c>
      <c r="I27" s="222">
        <v>1</v>
      </c>
      <c r="J27" s="225">
        <v>10</v>
      </c>
      <c r="K27" s="226">
        <v>10</v>
      </c>
      <c r="L27" s="221">
        <v>0</v>
      </c>
      <c r="M27" s="222">
        <v>0</v>
      </c>
      <c r="N27" s="225">
        <v>0</v>
      </c>
      <c r="O27" s="228">
        <v>2</v>
      </c>
      <c r="P27" s="224">
        <v>0</v>
      </c>
      <c r="Q27" s="224">
        <v>1</v>
      </c>
      <c r="R27" s="224">
        <v>1</v>
      </c>
      <c r="S27" s="222">
        <v>1</v>
      </c>
      <c r="T27" s="225">
        <v>5</v>
      </c>
      <c r="U27" s="229">
        <v>5</v>
      </c>
      <c r="V27" s="228">
        <v>0</v>
      </c>
      <c r="W27" s="222">
        <v>0</v>
      </c>
      <c r="X27" s="222">
        <v>0</v>
      </c>
      <c r="Y27" s="223">
        <v>0</v>
      </c>
      <c r="Z27" s="224">
        <v>0</v>
      </c>
      <c r="AA27" s="224">
        <v>0</v>
      </c>
      <c r="AB27" s="224">
        <v>0</v>
      </c>
      <c r="AC27" s="222">
        <v>0</v>
      </c>
      <c r="AD27" s="225">
        <v>0</v>
      </c>
      <c r="AE27" s="226">
        <v>0</v>
      </c>
      <c r="AF27" s="221">
        <v>0</v>
      </c>
      <c r="AG27" s="222">
        <v>0</v>
      </c>
      <c r="AH27" s="222">
        <v>0</v>
      </c>
      <c r="AI27" s="223">
        <v>0</v>
      </c>
      <c r="AJ27" s="224">
        <v>0</v>
      </c>
      <c r="AK27" s="224">
        <v>0</v>
      </c>
      <c r="AL27" s="224">
        <v>0</v>
      </c>
      <c r="AM27" s="222">
        <v>0</v>
      </c>
      <c r="AN27" s="225">
        <v>0</v>
      </c>
      <c r="AO27" s="227">
        <v>0</v>
      </c>
      <c r="AP27" s="37"/>
    </row>
    <row r="28" spans="1:42" ht="20.25" customHeight="1" x14ac:dyDescent="0.2">
      <c r="A28" s="62" t="s">
        <v>26</v>
      </c>
      <c r="B28" s="221">
        <v>0</v>
      </c>
      <c r="C28" s="222">
        <v>0</v>
      </c>
      <c r="D28" s="222">
        <v>0</v>
      </c>
      <c r="E28" s="223">
        <v>0</v>
      </c>
      <c r="F28" s="224">
        <v>0</v>
      </c>
      <c r="G28" s="224">
        <v>2</v>
      </c>
      <c r="H28" s="224">
        <v>3</v>
      </c>
      <c r="I28" s="222">
        <v>1</v>
      </c>
      <c r="J28" s="225">
        <v>6</v>
      </c>
      <c r="K28" s="226">
        <v>6</v>
      </c>
      <c r="L28" s="221">
        <v>0</v>
      </c>
      <c r="M28" s="222">
        <v>0</v>
      </c>
      <c r="N28" s="225">
        <v>0</v>
      </c>
      <c r="O28" s="228">
        <v>0</v>
      </c>
      <c r="P28" s="224">
        <v>0</v>
      </c>
      <c r="Q28" s="224">
        <v>3</v>
      </c>
      <c r="R28" s="224">
        <v>0</v>
      </c>
      <c r="S28" s="222">
        <v>1</v>
      </c>
      <c r="T28" s="225">
        <v>4</v>
      </c>
      <c r="U28" s="229">
        <v>4</v>
      </c>
      <c r="V28" s="228">
        <v>0</v>
      </c>
      <c r="W28" s="222">
        <v>0</v>
      </c>
      <c r="X28" s="222">
        <v>0</v>
      </c>
      <c r="Y28" s="223">
        <v>0</v>
      </c>
      <c r="Z28" s="224">
        <v>0</v>
      </c>
      <c r="AA28" s="224">
        <v>0</v>
      </c>
      <c r="AB28" s="224">
        <v>0</v>
      </c>
      <c r="AC28" s="222">
        <v>0</v>
      </c>
      <c r="AD28" s="225">
        <v>0</v>
      </c>
      <c r="AE28" s="226">
        <v>0</v>
      </c>
      <c r="AF28" s="221">
        <v>0</v>
      </c>
      <c r="AG28" s="222">
        <v>0</v>
      </c>
      <c r="AH28" s="222">
        <v>0</v>
      </c>
      <c r="AI28" s="223">
        <v>0</v>
      </c>
      <c r="AJ28" s="224">
        <v>0</v>
      </c>
      <c r="AK28" s="224">
        <v>0</v>
      </c>
      <c r="AL28" s="224">
        <v>0</v>
      </c>
      <c r="AM28" s="222">
        <v>0</v>
      </c>
      <c r="AN28" s="225">
        <v>0</v>
      </c>
      <c r="AO28" s="227">
        <v>0</v>
      </c>
      <c r="AP28" s="37"/>
    </row>
    <row r="29" spans="1:42" ht="20.25" customHeight="1" x14ac:dyDescent="0.2">
      <c r="A29" s="62" t="s">
        <v>27</v>
      </c>
      <c r="B29" s="221">
        <v>0</v>
      </c>
      <c r="C29" s="222">
        <v>0</v>
      </c>
      <c r="D29" s="222">
        <v>0</v>
      </c>
      <c r="E29" s="223">
        <v>0</v>
      </c>
      <c r="F29" s="224">
        <v>1</v>
      </c>
      <c r="G29" s="224">
        <v>1</v>
      </c>
      <c r="H29" s="224">
        <v>1</v>
      </c>
      <c r="I29" s="222">
        <v>2</v>
      </c>
      <c r="J29" s="225">
        <v>5</v>
      </c>
      <c r="K29" s="226">
        <v>5</v>
      </c>
      <c r="L29" s="221">
        <v>0</v>
      </c>
      <c r="M29" s="222">
        <v>0</v>
      </c>
      <c r="N29" s="225">
        <v>0</v>
      </c>
      <c r="O29" s="228">
        <v>0</v>
      </c>
      <c r="P29" s="224">
        <v>1</v>
      </c>
      <c r="Q29" s="224">
        <v>3</v>
      </c>
      <c r="R29" s="224">
        <v>1</v>
      </c>
      <c r="S29" s="222">
        <v>0</v>
      </c>
      <c r="T29" s="225">
        <v>5</v>
      </c>
      <c r="U29" s="229">
        <v>5</v>
      </c>
      <c r="V29" s="228">
        <v>0</v>
      </c>
      <c r="W29" s="222">
        <v>0</v>
      </c>
      <c r="X29" s="222">
        <v>0</v>
      </c>
      <c r="Y29" s="223">
        <v>0</v>
      </c>
      <c r="Z29" s="224">
        <v>0</v>
      </c>
      <c r="AA29" s="224">
        <v>0</v>
      </c>
      <c r="AB29" s="224">
        <v>0</v>
      </c>
      <c r="AC29" s="222">
        <v>0</v>
      </c>
      <c r="AD29" s="225">
        <v>0</v>
      </c>
      <c r="AE29" s="226">
        <v>0</v>
      </c>
      <c r="AF29" s="221">
        <v>0</v>
      </c>
      <c r="AG29" s="222">
        <v>0</v>
      </c>
      <c r="AH29" s="222">
        <v>0</v>
      </c>
      <c r="AI29" s="223">
        <v>0</v>
      </c>
      <c r="AJ29" s="224">
        <v>0</v>
      </c>
      <c r="AK29" s="224">
        <v>0</v>
      </c>
      <c r="AL29" s="224">
        <v>1</v>
      </c>
      <c r="AM29" s="222">
        <v>0</v>
      </c>
      <c r="AN29" s="225">
        <v>1</v>
      </c>
      <c r="AO29" s="227">
        <v>1</v>
      </c>
      <c r="AP29" s="37"/>
    </row>
    <row r="30" spans="1:42" ht="20.25" customHeight="1" x14ac:dyDescent="0.2">
      <c r="A30" s="62" t="s">
        <v>28</v>
      </c>
      <c r="B30" s="221">
        <v>0</v>
      </c>
      <c r="C30" s="222">
        <v>0</v>
      </c>
      <c r="D30" s="222">
        <v>0</v>
      </c>
      <c r="E30" s="223">
        <v>0</v>
      </c>
      <c r="F30" s="224">
        <v>0</v>
      </c>
      <c r="G30" s="224">
        <v>0</v>
      </c>
      <c r="H30" s="224">
        <v>1</v>
      </c>
      <c r="I30" s="222">
        <v>0</v>
      </c>
      <c r="J30" s="225">
        <v>1</v>
      </c>
      <c r="K30" s="226">
        <v>1</v>
      </c>
      <c r="L30" s="221">
        <v>0</v>
      </c>
      <c r="M30" s="222">
        <v>0</v>
      </c>
      <c r="N30" s="225">
        <v>0</v>
      </c>
      <c r="O30" s="228">
        <v>0</v>
      </c>
      <c r="P30" s="224">
        <v>1</v>
      </c>
      <c r="Q30" s="224">
        <v>0</v>
      </c>
      <c r="R30" s="224">
        <v>1</v>
      </c>
      <c r="S30" s="222">
        <v>0</v>
      </c>
      <c r="T30" s="225">
        <v>2</v>
      </c>
      <c r="U30" s="229">
        <v>2</v>
      </c>
      <c r="V30" s="228">
        <v>0</v>
      </c>
      <c r="W30" s="222">
        <v>0</v>
      </c>
      <c r="X30" s="222">
        <v>0</v>
      </c>
      <c r="Y30" s="223">
        <v>0</v>
      </c>
      <c r="Z30" s="224">
        <v>0</v>
      </c>
      <c r="AA30" s="224">
        <v>0</v>
      </c>
      <c r="AB30" s="224">
        <v>0</v>
      </c>
      <c r="AC30" s="222">
        <v>0</v>
      </c>
      <c r="AD30" s="225">
        <v>0</v>
      </c>
      <c r="AE30" s="226">
        <v>0</v>
      </c>
      <c r="AF30" s="221">
        <v>0</v>
      </c>
      <c r="AG30" s="222">
        <v>0</v>
      </c>
      <c r="AH30" s="222">
        <v>0</v>
      </c>
      <c r="AI30" s="223">
        <v>0</v>
      </c>
      <c r="AJ30" s="224">
        <v>0</v>
      </c>
      <c r="AK30" s="224">
        <v>0</v>
      </c>
      <c r="AL30" s="224">
        <v>0</v>
      </c>
      <c r="AM30" s="222">
        <v>0</v>
      </c>
      <c r="AN30" s="225">
        <v>0</v>
      </c>
      <c r="AO30" s="227">
        <v>0</v>
      </c>
      <c r="AP30" s="37"/>
    </row>
    <row r="31" spans="1:42" ht="20.25" customHeight="1" x14ac:dyDescent="0.2">
      <c r="A31" s="62" t="s">
        <v>29</v>
      </c>
      <c r="B31" s="221">
        <v>0</v>
      </c>
      <c r="C31" s="222">
        <v>0</v>
      </c>
      <c r="D31" s="222">
        <v>0</v>
      </c>
      <c r="E31" s="223">
        <v>0</v>
      </c>
      <c r="F31" s="224">
        <v>0</v>
      </c>
      <c r="G31" s="224">
        <v>1</v>
      </c>
      <c r="H31" s="224">
        <v>1</v>
      </c>
      <c r="I31" s="222">
        <v>1</v>
      </c>
      <c r="J31" s="225">
        <v>3</v>
      </c>
      <c r="K31" s="226">
        <v>3</v>
      </c>
      <c r="L31" s="221">
        <v>0</v>
      </c>
      <c r="M31" s="222">
        <v>0</v>
      </c>
      <c r="N31" s="225">
        <v>0</v>
      </c>
      <c r="O31" s="228">
        <v>0</v>
      </c>
      <c r="P31" s="224">
        <v>1</v>
      </c>
      <c r="Q31" s="224">
        <v>0</v>
      </c>
      <c r="R31" s="224">
        <v>0</v>
      </c>
      <c r="S31" s="222">
        <v>0</v>
      </c>
      <c r="T31" s="225">
        <v>1</v>
      </c>
      <c r="U31" s="229">
        <v>1</v>
      </c>
      <c r="V31" s="228">
        <v>0</v>
      </c>
      <c r="W31" s="222">
        <v>0</v>
      </c>
      <c r="X31" s="222">
        <v>0</v>
      </c>
      <c r="Y31" s="223">
        <v>0</v>
      </c>
      <c r="Z31" s="224">
        <v>0</v>
      </c>
      <c r="AA31" s="224">
        <v>0</v>
      </c>
      <c r="AB31" s="224">
        <v>0</v>
      </c>
      <c r="AC31" s="222">
        <v>0</v>
      </c>
      <c r="AD31" s="225">
        <v>0</v>
      </c>
      <c r="AE31" s="226">
        <v>0</v>
      </c>
      <c r="AF31" s="221">
        <v>0</v>
      </c>
      <c r="AG31" s="222">
        <v>0</v>
      </c>
      <c r="AH31" s="222">
        <v>0</v>
      </c>
      <c r="AI31" s="223">
        <v>0</v>
      </c>
      <c r="AJ31" s="224">
        <v>0</v>
      </c>
      <c r="AK31" s="224">
        <v>0</v>
      </c>
      <c r="AL31" s="224">
        <v>0</v>
      </c>
      <c r="AM31" s="222">
        <v>0</v>
      </c>
      <c r="AN31" s="225">
        <v>0</v>
      </c>
      <c r="AO31" s="227">
        <v>0</v>
      </c>
      <c r="AP31" s="37"/>
    </row>
    <row r="32" spans="1:42" ht="20.25" customHeight="1" x14ac:dyDescent="0.2">
      <c r="A32" s="62" t="s">
        <v>30</v>
      </c>
      <c r="B32" s="221">
        <v>0</v>
      </c>
      <c r="C32" s="222">
        <v>0</v>
      </c>
      <c r="D32" s="222">
        <v>0</v>
      </c>
      <c r="E32" s="223">
        <v>0</v>
      </c>
      <c r="F32" s="224">
        <v>0</v>
      </c>
      <c r="G32" s="224">
        <v>0</v>
      </c>
      <c r="H32" s="224">
        <v>3</v>
      </c>
      <c r="I32" s="222">
        <v>0</v>
      </c>
      <c r="J32" s="225">
        <v>3</v>
      </c>
      <c r="K32" s="226">
        <v>3</v>
      </c>
      <c r="L32" s="221">
        <v>0</v>
      </c>
      <c r="M32" s="222">
        <v>0</v>
      </c>
      <c r="N32" s="225">
        <v>0</v>
      </c>
      <c r="O32" s="228">
        <v>1</v>
      </c>
      <c r="P32" s="224">
        <v>0</v>
      </c>
      <c r="Q32" s="224">
        <v>2</v>
      </c>
      <c r="R32" s="224">
        <v>2</v>
      </c>
      <c r="S32" s="222">
        <v>0</v>
      </c>
      <c r="T32" s="225">
        <v>5</v>
      </c>
      <c r="U32" s="229">
        <v>5</v>
      </c>
      <c r="V32" s="228">
        <v>0</v>
      </c>
      <c r="W32" s="222">
        <v>0</v>
      </c>
      <c r="X32" s="222">
        <v>0</v>
      </c>
      <c r="Y32" s="223">
        <v>0</v>
      </c>
      <c r="Z32" s="224">
        <v>0</v>
      </c>
      <c r="AA32" s="224">
        <v>0</v>
      </c>
      <c r="AB32" s="224">
        <v>0</v>
      </c>
      <c r="AC32" s="222">
        <v>0</v>
      </c>
      <c r="AD32" s="225">
        <v>0</v>
      </c>
      <c r="AE32" s="226">
        <v>0</v>
      </c>
      <c r="AF32" s="221">
        <v>0</v>
      </c>
      <c r="AG32" s="222">
        <v>0</v>
      </c>
      <c r="AH32" s="222">
        <v>0</v>
      </c>
      <c r="AI32" s="223">
        <v>0</v>
      </c>
      <c r="AJ32" s="224">
        <v>0</v>
      </c>
      <c r="AK32" s="224">
        <v>0</v>
      </c>
      <c r="AL32" s="224">
        <v>0</v>
      </c>
      <c r="AM32" s="222">
        <v>1</v>
      </c>
      <c r="AN32" s="225">
        <v>1</v>
      </c>
      <c r="AO32" s="227">
        <v>1</v>
      </c>
      <c r="AP32" s="37"/>
    </row>
    <row r="33" spans="1:42" ht="20.25" customHeight="1" x14ac:dyDescent="0.2">
      <c r="A33" s="62" t="s">
        <v>31</v>
      </c>
      <c r="B33" s="221">
        <v>0</v>
      </c>
      <c r="C33" s="222">
        <v>0</v>
      </c>
      <c r="D33" s="222">
        <v>0</v>
      </c>
      <c r="E33" s="223">
        <v>0</v>
      </c>
      <c r="F33" s="224">
        <v>0</v>
      </c>
      <c r="G33" s="224">
        <v>1</v>
      </c>
      <c r="H33" s="224">
        <v>0</v>
      </c>
      <c r="I33" s="222">
        <v>0</v>
      </c>
      <c r="J33" s="225">
        <v>1</v>
      </c>
      <c r="K33" s="226">
        <v>1</v>
      </c>
      <c r="L33" s="221">
        <v>0</v>
      </c>
      <c r="M33" s="222">
        <v>0</v>
      </c>
      <c r="N33" s="225">
        <v>0</v>
      </c>
      <c r="O33" s="228">
        <v>0</v>
      </c>
      <c r="P33" s="224">
        <v>2</v>
      </c>
      <c r="Q33" s="224">
        <v>0</v>
      </c>
      <c r="R33" s="224">
        <v>1</v>
      </c>
      <c r="S33" s="222">
        <v>0</v>
      </c>
      <c r="T33" s="225">
        <v>3</v>
      </c>
      <c r="U33" s="229">
        <v>3</v>
      </c>
      <c r="V33" s="228">
        <v>0</v>
      </c>
      <c r="W33" s="222">
        <v>0</v>
      </c>
      <c r="X33" s="222">
        <v>0</v>
      </c>
      <c r="Y33" s="223">
        <v>0</v>
      </c>
      <c r="Z33" s="224">
        <v>0</v>
      </c>
      <c r="AA33" s="224">
        <v>0</v>
      </c>
      <c r="AB33" s="224">
        <v>0</v>
      </c>
      <c r="AC33" s="222">
        <v>0</v>
      </c>
      <c r="AD33" s="225">
        <v>0</v>
      </c>
      <c r="AE33" s="226">
        <v>0</v>
      </c>
      <c r="AF33" s="221">
        <v>0</v>
      </c>
      <c r="AG33" s="222">
        <v>0</v>
      </c>
      <c r="AH33" s="222">
        <v>0</v>
      </c>
      <c r="AI33" s="223">
        <v>0</v>
      </c>
      <c r="AJ33" s="224">
        <v>0</v>
      </c>
      <c r="AK33" s="224">
        <v>0</v>
      </c>
      <c r="AL33" s="224">
        <v>0</v>
      </c>
      <c r="AM33" s="222">
        <v>0</v>
      </c>
      <c r="AN33" s="225">
        <v>0</v>
      </c>
      <c r="AO33" s="227">
        <v>0</v>
      </c>
      <c r="AP33" s="37"/>
    </row>
    <row r="34" spans="1:42" ht="20.25" customHeight="1" x14ac:dyDescent="0.2">
      <c r="A34" s="62" t="s">
        <v>32</v>
      </c>
      <c r="B34" s="221">
        <v>0</v>
      </c>
      <c r="C34" s="222">
        <v>0</v>
      </c>
      <c r="D34" s="222">
        <v>0</v>
      </c>
      <c r="E34" s="223">
        <v>0</v>
      </c>
      <c r="F34" s="224">
        <v>0</v>
      </c>
      <c r="G34" s="224">
        <v>0</v>
      </c>
      <c r="H34" s="224">
        <v>2</v>
      </c>
      <c r="I34" s="222">
        <v>1</v>
      </c>
      <c r="J34" s="225">
        <v>3</v>
      </c>
      <c r="K34" s="226">
        <v>3</v>
      </c>
      <c r="L34" s="221">
        <v>0</v>
      </c>
      <c r="M34" s="222">
        <v>0</v>
      </c>
      <c r="N34" s="225">
        <v>0</v>
      </c>
      <c r="O34" s="228">
        <v>1</v>
      </c>
      <c r="P34" s="224">
        <v>0</v>
      </c>
      <c r="Q34" s="224">
        <v>1</v>
      </c>
      <c r="R34" s="224">
        <v>0</v>
      </c>
      <c r="S34" s="222">
        <v>1</v>
      </c>
      <c r="T34" s="225">
        <v>3</v>
      </c>
      <c r="U34" s="229">
        <v>3</v>
      </c>
      <c r="V34" s="228">
        <v>0</v>
      </c>
      <c r="W34" s="222">
        <v>0</v>
      </c>
      <c r="X34" s="222">
        <v>0</v>
      </c>
      <c r="Y34" s="223">
        <v>0</v>
      </c>
      <c r="Z34" s="224">
        <v>0</v>
      </c>
      <c r="AA34" s="224">
        <v>0</v>
      </c>
      <c r="AB34" s="224">
        <v>0</v>
      </c>
      <c r="AC34" s="222">
        <v>0</v>
      </c>
      <c r="AD34" s="225">
        <v>0</v>
      </c>
      <c r="AE34" s="226">
        <v>0</v>
      </c>
      <c r="AF34" s="221">
        <v>0</v>
      </c>
      <c r="AG34" s="222">
        <v>0</v>
      </c>
      <c r="AH34" s="222">
        <v>0</v>
      </c>
      <c r="AI34" s="223">
        <v>0</v>
      </c>
      <c r="AJ34" s="224">
        <v>0</v>
      </c>
      <c r="AK34" s="224">
        <v>0</v>
      </c>
      <c r="AL34" s="224">
        <v>0</v>
      </c>
      <c r="AM34" s="222">
        <v>0</v>
      </c>
      <c r="AN34" s="225">
        <v>0</v>
      </c>
      <c r="AO34" s="227">
        <v>0</v>
      </c>
      <c r="AP34" s="37"/>
    </row>
    <row r="35" spans="1:42" ht="20.25" customHeight="1" x14ac:dyDescent="0.2">
      <c r="A35" s="62" t="s">
        <v>33</v>
      </c>
      <c r="B35" s="221">
        <v>0</v>
      </c>
      <c r="C35" s="222">
        <v>0</v>
      </c>
      <c r="D35" s="222">
        <v>0</v>
      </c>
      <c r="E35" s="223">
        <v>0</v>
      </c>
      <c r="F35" s="224">
        <v>0</v>
      </c>
      <c r="G35" s="224">
        <v>0</v>
      </c>
      <c r="H35" s="224">
        <v>0</v>
      </c>
      <c r="I35" s="222">
        <v>0</v>
      </c>
      <c r="J35" s="225">
        <v>0</v>
      </c>
      <c r="K35" s="226">
        <v>0</v>
      </c>
      <c r="L35" s="221">
        <v>0</v>
      </c>
      <c r="M35" s="222">
        <v>0</v>
      </c>
      <c r="N35" s="225">
        <v>0</v>
      </c>
      <c r="O35" s="228">
        <v>1</v>
      </c>
      <c r="P35" s="224">
        <v>0</v>
      </c>
      <c r="Q35" s="224">
        <v>0</v>
      </c>
      <c r="R35" s="224">
        <v>0</v>
      </c>
      <c r="S35" s="222">
        <v>1</v>
      </c>
      <c r="T35" s="225">
        <v>2</v>
      </c>
      <c r="U35" s="229">
        <v>2</v>
      </c>
      <c r="V35" s="228">
        <v>0</v>
      </c>
      <c r="W35" s="222">
        <v>0</v>
      </c>
      <c r="X35" s="222">
        <v>0</v>
      </c>
      <c r="Y35" s="223">
        <v>0</v>
      </c>
      <c r="Z35" s="224">
        <v>0</v>
      </c>
      <c r="AA35" s="224">
        <v>0</v>
      </c>
      <c r="AB35" s="224">
        <v>0</v>
      </c>
      <c r="AC35" s="222">
        <v>0</v>
      </c>
      <c r="AD35" s="225">
        <v>0</v>
      </c>
      <c r="AE35" s="226">
        <v>0</v>
      </c>
      <c r="AF35" s="221">
        <v>0</v>
      </c>
      <c r="AG35" s="222">
        <v>0</v>
      </c>
      <c r="AH35" s="222">
        <v>0</v>
      </c>
      <c r="AI35" s="223">
        <v>0</v>
      </c>
      <c r="AJ35" s="224">
        <v>0</v>
      </c>
      <c r="AK35" s="224">
        <v>1</v>
      </c>
      <c r="AL35" s="224">
        <v>1</v>
      </c>
      <c r="AM35" s="222">
        <v>0</v>
      </c>
      <c r="AN35" s="225">
        <v>2</v>
      </c>
      <c r="AO35" s="227">
        <v>2</v>
      </c>
      <c r="AP35" s="37"/>
    </row>
    <row r="36" spans="1:42" ht="20.25" customHeight="1" x14ac:dyDescent="0.2">
      <c r="A36" s="62" t="s">
        <v>34</v>
      </c>
      <c r="B36" s="221">
        <v>0</v>
      </c>
      <c r="C36" s="222">
        <v>0</v>
      </c>
      <c r="D36" s="222">
        <v>0</v>
      </c>
      <c r="E36" s="223">
        <v>0</v>
      </c>
      <c r="F36" s="224">
        <v>0</v>
      </c>
      <c r="G36" s="224">
        <v>1</v>
      </c>
      <c r="H36" s="224">
        <v>0</v>
      </c>
      <c r="I36" s="222">
        <v>1</v>
      </c>
      <c r="J36" s="225">
        <v>2</v>
      </c>
      <c r="K36" s="226">
        <v>2</v>
      </c>
      <c r="L36" s="221">
        <v>0</v>
      </c>
      <c r="M36" s="222">
        <v>0</v>
      </c>
      <c r="N36" s="225">
        <v>0</v>
      </c>
      <c r="O36" s="228">
        <v>0</v>
      </c>
      <c r="P36" s="224">
        <v>0</v>
      </c>
      <c r="Q36" s="224">
        <v>0</v>
      </c>
      <c r="R36" s="224">
        <v>0</v>
      </c>
      <c r="S36" s="222">
        <v>0</v>
      </c>
      <c r="T36" s="225">
        <v>0</v>
      </c>
      <c r="U36" s="229">
        <v>0</v>
      </c>
      <c r="V36" s="228">
        <v>0</v>
      </c>
      <c r="W36" s="222">
        <v>0</v>
      </c>
      <c r="X36" s="222">
        <v>0</v>
      </c>
      <c r="Y36" s="223">
        <v>0</v>
      </c>
      <c r="Z36" s="224">
        <v>0</v>
      </c>
      <c r="AA36" s="224">
        <v>0</v>
      </c>
      <c r="AB36" s="224">
        <v>0</v>
      </c>
      <c r="AC36" s="222">
        <v>0</v>
      </c>
      <c r="AD36" s="225">
        <v>0</v>
      </c>
      <c r="AE36" s="226">
        <v>0</v>
      </c>
      <c r="AF36" s="221">
        <v>0</v>
      </c>
      <c r="AG36" s="222">
        <v>0</v>
      </c>
      <c r="AH36" s="222">
        <v>0</v>
      </c>
      <c r="AI36" s="223">
        <v>0</v>
      </c>
      <c r="AJ36" s="224">
        <v>0</v>
      </c>
      <c r="AK36" s="224">
        <v>0</v>
      </c>
      <c r="AL36" s="224">
        <v>0</v>
      </c>
      <c r="AM36" s="222">
        <v>0</v>
      </c>
      <c r="AN36" s="225">
        <v>0</v>
      </c>
      <c r="AO36" s="227">
        <v>0</v>
      </c>
      <c r="AP36" s="37"/>
    </row>
    <row r="37" spans="1:42" ht="20.25" customHeight="1" x14ac:dyDescent="0.2">
      <c r="A37" s="62" t="s">
        <v>35</v>
      </c>
      <c r="B37" s="221">
        <v>0</v>
      </c>
      <c r="C37" s="222">
        <v>0</v>
      </c>
      <c r="D37" s="222">
        <v>0</v>
      </c>
      <c r="E37" s="223">
        <v>0</v>
      </c>
      <c r="F37" s="224">
        <v>0</v>
      </c>
      <c r="G37" s="224">
        <v>0</v>
      </c>
      <c r="H37" s="224">
        <v>3</v>
      </c>
      <c r="I37" s="222">
        <v>1</v>
      </c>
      <c r="J37" s="225">
        <v>4</v>
      </c>
      <c r="K37" s="226">
        <v>4</v>
      </c>
      <c r="L37" s="221">
        <v>0</v>
      </c>
      <c r="M37" s="222">
        <v>0</v>
      </c>
      <c r="N37" s="225">
        <v>0</v>
      </c>
      <c r="O37" s="228">
        <v>0</v>
      </c>
      <c r="P37" s="224">
        <v>0</v>
      </c>
      <c r="Q37" s="224">
        <v>1</v>
      </c>
      <c r="R37" s="224">
        <v>2</v>
      </c>
      <c r="S37" s="222">
        <v>0</v>
      </c>
      <c r="T37" s="225">
        <v>3</v>
      </c>
      <c r="U37" s="229">
        <v>3</v>
      </c>
      <c r="V37" s="228">
        <v>0</v>
      </c>
      <c r="W37" s="222">
        <v>0</v>
      </c>
      <c r="X37" s="222">
        <v>0</v>
      </c>
      <c r="Y37" s="223">
        <v>0</v>
      </c>
      <c r="Z37" s="224">
        <v>0</v>
      </c>
      <c r="AA37" s="224">
        <v>0</v>
      </c>
      <c r="AB37" s="224">
        <v>0</v>
      </c>
      <c r="AC37" s="222">
        <v>0</v>
      </c>
      <c r="AD37" s="225">
        <v>0</v>
      </c>
      <c r="AE37" s="226">
        <v>0</v>
      </c>
      <c r="AF37" s="221">
        <v>0</v>
      </c>
      <c r="AG37" s="222">
        <v>0</v>
      </c>
      <c r="AH37" s="222">
        <v>0</v>
      </c>
      <c r="AI37" s="223">
        <v>0</v>
      </c>
      <c r="AJ37" s="224">
        <v>0</v>
      </c>
      <c r="AK37" s="224">
        <v>0</v>
      </c>
      <c r="AL37" s="224">
        <v>0</v>
      </c>
      <c r="AM37" s="222">
        <v>0</v>
      </c>
      <c r="AN37" s="225">
        <v>0</v>
      </c>
      <c r="AO37" s="227">
        <v>0</v>
      </c>
      <c r="AP37" s="37"/>
    </row>
    <row r="38" spans="1:42" ht="20.25" customHeight="1" x14ac:dyDescent="0.2">
      <c r="A38" s="62" t="s">
        <v>36</v>
      </c>
      <c r="B38" s="221">
        <v>0</v>
      </c>
      <c r="C38" s="222">
        <v>0</v>
      </c>
      <c r="D38" s="222">
        <v>0</v>
      </c>
      <c r="E38" s="223">
        <v>0</v>
      </c>
      <c r="F38" s="224">
        <v>0</v>
      </c>
      <c r="G38" s="224">
        <v>1</v>
      </c>
      <c r="H38" s="224">
        <v>4</v>
      </c>
      <c r="I38" s="222">
        <v>4</v>
      </c>
      <c r="J38" s="225">
        <v>9</v>
      </c>
      <c r="K38" s="226">
        <v>9</v>
      </c>
      <c r="L38" s="221">
        <v>0</v>
      </c>
      <c r="M38" s="222">
        <v>0</v>
      </c>
      <c r="N38" s="225">
        <v>0</v>
      </c>
      <c r="O38" s="228">
        <v>0</v>
      </c>
      <c r="P38" s="224">
        <v>0</v>
      </c>
      <c r="Q38" s="224">
        <v>3</v>
      </c>
      <c r="R38" s="224">
        <v>0</v>
      </c>
      <c r="S38" s="222">
        <v>0</v>
      </c>
      <c r="T38" s="225">
        <v>3</v>
      </c>
      <c r="U38" s="229">
        <v>3</v>
      </c>
      <c r="V38" s="228">
        <v>0</v>
      </c>
      <c r="W38" s="222">
        <v>0</v>
      </c>
      <c r="X38" s="222">
        <v>0</v>
      </c>
      <c r="Y38" s="223">
        <v>0</v>
      </c>
      <c r="Z38" s="224">
        <v>0</v>
      </c>
      <c r="AA38" s="224">
        <v>0</v>
      </c>
      <c r="AB38" s="224">
        <v>0</v>
      </c>
      <c r="AC38" s="222">
        <v>0</v>
      </c>
      <c r="AD38" s="225">
        <v>0</v>
      </c>
      <c r="AE38" s="226">
        <v>0</v>
      </c>
      <c r="AF38" s="221">
        <v>0</v>
      </c>
      <c r="AG38" s="222">
        <v>0</v>
      </c>
      <c r="AH38" s="222">
        <v>0</v>
      </c>
      <c r="AI38" s="223">
        <v>0</v>
      </c>
      <c r="AJ38" s="224">
        <v>0</v>
      </c>
      <c r="AK38" s="224">
        <v>0</v>
      </c>
      <c r="AL38" s="224">
        <v>0</v>
      </c>
      <c r="AM38" s="222">
        <v>0</v>
      </c>
      <c r="AN38" s="225">
        <v>0</v>
      </c>
      <c r="AO38" s="227">
        <v>0</v>
      </c>
      <c r="AP38" s="37"/>
    </row>
    <row r="39" spans="1:42" ht="20.25" customHeight="1" thickBot="1" x14ac:dyDescent="0.25">
      <c r="A39" s="63" t="s">
        <v>37</v>
      </c>
      <c r="B39" s="230">
        <v>0</v>
      </c>
      <c r="C39" s="231">
        <v>0</v>
      </c>
      <c r="D39" s="231">
        <v>0</v>
      </c>
      <c r="E39" s="232">
        <v>0</v>
      </c>
      <c r="F39" s="233">
        <v>0</v>
      </c>
      <c r="G39" s="233">
        <v>1</v>
      </c>
      <c r="H39" s="233">
        <v>0</v>
      </c>
      <c r="I39" s="231">
        <v>1</v>
      </c>
      <c r="J39" s="234">
        <v>2</v>
      </c>
      <c r="K39" s="235">
        <v>2</v>
      </c>
      <c r="L39" s="230">
        <v>0</v>
      </c>
      <c r="M39" s="231">
        <v>0</v>
      </c>
      <c r="N39" s="234">
        <v>0</v>
      </c>
      <c r="O39" s="237">
        <v>0</v>
      </c>
      <c r="P39" s="233">
        <v>0</v>
      </c>
      <c r="Q39" s="233">
        <v>0</v>
      </c>
      <c r="R39" s="233">
        <v>0</v>
      </c>
      <c r="S39" s="231">
        <v>0</v>
      </c>
      <c r="T39" s="234">
        <v>0</v>
      </c>
      <c r="U39" s="238">
        <v>0</v>
      </c>
      <c r="V39" s="237">
        <v>0</v>
      </c>
      <c r="W39" s="231">
        <v>0</v>
      </c>
      <c r="X39" s="231">
        <v>0</v>
      </c>
      <c r="Y39" s="232">
        <v>0</v>
      </c>
      <c r="Z39" s="233">
        <v>0</v>
      </c>
      <c r="AA39" s="233">
        <v>0</v>
      </c>
      <c r="AB39" s="233">
        <v>0</v>
      </c>
      <c r="AC39" s="231">
        <v>0</v>
      </c>
      <c r="AD39" s="234">
        <v>0</v>
      </c>
      <c r="AE39" s="235">
        <v>0</v>
      </c>
      <c r="AF39" s="230">
        <v>0</v>
      </c>
      <c r="AG39" s="231">
        <v>0</v>
      </c>
      <c r="AH39" s="231">
        <v>0</v>
      </c>
      <c r="AI39" s="232">
        <v>0</v>
      </c>
      <c r="AJ39" s="233">
        <v>0</v>
      </c>
      <c r="AK39" s="233">
        <v>0</v>
      </c>
      <c r="AL39" s="233">
        <v>0</v>
      </c>
      <c r="AM39" s="231">
        <v>0</v>
      </c>
      <c r="AN39" s="234">
        <v>0</v>
      </c>
      <c r="AO39" s="236">
        <v>0</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V3:AE3"/>
    <mergeCell ref="AF3:AO3"/>
    <mergeCell ref="L4:N4"/>
    <mergeCell ref="O4:T4"/>
    <mergeCell ref="U4:U5"/>
    <mergeCell ref="V4:X4"/>
    <mergeCell ref="Y4:AD4"/>
    <mergeCell ref="AE4:AE5"/>
    <mergeCell ref="AF4:AH4"/>
    <mergeCell ref="AI4:AN4"/>
    <mergeCell ref="AO4:AO5"/>
    <mergeCell ref="F1:G1"/>
    <mergeCell ref="A3:A4"/>
    <mergeCell ref="B3:K3"/>
    <mergeCell ref="L3:U3"/>
    <mergeCell ref="B4:D4"/>
    <mergeCell ref="E4:J4"/>
    <mergeCell ref="K4:K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P218"/>
  <sheetViews>
    <sheetView zoomScaleNormal="100" zoomScaleSheetLayoutView="55" workbookViewId="0">
      <pane xSplit="1" ySplit="6" topLeftCell="B7"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12.6640625" style="1" customWidth="1"/>
    <col min="2" max="2" width="8.21875" style="1" customWidth="1"/>
    <col min="3" max="3" width="8.109375" style="1" customWidth="1"/>
    <col min="4" max="4" width="10.109375" style="1" bestFit="1" customWidth="1"/>
    <col min="5" max="10" width="9" style="1"/>
    <col min="11" max="11" width="9.6640625" style="1" customWidth="1"/>
    <col min="12" max="21" width="8.77734375" style="1" customWidth="1"/>
    <col min="22" max="41" width="9.6640625" style="1" customWidth="1"/>
    <col min="42" max="16384" width="9" style="1"/>
  </cols>
  <sheetData>
    <row r="1" spans="1:42" ht="25.5" customHeight="1" x14ac:dyDescent="0.2">
      <c r="A1" s="20" t="s">
        <v>56</v>
      </c>
      <c r="D1" s="411">
        <f>第１表!F2</f>
        <v>4</v>
      </c>
      <c r="E1" s="285">
        <f>第１表!G2</f>
        <v>3</v>
      </c>
      <c r="F1" s="549">
        <f>IF(E1&lt;3,E1-2+12,E1-2)</f>
        <v>1</v>
      </c>
      <c r="G1" s="549"/>
    </row>
    <row r="2" spans="1:42" ht="17.25" customHeight="1" thickBot="1" x14ac:dyDescent="0.25">
      <c r="A2" s="20" t="s">
        <v>159</v>
      </c>
      <c r="E2" s="20" t="s">
        <v>140</v>
      </c>
    </row>
    <row r="3" spans="1:42" ht="24.75" customHeight="1" x14ac:dyDescent="0.2">
      <c r="A3" s="567"/>
      <c r="B3" s="570" t="s">
        <v>57</v>
      </c>
      <c r="C3" s="571"/>
      <c r="D3" s="571"/>
      <c r="E3" s="571"/>
      <c r="F3" s="571"/>
      <c r="G3" s="571"/>
      <c r="H3" s="571"/>
      <c r="I3" s="571"/>
      <c r="J3" s="571"/>
      <c r="K3" s="571"/>
      <c r="L3" s="570" t="s">
        <v>58</v>
      </c>
      <c r="M3" s="573"/>
      <c r="N3" s="573"/>
      <c r="O3" s="573"/>
      <c r="P3" s="573"/>
      <c r="Q3" s="573"/>
      <c r="R3" s="573"/>
      <c r="S3" s="573"/>
      <c r="T3" s="573"/>
      <c r="U3" s="573"/>
      <c r="V3" s="570" t="s">
        <v>59</v>
      </c>
      <c r="W3" s="571"/>
      <c r="X3" s="571"/>
      <c r="Y3" s="571"/>
      <c r="Z3" s="571"/>
      <c r="AA3" s="571"/>
      <c r="AB3" s="571"/>
      <c r="AC3" s="571"/>
      <c r="AD3" s="571"/>
      <c r="AE3" s="571"/>
      <c r="AF3" s="599" t="s">
        <v>151</v>
      </c>
      <c r="AG3" s="571"/>
      <c r="AH3" s="571"/>
      <c r="AI3" s="571"/>
      <c r="AJ3" s="571"/>
      <c r="AK3" s="571"/>
      <c r="AL3" s="571"/>
      <c r="AM3" s="571"/>
      <c r="AN3" s="571"/>
      <c r="AO3" s="572"/>
    </row>
    <row r="4" spans="1:42" ht="24.75" customHeight="1" x14ac:dyDescent="0.2">
      <c r="A4" s="569"/>
      <c r="B4" s="575" t="s">
        <v>61</v>
      </c>
      <c r="C4" s="576"/>
      <c r="D4" s="577"/>
      <c r="E4" s="578" t="s">
        <v>62</v>
      </c>
      <c r="F4" s="579"/>
      <c r="G4" s="579"/>
      <c r="H4" s="579"/>
      <c r="I4" s="579"/>
      <c r="J4" s="580"/>
      <c r="K4" s="591" t="s">
        <v>52</v>
      </c>
      <c r="L4" s="575" t="s">
        <v>61</v>
      </c>
      <c r="M4" s="576"/>
      <c r="N4" s="577"/>
      <c r="O4" s="578" t="s">
        <v>62</v>
      </c>
      <c r="P4" s="579"/>
      <c r="Q4" s="579"/>
      <c r="R4" s="579"/>
      <c r="S4" s="579"/>
      <c r="T4" s="580"/>
      <c r="U4" s="581" t="s">
        <v>52</v>
      </c>
      <c r="V4" s="575" t="s">
        <v>61</v>
      </c>
      <c r="W4" s="576"/>
      <c r="X4" s="577"/>
      <c r="Y4" s="578" t="s">
        <v>62</v>
      </c>
      <c r="Z4" s="579"/>
      <c r="AA4" s="579"/>
      <c r="AB4" s="579"/>
      <c r="AC4" s="579"/>
      <c r="AD4" s="580"/>
      <c r="AE4" s="591" t="s">
        <v>52</v>
      </c>
      <c r="AF4" s="575" t="s">
        <v>61</v>
      </c>
      <c r="AG4" s="576"/>
      <c r="AH4" s="577"/>
      <c r="AI4" s="578" t="s">
        <v>62</v>
      </c>
      <c r="AJ4" s="579"/>
      <c r="AK4" s="579"/>
      <c r="AL4" s="579"/>
      <c r="AM4" s="579"/>
      <c r="AN4" s="580"/>
      <c r="AO4" s="581" t="s">
        <v>52</v>
      </c>
    </row>
    <row r="5" spans="1:42" ht="24.75" customHeight="1" thickBot="1" x14ac:dyDescent="0.25">
      <c r="A5" s="408" t="s">
        <v>42</v>
      </c>
      <c r="B5" s="31" t="s">
        <v>43</v>
      </c>
      <c r="C5" s="32" t="s">
        <v>44</v>
      </c>
      <c r="D5" s="32" t="s">
        <v>45</v>
      </c>
      <c r="E5" s="33" t="s">
        <v>47</v>
      </c>
      <c r="F5" s="34" t="s">
        <v>48</v>
      </c>
      <c r="G5" s="34" t="s">
        <v>49</v>
      </c>
      <c r="H5" s="35" t="s">
        <v>50</v>
      </c>
      <c r="I5" s="32" t="s">
        <v>51</v>
      </c>
      <c r="J5" s="36" t="s">
        <v>95</v>
      </c>
      <c r="K5" s="590"/>
      <c r="L5" s="31" t="s">
        <v>43</v>
      </c>
      <c r="M5" s="32" t="s">
        <v>44</v>
      </c>
      <c r="N5" s="36" t="s">
        <v>45</v>
      </c>
      <c r="O5" s="15" t="s">
        <v>47</v>
      </c>
      <c r="P5" s="34" t="s">
        <v>48</v>
      </c>
      <c r="Q5" s="34" t="s">
        <v>49</v>
      </c>
      <c r="R5" s="35" t="s">
        <v>50</v>
      </c>
      <c r="S5" s="32" t="s">
        <v>51</v>
      </c>
      <c r="T5" s="36" t="s">
        <v>45</v>
      </c>
      <c r="U5" s="582"/>
      <c r="V5" s="31" t="s">
        <v>43</v>
      </c>
      <c r="W5" s="32" t="s">
        <v>44</v>
      </c>
      <c r="X5" s="32" t="s">
        <v>45</v>
      </c>
      <c r="Y5" s="33" t="s">
        <v>47</v>
      </c>
      <c r="Z5" s="34" t="s">
        <v>48</v>
      </c>
      <c r="AA5" s="34" t="s">
        <v>49</v>
      </c>
      <c r="AB5" s="35" t="s">
        <v>50</v>
      </c>
      <c r="AC5" s="32" t="s">
        <v>51</v>
      </c>
      <c r="AD5" s="36" t="s">
        <v>45</v>
      </c>
      <c r="AE5" s="590"/>
      <c r="AF5" s="31" t="s">
        <v>43</v>
      </c>
      <c r="AG5" s="32" t="s">
        <v>44</v>
      </c>
      <c r="AH5" s="32" t="s">
        <v>45</v>
      </c>
      <c r="AI5" s="33" t="s">
        <v>47</v>
      </c>
      <c r="AJ5" s="34" t="s">
        <v>48</v>
      </c>
      <c r="AK5" s="34" t="s">
        <v>49</v>
      </c>
      <c r="AL5" s="35" t="s">
        <v>50</v>
      </c>
      <c r="AM5" s="32" t="s">
        <v>51</v>
      </c>
      <c r="AN5" s="36" t="s">
        <v>45</v>
      </c>
      <c r="AO5" s="582"/>
    </row>
    <row r="6" spans="1:42" ht="20.25" customHeight="1" x14ac:dyDescent="0.2">
      <c r="A6" s="407" t="s">
        <v>4</v>
      </c>
      <c r="B6" s="212">
        <v>0</v>
      </c>
      <c r="C6" s="213">
        <v>0</v>
      </c>
      <c r="D6" s="213">
        <v>0</v>
      </c>
      <c r="E6" s="214">
        <v>4</v>
      </c>
      <c r="F6" s="215">
        <v>35</v>
      </c>
      <c r="G6" s="215">
        <v>241</v>
      </c>
      <c r="H6" s="215">
        <v>414</v>
      </c>
      <c r="I6" s="213">
        <v>280</v>
      </c>
      <c r="J6" s="216">
        <v>974</v>
      </c>
      <c r="K6" s="217">
        <v>974</v>
      </c>
      <c r="L6" s="212">
        <v>0</v>
      </c>
      <c r="M6" s="213">
        <v>0</v>
      </c>
      <c r="N6" s="216">
        <v>0</v>
      </c>
      <c r="O6" s="219">
        <v>62</v>
      </c>
      <c r="P6" s="215">
        <v>146</v>
      </c>
      <c r="Q6" s="215">
        <v>214</v>
      </c>
      <c r="R6" s="215">
        <v>255</v>
      </c>
      <c r="S6" s="213">
        <v>125</v>
      </c>
      <c r="T6" s="216">
        <v>802</v>
      </c>
      <c r="U6" s="220">
        <v>802</v>
      </c>
      <c r="V6" s="219">
        <v>0</v>
      </c>
      <c r="W6" s="213">
        <v>0</v>
      </c>
      <c r="X6" s="213">
        <v>0</v>
      </c>
      <c r="Y6" s="214">
        <v>0</v>
      </c>
      <c r="Z6" s="215">
        <v>0</v>
      </c>
      <c r="AA6" s="215">
        <v>1</v>
      </c>
      <c r="AB6" s="215">
        <v>13</v>
      </c>
      <c r="AC6" s="213">
        <v>20</v>
      </c>
      <c r="AD6" s="216">
        <v>34</v>
      </c>
      <c r="AE6" s="217">
        <v>34</v>
      </c>
      <c r="AF6" s="212">
        <v>0</v>
      </c>
      <c r="AG6" s="213">
        <v>0</v>
      </c>
      <c r="AH6" s="213">
        <v>0</v>
      </c>
      <c r="AI6" s="214">
        <v>0</v>
      </c>
      <c r="AJ6" s="215">
        <v>2</v>
      </c>
      <c r="AK6" s="215">
        <v>1</v>
      </c>
      <c r="AL6" s="215">
        <v>11</v>
      </c>
      <c r="AM6" s="213">
        <v>14</v>
      </c>
      <c r="AN6" s="216">
        <v>28</v>
      </c>
      <c r="AO6" s="218">
        <v>28</v>
      </c>
      <c r="AP6" s="37"/>
    </row>
    <row r="7" spans="1:42" ht="20.25" customHeight="1" x14ac:dyDescent="0.2">
      <c r="A7" s="62" t="s">
        <v>5</v>
      </c>
      <c r="B7" s="221">
        <v>0</v>
      </c>
      <c r="C7" s="222">
        <v>0</v>
      </c>
      <c r="D7" s="222">
        <v>0</v>
      </c>
      <c r="E7" s="223">
        <v>3</v>
      </c>
      <c r="F7" s="224">
        <v>20</v>
      </c>
      <c r="G7" s="224">
        <v>110</v>
      </c>
      <c r="H7" s="224">
        <v>182</v>
      </c>
      <c r="I7" s="222">
        <v>139</v>
      </c>
      <c r="J7" s="225">
        <v>454</v>
      </c>
      <c r="K7" s="226">
        <v>454</v>
      </c>
      <c r="L7" s="221">
        <v>0</v>
      </c>
      <c r="M7" s="222">
        <v>0</v>
      </c>
      <c r="N7" s="225">
        <v>0</v>
      </c>
      <c r="O7" s="228">
        <v>29</v>
      </c>
      <c r="P7" s="224">
        <v>78</v>
      </c>
      <c r="Q7" s="224">
        <v>103</v>
      </c>
      <c r="R7" s="224">
        <v>126</v>
      </c>
      <c r="S7" s="222">
        <v>74</v>
      </c>
      <c r="T7" s="225">
        <v>410</v>
      </c>
      <c r="U7" s="229">
        <v>410</v>
      </c>
      <c r="V7" s="228">
        <v>0</v>
      </c>
      <c r="W7" s="222">
        <v>0</v>
      </c>
      <c r="X7" s="222">
        <v>0</v>
      </c>
      <c r="Y7" s="223">
        <v>0</v>
      </c>
      <c r="Z7" s="224">
        <v>0</v>
      </c>
      <c r="AA7" s="224">
        <v>1</v>
      </c>
      <c r="AB7" s="224">
        <v>4</v>
      </c>
      <c r="AC7" s="222">
        <v>5</v>
      </c>
      <c r="AD7" s="225">
        <v>10</v>
      </c>
      <c r="AE7" s="226">
        <v>10</v>
      </c>
      <c r="AF7" s="221">
        <v>0</v>
      </c>
      <c r="AG7" s="222">
        <v>0</v>
      </c>
      <c r="AH7" s="222">
        <v>0</v>
      </c>
      <c r="AI7" s="223">
        <v>0</v>
      </c>
      <c r="AJ7" s="224">
        <v>1</v>
      </c>
      <c r="AK7" s="224">
        <v>1</v>
      </c>
      <c r="AL7" s="224">
        <v>5</v>
      </c>
      <c r="AM7" s="222">
        <v>6</v>
      </c>
      <c r="AN7" s="225">
        <v>13</v>
      </c>
      <c r="AO7" s="227">
        <v>13</v>
      </c>
      <c r="AP7" s="37"/>
    </row>
    <row r="8" spans="1:42" ht="20.25" customHeight="1" x14ac:dyDescent="0.2">
      <c r="A8" s="62" t="s">
        <v>6</v>
      </c>
      <c r="B8" s="221">
        <v>0</v>
      </c>
      <c r="C8" s="222">
        <v>0</v>
      </c>
      <c r="D8" s="222">
        <v>0</v>
      </c>
      <c r="E8" s="223">
        <v>0</v>
      </c>
      <c r="F8" s="224">
        <v>7</v>
      </c>
      <c r="G8" s="224">
        <v>32</v>
      </c>
      <c r="H8" s="224">
        <v>48</v>
      </c>
      <c r="I8" s="222">
        <v>32</v>
      </c>
      <c r="J8" s="225">
        <v>119</v>
      </c>
      <c r="K8" s="226">
        <v>119</v>
      </c>
      <c r="L8" s="221">
        <v>0</v>
      </c>
      <c r="M8" s="222">
        <v>0</v>
      </c>
      <c r="N8" s="225">
        <v>0</v>
      </c>
      <c r="O8" s="228">
        <v>7</v>
      </c>
      <c r="P8" s="224">
        <v>20</v>
      </c>
      <c r="Q8" s="224">
        <v>25</v>
      </c>
      <c r="R8" s="224">
        <v>42</v>
      </c>
      <c r="S8" s="222">
        <v>16</v>
      </c>
      <c r="T8" s="225">
        <v>110</v>
      </c>
      <c r="U8" s="229">
        <v>110</v>
      </c>
      <c r="V8" s="228">
        <v>0</v>
      </c>
      <c r="W8" s="222">
        <v>0</v>
      </c>
      <c r="X8" s="222">
        <v>0</v>
      </c>
      <c r="Y8" s="223">
        <v>0</v>
      </c>
      <c r="Z8" s="224">
        <v>0</v>
      </c>
      <c r="AA8" s="224">
        <v>0</v>
      </c>
      <c r="AB8" s="224">
        <v>9</v>
      </c>
      <c r="AC8" s="222">
        <v>10</v>
      </c>
      <c r="AD8" s="225">
        <v>19</v>
      </c>
      <c r="AE8" s="226">
        <v>19</v>
      </c>
      <c r="AF8" s="221">
        <v>0</v>
      </c>
      <c r="AG8" s="222">
        <v>0</v>
      </c>
      <c r="AH8" s="222">
        <v>0</v>
      </c>
      <c r="AI8" s="223">
        <v>0</v>
      </c>
      <c r="AJ8" s="224">
        <v>0</v>
      </c>
      <c r="AK8" s="224">
        <v>0</v>
      </c>
      <c r="AL8" s="224">
        <v>1</v>
      </c>
      <c r="AM8" s="222">
        <v>1</v>
      </c>
      <c r="AN8" s="225">
        <v>2</v>
      </c>
      <c r="AO8" s="227">
        <v>2</v>
      </c>
      <c r="AP8" s="37"/>
    </row>
    <row r="9" spans="1:42" ht="20.25" customHeight="1" x14ac:dyDescent="0.2">
      <c r="A9" s="62" t="s">
        <v>14</v>
      </c>
      <c r="B9" s="221">
        <v>0</v>
      </c>
      <c r="C9" s="222">
        <v>0</v>
      </c>
      <c r="D9" s="222">
        <v>0</v>
      </c>
      <c r="E9" s="223">
        <v>0</v>
      </c>
      <c r="F9" s="224">
        <v>0</v>
      </c>
      <c r="G9" s="224">
        <v>18</v>
      </c>
      <c r="H9" s="224">
        <v>31</v>
      </c>
      <c r="I9" s="222">
        <v>19</v>
      </c>
      <c r="J9" s="225">
        <v>68</v>
      </c>
      <c r="K9" s="226">
        <v>68</v>
      </c>
      <c r="L9" s="221">
        <v>0</v>
      </c>
      <c r="M9" s="222">
        <v>0</v>
      </c>
      <c r="N9" s="225">
        <v>0</v>
      </c>
      <c r="O9" s="228">
        <v>5</v>
      </c>
      <c r="P9" s="224">
        <v>7</v>
      </c>
      <c r="Q9" s="224">
        <v>10</v>
      </c>
      <c r="R9" s="224">
        <v>12</v>
      </c>
      <c r="S9" s="222">
        <v>3</v>
      </c>
      <c r="T9" s="225">
        <v>37</v>
      </c>
      <c r="U9" s="229">
        <v>37</v>
      </c>
      <c r="V9" s="228">
        <v>0</v>
      </c>
      <c r="W9" s="222">
        <v>0</v>
      </c>
      <c r="X9" s="222">
        <v>0</v>
      </c>
      <c r="Y9" s="223">
        <v>0</v>
      </c>
      <c r="Z9" s="224">
        <v>0</v>
      </c>
      <c r="AA9" s="224">
        <v>0</v>
      </c>
      <c r="AB9" s="224">
        <v>0</v>
      </c>
      <c r="AC9" s="222">
        <v>1</v>
      </c>
      <c r="AD9" s="225">
        <v>1</v>
      </c>
      <c r="AE9" s="226">
        <v>1</v>
      </c>
      <c r="AF9" s="221">
        <v>0</v>
      </c>
      <c r="AG9" s="222">
        <v>0</v>
      </c>
      <c r="AH9" s="222">
        <v>0</v>
      </c>
      <c r="AI9" s="223">
        <v>0</v>
      </c>
      <c r="AJ9" s="224">
        <v>0</v>
      </c>
      <c r="AK9" s="224">
        <v>0</v>
      </c>
      <c r="AL9" s="224">
        <v>1</v>
      </c>
      <c r="AM9" s="222">
        <v>2</v>
      </c>
      <c r="AN9" s="225">
        <v>3</v>
      </c>
      <c r="AO9" s="227">
        <v>3</v>
      </c>
      <c r="AP9" s="37"/>
    </row>
    <row r="10" spans="1:42" ht="20.25" customHeight="1" x14ac:dyDescent="0.2">
      <c r="A10" s="62" t="s">
        <v>7</v>
      </c>
      <c r="B10" s="221">
        <v>0</v>
      </c>
      <c r="C10" s="222">
        <v>0</v>
      </c>
      <c r="D10" s="222">
        <v>0</v>
      </c>
      <c r="E10" s="223">
        <v>0</v>
      </c>
      <c r="F10" s="224">
        <v>1</v>
      </c>
      <c r="G10" s="224">
        <v>2</v>
      </c>
      <c r="H10" s="224">
        <v>20</v>
      </c>
      <c r="I10" s="222">
        <v>13</v>
      </c>
      <c r="J10" s="225">
        <v>36</v>
      </c>
      <c r="K10" s="226">
        <v>36</v>
      </c>
      <c r="L10" s="221">
        <v>0</v>
      </c>
      <c r="M10" s="222">
        <v>0</v>
      </c>
      <c r="N10" s="225">
        <v>0</v>
      </c>
      <c r="O10" s="228">
        <v>0</v>
      </c>
      <c r="P10" s="224">
        <v>6</v>
      </c>
      <c r="Q10" s="224">
        <v>5</v>
      </c>
      <c r="R10" s="224">
        <v>5</v>
      </c>
      <c r="S10" s="222">
        <v>3</v>
      </c>
      <c r="T10" s="225">
        <v>19</v>
      </c>
      <c r="U10" s="229">
        <v>19</v>
      </c>
      <c r="V10" s="228">
        <v>0</v>
      </c>
      <c r="W10" s="222">
        <v>0</v>
      </c>
      <c r="X10" s="222">
        <v>0</v>
      </c>
      <c r="Y10" s="223">
        <v>0</v>
      </c>
      <c r="Z10" s="224">
        <v>0</v>
      </c>
      <c r="AA10" s="224">
        <v>0</v>
      </c>
      <c r="AB10" s="224">
        <v>0</v>
      </c>
      <c r="AC10" s="222">
        <v>0</v>
      </c>
      <c r="AD10" s="225">
        <v>0</v>
      </c>
      <c r="AE10" s="226">
        <v>0</v>
      </c>
      <c r="AF10" s="221">
        <v>0</v>
      </c>
      <c r="AG10" s="222">
        <v>0</v>
      </c>
      <c r="AH10" s="222">
        <v>0</v>
      </c>
      <c r="AI10" s="223">
        <v>0</v>
      </c>
      <c r="AJ10" s="224">
        <v>0</v>
      </c>
      <c r="AK10" s="224">
        <v>0</v>
      </c>
      <c r="AL10" s="224">
        <v>0</v>
      </c>
      <c r="AM10" s="222">
        <v>0</v>
      </c>
      <c r="AN10" s="225">
        <v>0</v>
      </c>
      <c r="AO10" s="227">
        <v>0</v>
      </c>
      <c r="AP10" s="37"/>
    </row>
    <row r="11" spans="1:42" ht="20.25" customHeight="1" x14ac:dyDescent="0.2">
      <c r="A11" s="62" t="s">
        <v>8</v>
      </c>
      <c r="B11" s="221">
        <v>0</v>
      </c>
      <c r="C11" s="222">
        <v>0</v>
      </c>
      <c r="D11" s="222">
        <v>0</v>
      </c>
      <c r="E11" s="223">
        <v>0</v>
      </c>
      <c r="F11" s="224">
        <v>1</v>
      </c>
      <c r="G11" s="224">
        <v>2</v>
      </c>
      <c r="H11" s="224">
        <v>10</v>
      </c>
      <c r="I11" s="222">
        <v>5</v>
      </c>
      <c r="J11" s="225">
        <v>18</v>
      </c>
      <c r="K11" s="226">
        <v>18</v>
      </c>
      <c r="L11" s="221">
        <v>0</v>
      </c>
      <c r="M11" s="222">
        <v>0</v>
      </c>
      <c r="N11" s="225">
        <v>0</v>
      </c>
      <c r="O11" s="228">
        <v>0</v>
      </c>
      <c r="P11" s="224">
        <v>2</v>
      </c>
      <c r="Q11" s="224">
        <v>5</v>
      </c>
      <c r="R11" s="224">
        <v>7</v>
      </c>
      <c r="S11" s="222">
        <v>1</v>
      </c>
      <c r="T11" s="225">
        <v>15</v>
      </c>
      <c r="U11" s="229">
        <v>15</v>
      </c>
      <c r="V11" s="228">
        <v>0</v>
      </c>
      <c r="W11" s="222">
        <v>0</v>
      </c>
      <c r="X11" s="222">
        <v>0</v>
      </c>
      <c r="Y11" s="223">
        <v>0</v>
      </c>
      <c r="Z11" s="224">
        <v>0</v>
      </c>
      <c r="AA11" s="224">
        <v>0</v>
      </c>
      <c r="AB11" s="224">
        <v>0</v>
      </c>
      <c r="AC11" s="222">
        <v>0</v>
      </c>
      <c r="AD11" s="225">
        <v>0</v>
      </c>
      <c r="AE11" s="226">
        <v>0</v>
      </c>
      <c r="AF11" s="221">
        <v>0</v>
      </c>
      <c r="AG11" s="222">
        <v>0</v>
      </c>
      <c r="AH11" s="222">
        <v>0</v>
      </c>
      <c r="AI11" s="223">
        <v>0</v>
      </c>
      <c r="AJ11" s="224">
        <v>0</v>
      </c>
      <c r="AK11" s="224">
        <v>0</v>
      </c>
      <c r="AL11" s="224">
        <v>1</v>
      </c>
      <c r="AM11" s="222">
        <v>1</v>
      </c>
      <c r="AN11" s="225">
        <v>2</v>
      </c>
      <c r="AO11" s="227">
        <v>2</v>
      </c>
      <c r="AP11" s="37"/>
    </row>
    <row r="12" spans="1:42" ht="20.25" customHeight="1" x14ac:dyDescent="0.2">
      <c r="A12" s="62" t="s">
        <v>9</v>
      </c>
      <c r="B12" s="221">
        <v>0</v>
      </c>
      <c r="C12" s="222">
        <v>0</v>
      </c>
      <c r="D12" s="222">
        <v>0</v>
      </c>
      <c r="E12" s="223">
        <v>0</v>
      </c>
      <c r="F12" s="224">
        <v>0</v>
      </c>
      <c r="G12" s="224">
        <v>6</v>
      </c>
      <c r="H12" s="224">
        <v>20</v>
      </c>
      <c r="I12" s="222">
        <v>17</v>
      </c>
      <c r="J12" s="225">
        <v>43</v>
      </c>
      <c r="K12" s="226">
        <v>43</v>
      </c>
      <c r="L12" s="221">
        <v>0</v>
      </c>
      <c r="M12" s="222">
        <v>0</v>
      </c>
      <c r="N12" s="225">
        <v>0</v>
      </c>
      <c r="O12" s="228">
        <v>2</v>
      </c>
      <c r="P12" s="224">
        <v>3</v>
      </c>
      <c r="Q12" s="224">
        <v>9</v>
      </c>
      <c r="R12" s="224">
        <v>5</v>
      </c>
      <c r="S12" s="222">
        <v>6</v>
      </c>
      <c r="T12" s="225">
        <v>25</v>
      </c>
      <c r="U12" s="229">
        <v>25</v>
      </c>
      <c r="V12" s="228">
        <v>0</v>
      </c>
      <c r="W12" s="222">
        <v>0</v>
      </c>
      <c r="X12" s="222">
        <v>0</v>
      </c>
      <c r="Y12" s="223">
        <v>0</v>
      </c>
      <c r="Z12" s="224">
        <v>0</v>
      </c>
      <c r="AA12" s="224">
        <v>0</v>
      </c>
      <c r="AB12" s="224">
        <v>0</v>
      </c>
      <c r="AC12" s="222">
        <v>0</v>
      </c>
      <c r="AD12" s="225">
        <v>0</v>
      </c>
      <c r="AE12" s="226">
        <v>0</v>
      </c>
      <c r="AF12" s="221">
        <v>0</v>
      </c>
      <c r="AG12" s="222">
        <v>0</v>
      </c>
      <c r="AH12" s="222">
        <v>0</v>
      </c>
      <c r="AI12" s="223">
        <v>0</v>
      </c>
      <c r="AJ12" s="224">
        <v>0</v>
      </c>
      <c r="AK12" s="224">
        <v>0</v>
      </c>
      <c r="AL12" s="224">
        <v>0</v>
      </c>
      <c r="AM12" s="222">
        <v>0</v>
      </c>
      <c r="AN12" s="225">
        <v>0</v>
      </c>
      <c r="AO12" s="227">
        <v>0</v>
      </c>
      <c r="AP12" s="37"/>
    </row>
    <row r="13" spans="1:42" ht="20.25" customHeight="1" x14ac:dyDescent="0.2">
      <c r="A13" s="62" t="s">
        <v>10</v>
      </c>
      <c r="B13" s="221">
        <v>0</v>
      </c>
      <c r="C13" s="222">
        <v>0</v>
      </c>
      <c r="D13" s="222">
        <v>0</v>
      </c>
      <c r="E13" s="223">
        <v>0</v>
      </c>
      <c r="F13" s="224">
        <v>2</v>
      </c>
      <c r="G13" s="224">
        <v>22</v>
      </c>
      <c r="H13" s="224">
        <v>16</v>
      </c>
      <c r="I13" s="222">
        <v>16</v>
      </c>
      <c r="J13" s="225">
        <v>56</v>
      </c>
      <c r="K13" s="226">
        <v>56</v>
      </c>
      <c r="L13" s="221">
        <v>0</v>
      </c>
      <c r="M13" s="222">
        <v>0</v>
      </c>
      <c r="N13" s="225">
        <v>0</v>
      </c>
      <c r="O13" s="228">
        <v>3</v>
      </c>
      <c r="P13" s="224">
        <v>6</v>
      </c>
      <c r="Q13" s="224">
        <v>9</v>
      </c>
      <c r="R13" s="224">
        <v>5</v>
      </c>
      <c r="S13" s="222">
        <v>1</v>
      </c>
      <c r="T13" s="225">
        <v>24</v>
      </c>
      <c r="U13" s="229">
        <v>24</v>
      </c>
      <c r="V13" s="228">
        <v>0</v>
      </c>
      <c r="W13" s="222">
        <v>0</v>
      </c>
      <c r="X13" s="222">
        <v>0</v>
      </c>
      <c r="Y13" s="223">
        <v>0</v>
      </c>
      <c r="Z13" s="224">
        <v>0</v>
      </c>
      <c r="AA13" s="224">
        <v>0</v>
      </c>
      <c r="AB13" s="224">
        <v>0</v>
      </c>
      <c r="AC13" s="222">
        <v>0</v>
      </c>
      <c r="AD13" s="225">
        <v>0</v>
      </c>
      <c r="AE13" s="226">
        <v>0</v>
      </c>
      <c r="AF13" s="221">
        <v>0</v>
      </c>
      <c r="AG13" s="222">
        <v>0</v>
      </c>
      <c r="AH13" s="222">
        <v>0</v>
      </c>
      <c r="AI13" s="223">
        <v>0</v>
      </c>
      <c r="AJ13" s="224">
        <v>0</v>
      </c>
      <c r="AK13" s="224">
        <v>0</v>
      </c>
      <c r="AL13" s="224">
        <v>0</v>
      </c>
      <c r="AM13" s="222">
        <v>2</v>
      </c>
      <c r="AN13" s="225">
        <v>2</v>
      </c>
      <c r="AO13" s="227">
        <v>2</v>
      </c>
      <c r="AP13" s="37"/>
    </row>
    <row r="14" spans="1:42" ht="20.25" customHeight="1" x14ac:dyDescent="0.2">
      <c r="A14" s="62" t="s">
        <v>11</v>
      </c>
      <c r="B14" s="221">
        <v>0</v>
      </c>
      <c r="C14" s="222">
        <v>0</v>
      </c>
      <c r="D14" s="222">
        <v>0</v>
      </c>
      <c r="E14" s="223">
        <v>0</v>
      </c>
      <c r="F14" s="224">
        <v>0</v>
      </c>
      <c r="G14" s="224">
        <v>1</v>
      </c>
      <c r="H14" s="224">
        <v>9</v>
      </c>
      <c r="I14" s="222">
        <v>4</v>
      </c>
      <c r="J14" s="225">
        <v>14</v>
      </c>
      <c r="K14" s="226">
        <v>14</v>
      </c>
      <c r="L14" s="221">
        <v>0</v>
      </c>
      <c r="M14" s="222">
        <v>0</v>
      </c>
      <c r="N14" s="225">
        <v>0</v>
      </c>
      <c r="O14" s="228">
        <v>3</v>
      </c>
      <c r="P14" s="224">
        <v>1</v>
      </c>
      <c r="Q14" s="224">
        <v>3</v>
      </c>
      <c r="R14" s="224">
        <v>5</v>
      </c>
      <c r="S14" s="222">
        <v>1</v>
      </c>
      <c r="T14" s="225">
        <v>13</v>
      </c>
      <c r="U14" s="229">
        <v>13</v>
      </c>
      <c r="V14" s="228">
        <v>0</v>
      </c>
      <c r="W14" s="222">
        <v>0</v>
      </c>
      <c r="X14" s="222">
        <v>0</v>
      </c>
      <c r="Y14" s="223">
        <v>0</v>
      </c>
      <c r="Z14" s="224">
        <v>0</v>
      </c>
      <c r="AA14" s="224">
        <v>0</v>
      </c>
      <c r="AB14" s="224">
        <v>0</v>
      </c>
      <c r="AC14" s="222">
        <v>0</v>
      </c>
      <c r="AD14" s="225">
        <v>0</v>
      </c>
      <c r="AE14" s="226">
        <v>0</v>
      </c>
      <c r="AF14" s="221">
        <v>0</v>
      </c>
      <c r="AG14" s="222">
        <v>0</v>
      </c>
      <c r="AH14" s="222">
        <v>0</v>
      </c>
      <c r="AI14" s="223">
        <v>0</v>
      </c>
      <c r="AJ14" s="224">
        <v>0</v>
      </c>
      <c r="AK14" s="224">
        <v>0</v>
      </c>
      <c r="AL14" s="224">
        <v>0</v>
      </c>
      <c r="AM14" s="222">
        <v>0</v>
      </c>
      <c r="AN14" s="225">
        <v>0</v>
      </c>
      <c r="AO14" s="227">
        <v>0</v>
      </c>
      <c r="AP14" s="37"/>
    </row>
    <row r="15" spans="1:42" ht="20.25" customHeight="1" x14ac:dyDescent="0.2">
      <c r="A15" s="62" t="s">
        <v>12</v>
      </c>
      <c r="B15" s="221">
        <v>0</v>
      </c>
      <c r="C15" s="222">
        <v>0</v>
      </c>
      <c r="D15" s="222">
        <v>0</v>
      </c>
      <c r="E15" s="223">
        <v>0</v>
      </c>
      <c r="F15" s="224">
        <v>1</v>
      </c>
      <c r="G15" s="224">
        <v>5</v>
      </c>
      <c r="H15" s="224">
        <v>10</v>
      </c>
      <c r="I15" s="222">
        <v>6</v>
      </c>
      <c r="J15" s="225">
        <v>22</v>
      </c>
      <c r="K15" s="226">
        <v>22</v>
      </c>
      <c r="L15" s="221">
        <v>0</v>
      </c>
      <c r="M15" s="222">
        <v>0</v>
      </c>
      <c r="N15" s="225">
        <v>0</v>
      </c>
      <c r="O15" s="228">
        <v>0</v>
      </c>
      <c r="P15" s="224">
        <v>4</v>
      </c>
      <c r="Q15" s="224">
        <v>3</v>
      </c>
      <c r="R15" s="224">
        <v>9</v>
      </c>
      <c r="S15" s="222">
        <v>1</v>
      </c>
      <c r="T15" s="225">
        <v>17</v>
      </c>
      <c r="U15" s="229">
        <v>17</v>
      </c>
      <c r="V15" s="228">
        <v>0</v>
      </c>
      <c r="W15" s="222">
        <v>0</v>
      </c>
      <c r="X15" s="222">
        <v>0</v>
      </c>
      <c r="Y15" s="223">
        <v>0</v>
      </c>
      <c r="Z15" s="224">
        <v>0</v>
      </c>
      <c r="AA15" s="224">
        <v>0</v>
      </c>
      <c r="AB15" s="224">
        <v>0</v>
      </c>
      <c r="AC15" s="222">
        <v>1</v>
      </c>
      <c r="AD15" s="225">
        <v>1</v>
      </c>
      <c r="AE15" s="226">
        <v>1</v>
      </c>
      <c r="AF15" s="221">
        <v>0</v>
      </c>
      <c r="AG15" s="222">
        <v>0</v>
      </c>
      <c r="AH15" s="222">
        <v>0</v>
      </c>
      <c r="AI15" s="223">
        <v>0</v>
      </c>
      <c r="AJ15" s="224">
        <v>0</v>
      </c>
      <c r="AK15" s="224">
        <v>0</v>
      </c>
      <c r="AL15" s="224">
        <v>0</v>
      </c>
      <c r="AM15" s="222">
        <v>0</v>
      </c>
      <c r="AN15" s="225">
        <v>0</v>
      </c>
      <c r="AO15" s="227">
        <v>0</v>
      </c>
      <c r="AP15" s="37"/>
    </row>
    <row r="16" spans="1:42" ht="20.25" customHeight="1" x14ac:dyDescent="0.2">
      <c r="A16" s="62" t="s">
        <v>13</v>
      </c>
      <c r="B16" s="221">
        <v>0</v>
      </c>
      <c r="C16" s="222">
        <v>0</v>
      </c>
      <c r="D16" s="222">
        <v>0</v>
      </c>
      <c r="E16" s="223">
        <v>0</v>
      </c>
      <c r="F16" s="224">
        <v>0</v>
      </c>
      <c r="G16" s="224">
        <v>3</v>
      </c>
      <c r="H16" s="224">
        <v>4</v>
      </c>
      <c r="I16" s="222">
        <v>6</v>
      </c>
      <c r="J16" s="225">
        <v>13</v>
      </c>
      <c r="K16" s="226">
        <v>13</v>
      </c>
      <c r="L16" s="221">
        <v>0</v>
      </c>
      <c r="M16" s="222">
        <v>0</v>
      </c>
      <c r="N16" s="225">
        <v>0</v>
      </c>
      <c r="O16" s="228">
        <v>0</v>
      </c>
      <c r="P16" s="224">
        <v>0</v>
      </c>
      <c r="Q16" s="224">
        <v>3</v>
      </c>
      <c r="R16" s="224">
        <v>2</v>
      </c>
      <c r="S16" s="222">
        <v>0</v>
      </c>
      <c r="T16" s="225">
        <v>5</v>
      </c>
      <c r="U16" s="229">
        <v>5</v>
      </c>
      <c r="V16" s="228">
        <v>0</v>
      </c>
      <c r="W16" s="222">
        <v>0</v>
      </c>
      <c r="X16" s="222">
        <v>0</v>
      </c>
      <c r="Y16" s="223">
        <v>0</v>
      </c>
      <c r="Z16" s="224">
        <v>0</v>
      </c>
      <c r="AA16" s="224">
        <v>0</v>
      </c>
      <c r="AB16" s="224">
        <v>0</v>
      </c>
      <c r="AC16" s="222">
        <v>0</v>
      </c>
      <c r="AD16" s="225">
        <v>0</v>
      </c>
      <c r="AE16" s="226">
        <v>0</v>
      </c>
      <c r="AF16" s="221">
        <v>0</v>
      </c>
      <c r="AG16" s="222">
        <v>0</v>
      </c>
      <c r="AH16" s="222">
        <v>0</v>
      </c>
      <c r="AI16" s="223">
        <v>0</v>
      </c>
      <c r="AJ16" s="224">
        <v>0</v>
      </c>
      <c r="AK16" s="224">
        <v>0</v>
      </c>
      <c r="AL16" s="224">
        <v>0</v>
      </c>
      <c r="AM16" s="222">
        <v>0</v>
      </c>
      <c r="AN16" s="225">
        <v>0</v>
      </c>
      <c r="AO16" s="227">
        <v>0</v>
      </c>
      <c r="AP16" s="37"/>
    </row>
    <row r="17" spans="1:42" ht="20.25" customHeight="1" x14ac:dyDescent="0.2">
      <c r="A17" s="62" t="s">
        <v>15</v>
      </c>
      <c r="B17" s="221">
        <v>0</v>
      </c>
      <c r="C17" s="222">
        <v>0</v>
      </c>
      <c r="D17" s="222">
        <v>0</v>
      </c>
      <c r="E17" s="223">
        <v>0</v>
      </c>
      <c r="F17" s="224">
        <v>0</v>
      </c>
      <c r="G17" s="224">
        <v>0</v>
      </c>
      <c r="H17" s="224">
        <v>1</v>
      </c>
      <c r="I17" s="222">
        <v>2</v>
      </c>
      <c r="J17" s="225">
        <v>3</v>
      </c>
      <c r="K17" s="226">
        <v>3</v>
      </c>
      <c r="L17" s="221">
        <v>0</v>
      </c>
      <c r="M17" s="222">
        <v>0</v>
      </c>
      <c r="N17" s="225">
        <v>0</v>
      </c>
      <c r="O17" s="228">
        <v>1</v>
      </c>
      <c r="P17" s="224">
        <v>0</v>
      </c>
      <c r="Q17" s="224">
        <v>1</v>
      </c>
      <c r="R17" s="224">
        <v>1</v>
      </c>
      <c r="S17" s="222">
        <v>0</v>
      </c>
      <c r="T17" s="225">
        <v>3</v>
      </c>
      <c r="U17" s="229">
        <v>3</v>
      </c>
      <c r="V17" s="228">
        <v>0</v>
      </c>
      <c r="W17" s="222">
        <v>0</v>
      </c>
      <c r="X17" s="222">
        <v>0</v>
      </c>
      <c r="Y17" s="223">
        <v>0</v>
      </c>
      <c r="Z17" s="224">
        <v>0</v>
      </c>
      <c r="AA17" s="224">
        <v>0</v>
      </c>
      <c r="AB17" s="224">
        <v>0</v>
      </c>
      <c r="AC17" s="222">
        <v>0</v>
      </c>
      <c r="AD17" s="225">
        <v>0</v>
      </c>
      <c r="AE17" s="226">
        <v>0</v>
      </c>
      <c r="AF17" s="221">
        <v>0</v>
      </c>
      <c r="AG17" s="222">
        <v>0</v>
      </c>
      <c r="AH17" s="222">
        <v>0</v>
      </c>
      <c r="AI17" s="223">
        <v>0</v>
      </c>
      <c r="AJ17" s="224">
        <v>0</v>
      </c>
      <c r="AK17" s="224">
        <v>0</v>
      </c>
      <c r="AL17" s="224">
        <v>0</v>
      </c>
      <c r="AM17" s="222">
        <v>0</v>
      </c>
      <c r="AN17" s="225">
        <v>0</v>
      </c>
      <c r="AO17" s="227">
        <v>0</v>
      </c>
      <c r="AP17" s="37"/>
    </row>
    <row r="18" spans="1:42" ht="20.25" customHeight="1" x14ac:dyDescent="0.2">
      <c r="A18" s="62" t="s">
        <v>16</v>
      </c>
      <c r="B18" s="221">
        <v>0</v>
      </c>
      <c r="C18" s="222">
        <v>0</v>
      </c>
      <c r="D18" s="222">
        <v>0</v>
      </c>
      <c r="E18" s="223">
        <v>0</v>
      </c>
      <c r="F18" s="224">
        <v>0</v>
      </c>
      <c r="G18" s="224">
        <v>7</v>
      </c>
      <c r="H18" s="224">
        <v>5</v>
      </c>
      <c r="I18" s="222">
        <v>0</v>
      </c>
      <c r="J18" s="225">
        <v>12</v>
      </c>
      <c r="K18" s="226">
        <v>12</v>
      </c>
      <c r="L18" s="221">
        <v>0</v>
      </c>
      <c r="M18" s="222">
        <v>0</v>
      </c>
      <c r="N18" s="225">
        <v>0</v>
      </c>
      <c r="O18" s="228">
        <v>2</v>
      </c>
      <c r="P18" s="224">
        <v>3</v>
      </c>
      <c r="Q18" s="224">
        <v>4</v>
      </c>
      <c r="R18" s="224">
        <v>7</v>
      </c>
      <c r="S18" s="222">
        <v>3</v>
      </c>
      <c r="T18" s="225">
        <v>19</v>
      </c>
      <c r="U18" s="229">
        <v>19</v>
      </c>
      <c r="V18" s="228">
        <v>0</v>
      </c>
      <c r="W18" s="222">
        <v>0</v>
      </c>
      <c r="X18" s="222">
        <v>0</v>
      </c>
      <c r="Y18" s="223">
        <v>0</v>
      </c>
      <c r="Z18" s="224">
        <v>0</v>
      </c>
      <c r="AA18" s="224">
        <v>0</v>
      </c>
      <c r="AB18" s="224">
        <v>0</v>
      </c>
      <c r="AC18" s="222">
        <v>0</v>
      </c>
      <c r="AD18" s="225">
        <v>0</v>
      </c>
      <c r="AE18" s="226">
        <v>0</v>
      </c>
      <c r="AF18" s="221">
        <v>0</v>
      </c>
      <c r="AG18" s="222">
        <v>0</v>
      </c>
      <c r="AH18" s="222">
        <v>0</v>
      </c>
      <c r="AI18" s="223">
        <v>0</v>
      </c>
      <c r="AJ18" s="224">
        <v>0</v>
      </c>
      <c r="AK18" s="224">
        <v>0</v>
      </c>
      <c r="AL18" s="224">
        <v>1</v>
      </c>
      <c r="AM18" s="222">
        <v>0</v>
      </c>
      <c r="AN18" s="225">
        <v>1</v>
      </c>
      <c r="AO18" s="227">
        <v>1</v>
      </c>
      <c r="AP18" s="37"/>
    </row>
    <row r="19" spans="1:42" ht="20.25" customHeight="1" x14ac:dyDescent="0.2">
      <c r="A19" s="62" t="s">
        <v>17</v>
      </c>
      <c r="B19" s="221">
        <v>0</v>
      </c>
      <c r="C19" s="222">
        <v>0</v>
      </c>
      <c r="D19" s="222">
        <v>0</v>
      </c>
      <c r="E19" s="223">
        <v>1</v>
      </c>
      <c r="F19" s="224">
        <v>2</v>
      </c>
      <c r="G19" s="224">
        <v>7</v>
      </c>
      <c r="H19" s="224">
        <v>6</v>
      </c>
      <c r="I19" s="222">
        <v>5</v>
      </c>
      <c r="J19" s="225">
        <v>21</v>
      </c>
      <c r="K19" s="226">
        <v>21</v>
      </c>
      <c r="L19" s="221">
        <v>0</v>
      </c>
      <c r="M19" s="222">
        <v>0</v>
      </c>
      <c r="N19" s="225">
        <v>0</v>
      </c>
      <c r="O19" s="228">
        <v>0</v>
      </c>
      <c r="P19" s="224">
        <v>4</v>
      </c>
      <c r="Q19" s="224">
        <v>9</v>
      </c>
      <c r="R19" s="224">
        <v>9</v>
      </c>
      <c r="S19" s="222">
        <v>2</v>
      </c>
      <c r="T19" s="225">
        <v>24</v>
      </c>
      <c r="U19" s="229">
        <v>24</v>
      </c>
      <c r="V19" s="228">
        <v>0</v>
      </c>
      <c r="W19" s="222">
        <v>0</v>
      </c>
      <c r="X19" s="222">
        <v>0</v>
      </c>
      <c r="Y19" s="223">
        <v>0</v>
      </c>
      <c r="Z19" s="224">
        <v>0</v>
      </c>
      <c r="AA19" s="224">
        <v>0</v>
      </c>
      <c r="AB19" s="224">
        <v>0</v>
      </c>
      <c r="AC19" s="222">
        <v>1</v>
      </c>
      <c r="AD19" s="225">
        <v>1</v>
      </c>
      <c r="AE19" s="226">
        <v>1</v>
      </c>
      <c r="AF19" s="221">
        <v>0</v>
      </c>
      <c r="AG19" s="222">
        <v>0</v>
      </c>
      <c r="AH19" s="222">
        <v>0</v>
      </c>
      <c r="AI19" s="223">
        <v>0</v>
      </c>
      <c r="AJ19" s="224">
        <v>0</v>
      </c>
      <c r="AK19" s="224">
        <v>0</v>
      </c>
      <c r="AL19" s="224">
        <v>0</v>
      </c>
      <c r="AM19" s="222">
        <v>0</v>
      </c>
      <c r="AN19" s="225">
        <v>0</v>
      </c>
      <c r="AO19" s="227">
        <v>0</v>
      </c>
      <c r="AP19" s="37"/>
    </row>
    <row r="20" spans="1:42" ht="20.25" customHeight="1" x14ac:dyDescent="0.2">
      <c r="A20" s="62" t="s">
        <v>18</v>
      </c>
      <c r="B20" s="221">
        <v>0</v>
      </c>
      <c r="C20" s="222">
        <v>0</v>
      </c>
      <c r="D20" s="222">
        <v>0</v>
      </c>
      <c r="E20" s="223">
        <v>0</v>
      </c>
      <c r="F20" s="224">
        <v>0</v>
      </c>
      <c r="G20" s="224">
        <v>6</v>
      </c>
      <c r="H20" s="224">
        <v>18</v>
      </c>
      <c r="I20" s="222">
        <v>3</v>
      </c>
      <c r="J20" s="225">
        <v>27</v>
      </c>
      <c r="K20" s="226">
        <v>27</v>
      </c>
      <c r="L20" s="221">
        <v>0</v>
      </c>
      <c r="M20" s="222">
        <v>0</v>
      </c>
      <c r="N20" s="225">
        <v>0</v>
      </c>
      <c r="O20" s="228">
        <v>4</v>
      </c>
      <c r="P20" s="224">
        <v>2</v>
      </c>
      <c r="Q20" s="224">
        <v>6</v>
      </c>
      <c r="R20" s="224">
        <v>4</v>
      </c>
      <c r="S20" s="222">
        <v>5</v>
      </c>
      <c r="T20" s="225">
        <v>21</v>
      </c>
      <c r="U20" s="229">
        <v>21</v>
      </c>
      <c r="V20" s="228">
        <v>0</v>
      </c>
      <c r="W20" s="222">
        <v>0</v>
      </c>
      <c r="X20" s="222">
        <v>0</v>
      </c>
      <c r="Y20" s="223">
        <v>0</v>
      </c>
      <c r="Z20" s="224">
        <v>0</v>
      </c>
      <c r="AA20" s="224">
        <v>0</v>
      </c>
      <c r="AB20" s="224">
        <v>0</v>
      </c>
      <c r="AC20" s="222">
        <v>1</v>
      </c>
      <c r="AD20" s="225">
        <v>1</v>
      </c>
      <c r="AE20" s="226">
        <v>1</v>
      </c>
      <c r="AF20" s="221">
        <v>0</v>
      </c>
      <c r="AG20" s="222">
        <v>0</v>
      </c>
      <c r="AH20" s="222">
        <v>0</v>
      </c>
      <c r="AI20" s="223">
        <v>0</v>
      </c>
      <c r="AJ20" s="224">
        <v>0</v>
      </c>
      <c r="AK20" s="224">
        <v>0</v>
      </c>
      <c r="AL20" s="224">
        <v>0</v>
      </c>
      <c r="AM20" s="222">
        <v>0</v>
      </c>
      <c r="AN20" s="225">
        <v>0</v>
      </c>
      <c r="AO20" s="227">
        <v>0</v>
      </c>
      <c r="AP20" s="37"/>
    </row>
    <row r="21" spans="1:42" ht="20.25" customHeight="1" x14ac:dyDescent="0.2">
      <c r="A21" s="62" t="s">
        <v>19</v>
      </c>
      <c r="B21" s="221">
        <v>0</v>
      </c>
      <c r="C21" s="222">
        <v>0</v>
      </c>
      <c r="D21" s="222">
        <v>0</v>
      </c>
      <c r="E21" s="223">
        <v>0</v>
      </c>
      <c r="F21" s="224">
        <v>0</v>
      </c>
      <c r="G21" s="224">
        <v>3</v>
      </c>
      <c r="H21" s="224">
        <v>4</v>
      </c>
      <c r="I21" s="222">
        <v>3</v>
      </c>
      <c r="J21" s="225">
        <v>10</v>
      </c>
      <c r="K21" s="226">
        <v>10</v>
      </c>
      <c r="L21" s="221">
        <v>0</v>
      </c>
      <c r="M21" s="222">
        <v>0</v>
      </c>
      <c r="N21" s="225">
        <v>0</v>
      </c>
      <c r="O21" s="228">
        <v>1</v>
      </c>
      <c r="P21" s="224">
        <v>2</v>
      </c>
      <c r="Q21" s="224">
        <v>4</v>
      </c>
      <c r="R21" s="224">
        <v>0</v>
      </c>
      <c r="S21" s="222">
        <v>1</v>
      </c>
      <c r="T21" s="225">
        <v>8</v>
      </c>
      <c r="U21" s="229">
        <v>8</v>
      </c>
      <c r="V21" s="228">
        <v>0</v>
      </c>
      <c r="W21" s="222">
        <v>0</v>
      </c>
      <c r="X21" s="222">
        <v>0</v>
      </c>
      <c r="Y21" s="223">
        <v>0</v>
      </c>
      <c r="Z21" s="224">
        <v>0</v>
      </c>
      <c r="AA21" s="224">
        <v>0</v>
      </c>
      <c r="AB21" s="224">
        <v>0</v>
      </c>
      <c r="AC21" s="222">
        <v>0</v>
      </c>
      <c r="AD21" s="225">
        <v>0</v>
      </c>
      <c r="AE21" s="226">
        <v>0</v>
      </c>
      <c r="AF21" s="221">
        <v>0</v>
      </c>
      <c r="AG21" s="222">
        <v>0</v>
      </c>
      <c r="AH21" s="222">
        <v>0</v>
      </c>
      <c r="AI21" s="223">
        <v>0</v>
      </c>
      <c r="AJ21" s="224">
        <v>0</v>
      </c>
      <c r="AK21" s="224">
        <v>0</v>
      </c>
      <c r="AL21" s="224">
        <v>1</v>
      </c>
      <c r="AM21" s="222">
        <v>0</v>
      </c>
      <c r="AN21" s="225">
        <v>1</v>
      </c>
      <c r="AO21" s="227">
        <v>1</v>
      </c>
      <c r="AP21" s="37"/>
    </row>
    <row r="22" spans="1:42" ht="20.25" customHeight="1" x14ac:dyDescent="0.2">
      <c r="A22" s="62" t="s">
        <v>20</v>
      </c>
      <c r="B22" s="221">
        <v>0</v>
      </c>
      <c r="C22" s="222">
        <v>0</v>
      </c>
      <c r="D22" s="222">
        <v>0</v>
      </c>
      <c r="E22" s="223">
        <v>0</v>
      </c>
      <c r="F22" s="224">
        <v>1</v>
      </c>
      <c r="G22" s="224">
        <v>5</v>
      </c>
      <c r="H22" s="224">
        <v>7</v>
      </c>
      <c r="I22" s="222">
        <v>2</v>
      </c>
      <c r="J22" s="225">
        <v>15</v>
      </c>
      <c r="K22" s="226">
        <v>15</v>
      </c>
      <c r="L22" s="221">
        <v>0</v>
      </c>
      <c r="M22" s="222">
        <v>0</v>
      </c>
      <c r="N22" s="225">
        <v>0</v>
      </c>
      <c r="O22" s="228">
        <v>1</v>
      </c>
      <c r="P22" s="224">
        <v>1</v>
      </c>
      <c r="Q22" s="224">
        <v>3</v>
      </c>
      <c r="R22" s="224">
        <v>2</v>
      </c>
      <c r="S22" s="222">
        <v>0</v>
      </c>
      <c r="T22" s="225">
        <v>7</v>
      </c>
      <c r="U22" s="229">
        <v>7</v>
      </c>
      <c r="V22" s="228">
        <v>0</v>
      </c>
      <c r="W22" s="222">
        <v>0</v>
      </c>
      <c r="X22" s="222">
        <v>0</v>
      </c>
      <c r="Y22" s="223">
        <v>0</v>
      </c>
      <c r="Z22" s="224">
        <v>0</v>
      </c>
      <c r="AA22" s="224">
        <v>0</v>
      </c>
      <c r="AB22" s="224">
        <v>0</v>
      </c>
      <c r="AC22" s="222">
        <v>0</v>
      </c>
      <c r="AD22" s="225">
        <v>0</v>
      </c>
      <c r="AE22" s="226">
        <v>0</v>
      </c>
      <c r="AF22" s="221">
        <v>0</v>
      </c>
      <c r="AG22" s="222">
        <v>0</v>
      </c>
      <c r="AH22" s="222">
        <v>0</v>
      </c>
      <c r="AI22" s="223">
        <v>0</v>
      </c>
      <c r="AJ22" s="224">
        <v>0</v>
      </c>
      <c r="AK22" s="224">
        <v>0</v>
      </c>
      <c r="AL22" s="224">
        <v>0</v>
      </c>
      <c r="AM22" s="222">
        <v>0</v>
      </c>
      <c r="AN22" s="225">
        <v>0</v>
      </c>
      <c r="AO22" s="227">
        <v>0</v>
      </c>
      <c r="AP22" s="37"/>
    </row>
    <row r="23" spans="1:42" ht="20.25" customHeight="1" x14ac:dyDescent="0.2">
      <c r="A23" s="62" t="s">
        <v>21</v>
      </c>
      <c r="B23" s="221">
        <v>0</v>
      </c>
      <c r="C23" s="222">
        <v>0</v>
      </c>
      <c r="D23" s="222">
        <v>0</v>
      </c>
      <c r="E23" s="223">
        <v>0</v>
      </c>
      <c r="F23" s="224">
        <v>0</v>
      </c>
      <c r="G23" s="224">
        <v>3</v>
      </c>
      <c r="H23" s="224">
        <v>5</v>
      </c>
      <c r="I23" s="222">
        <v>2</v>
      </c>
      <c r="J23" s="225">
        <v>10</v>
      </c>
      <c r="K23" s="226">
        <v>10</v>
      </c>
      <c r="L23" s="221">
        <v>0</v>
      </c>
      <c r="M23" s="222">
        <v>0</v>
      </c>
      <c r="N23" s="225">
        <v>0</v>
      </c>
      <c r="O23" s="228">
        <v>0</v>
      </c>
      <c r="P23" s="224">
        <v>3</v>
      </c>
      <c r="Q23" s="224">
        <v>3</v>
      </c>
      <c r="R23" s="224">
        <v>4</v>
      </c>
      <c r="S23" s="222">
        <v>1</v>
      </c>
      <c r="T23" s="225">
        <v>11</v>
      </c>
      <c r="U23" s="229">
        <v>11</v>
      </c>
      <c r="V23" s="228">
        <v>0</v>
      </c>
      <c r="W23" s="222">
        <v>0</v>
      </c>
      <c r="X23" s="222">
        <v>0</v>
      </c>
      <c r="Y23" s="223">
        <v>0</v>
      </c>
      <c r="Z23" s="224">
        <v>0</v>
      </c>
      <c r="AA23" s="224">
        <v>0</v>
      </c>
      <c r="AB23" s="224">
        <v>0</v>
      </c>
      <c r="AC23" s="222">
        <v>0</v>
      </c>
      <c r="AD23" s="225">
        <v>0</v>
      </c>
      <c r="AE23" s="226">
        <v>0</v>
      </c>
      <c r="AF23" s="221">
        <v>0</v>
      </c>
      <c r="AG23" s="222">
        <v>0</v>
      </c>
      <c r="AH23" s="222">
        <v>0</v>
      </c>
      <c r="AI23" s="223">
        <v>0</v>
      </c>
      <c r="AJ23" s="224">
        <v>0</v>
      </c>
      <c r="AK23" s="224">
        <v>0</v>
      </c>
      <c r="AL23" s="224">
        <v>0</v>
      </c>
      <c r="AM23" s="222">
        <v>0</v>
      </c>
      <c r="AN23" s="225">
        <v>0</v>
      </c>
      <c r="AO23" s="227">
        <v>0</v>
      </c>
      <c r="AP23" s="37"/>
    </row>
    <row r="24" spans="1:42" ht="20.25" customHeight="1" x14ac:dyDescent="0.2">
      <c r="A24" s="62" t="s">
        <v>22</v>
      </c>
      <c r="B24" s="221">
        <v>0</v>
      </c>
      <c r="C24" s="222">
        <v>0</v>
      </c>
      <c r="D24" s="222">
        <v>0</v>
      </c>
      <c r="E24" s="223">
        <v>0</v>
      </c>
      <c r="F24" s="224">
        <v>0</v>
      </c>
      <c r="G24" s="224">
        <v>0</v>
      </c>
      <c r="H24" s="224">
        <v>0</v>
      </c>
      <c r="I24" s="222">
        <v>0</v>
      </c>
      <c r="J24" s="225">
        <v>0</v>
      </c>
      <c r="K24" s="226">
        <v>0</v>
      </c>
      <c r="L24" s="221">
        <v>0</v>
      </c>
      <c r="M24" s="222">
        <v>0</v>
      </c>
      <c r="N24" s="225">
        <v>0</v>
      </c>
      <c r="O24" s="228">
        <v>1</v>
      </c>
      <c r="P24" s="224">
        <v>1</v>
      </c>
      <c r="Q24" s="224">
        <v>2</v>
      </c>
      <c r="R24" s="224">
        <v>1</v>
      </c>
      <c r="S24" s="222">
        <v>0</v>
      </c>
      <c r="T24" s="225">
        <v>5</v>
      </c>
      <c r="U24" s="229">
        <v>5</v>
      </c>
      <c r="V24" s="228">
        <v>0</v>
      </c>
      <c r="W24" s="222">
        <v>0</v>
      </c>
      <c r="X24" s="222">
        <v>0</v>
      </c>
      <c r="Y24" s="223">
        <v>0</v>
      </c>
      <c r="Z24" s="224">
        <v>0</v>
      </c>
      <c r="AA24" s="224">
        <v>0</v>
      </c>
      <c r="AB24" s="224">
        <v>0</v>
      </c>
      <c r="AC24" s="222">
        <v>0</v>
      </c>
      <c r="AD24" s="225">
        <v>0</v>
      </c>
      <c r="AE24" s="226">
        <v>0</v>
      </c>
      <c r="AF24" s="221">
        <v>0</v>
      </c>
      <c r="AG24" s="222">
        <v>0</v>
      </c>
      <c r="AH24" s="222">
        <v>0</v>
      </c>
      <c r="AI24" s="223">
        <v>0</v>
      </c>
      <c r="AJ24" s="224">
        <v>0</v>
      </c>
      <c r="AK24" s="224">
        <v>0</v>
      </c>
      <c r="AL24" s="224">
        <v>1</v>
      </c>
      <c r="AM24" s="222">
        <v>0</v>
      </c>
      <c r="AN24" s="225">
        <v>1</v>
      </c>
      <c r="AO24" s="227">
        <v>1</v>
      </c>
      <c r="AP24" s="37"/>
    </row>
    <row r="25" spans="1:42" ht="20.25" customHeight="1" x14ac:dyDescent="0.2">
      <c r="A25" s="62" t="s">
        <v>23</v>
      </c>
      <c r="B25" s="221">
        <v>0</v>
      </c>
      <c r="C25" s="222">
        <v>0</v>
      </c>
      <c r="D25" s="222">
        <v>0</v>
      </c>
      <c r="E25" s="223">
        <v>0</v>
      </c>
      <c r="F25" s="224">
        <v>0</v>
      </c>
      <c r="G25" s="224">
        <v>1</v>
      </c>
      <c r="H25" s="224">
        <v>6</v>
      </c>
      <c r="I25" s="222">
        <v>1</v>
      </c>
      <c r="J25" s="225">
        <v>8</v>
      </c>
      <c r="K25" s="226">
        <v>8</v>
      </c>
      <c r="L25" s="221">
        <v>0</v>
      </c>
      <c r="M25" s="222">
        <v>0</v>
      </c>
      <c r="N25" s="225">
        <v>0</v>
      </c>
      <c r="O25" s="228">
        <v>0</v>
      </c>
      <c r="P25" s="224">
        <v>1</v>
      </c>
      <c r="Q25" s="224">
        <v>1</v>
      </c>
      <c r="R25" s="224">
        <v>2</v>
      </c>
      <c r="S25" s="222">
        <v>2</v>
      </c>
      <c r="T25" s="225">
        <v>6</v>
      </c>
      <c r="U25" s="229">
        <v>6</v>
      </c>
      <c r="V25" s="228">
        <v>0</v>
      </c>
      <c r="W25" s="222">
        <v>0</v>
      </c>
      <c r="X25" s="222">
        <v>0</v>
      </c>
      <c r="Y25" s="223">
        <v>0</v>
      </c>
      <c r="Z25" s="224">
        <v>0</v>
      </c>
      <c r="AA25" s="224">
        <v>0</v>
      </c>
      <c r="AB25" s="224">
        <v>0</v>
      </c>
      <c r="AC25" s="222">
        <v>1</v>
      </c>
      <c r="AD25" s="225">
        <v>1</v>
      </c>
      <c r="AE25" s="226">
        <v>1</v>
      </c>
      <c r="AF25" s="221">
        <v>0</v>
      </c>
      <c r="AG25" s="222">
        <v>0</v>
      </c>
      <c r="AH25" s="222">
        <v>0</v>
      </c>
      <c r="AI25" s="223">
        <v>0</v>
      </c>
      <c r="AJ25" s="224">
        <v>0</v>
      </c>
      <c r="AK25" s="224">
        <v>0</v>
      </c>
      <c r="AL25" s="224">
        <v>0</v>
      </c>
      <c r="AM25" s="222">
        <v>0</v>
      </c>
      <c r="AN25" s="225">
        <v>0</v>
      </c>
      <c r="AO25" s="227">
        <v>0</v>
      </c>
      <c r="AP25" s="37"/>
    </row>
    <row r="26" spans="1:42" ht="20.25" customHeight="1" x14ac:dyDescent="0.2">
      <c r="A26" s="62" t="s">
        <v>24</v>
      </c>
      <c r="B26" s="221">
        <v>0</v>
      </c>
      <c r="C26" s="222">
        <v>0</v>
      </c>
      <c r="D26" s="222">
        <v>0</v>
      </c>
      <c r="E26" s="223">
        <v>0</v>
      </c>
      <c r="F26" s="224">
        <v>0</v>
      </c>
      <c r="G26" s="224">
        <v>1</v>
      </c>
      <c r="H26" s="224">
        <v>2</v>
      </c>
      <c r="I26" s="222">
        <v>0</v>
      </c>
      <c r="J26" s="225">
        <v>3</v>
      </c>
      <c r="K26" s="226">
        <v>3</v>
      </c>
      <c r="L26" s="221">
        <v>0</v>
      </c>
      <c r="M26" s="222">
        <v>0</v>
      </c>
      <c r="N26" s="225">
        <v>0</v>
      </c>
      <c r="O26" s="228">
        <v>1</v>
      </c>
      <c r="P26" s="224">
        <v>0</v>
      </c>
      <c r="Q26" s="224">
        <v>0</v>
      </c>
      <c r="R26" s="224">
        <v>2</v>
      </c>
      <c r="S26" s="222">
        <v>0</v>
      </c>
      <c r="T26" s="225">
        <v>3</v>
      </c>
      <c r="U26" s="229">
        <v>3</v>
      </c>
      <c r="V26" s="228">
        <v>0</v>
      </c>
      <c r="W26" s="222">
        <v>0</v>
      </c>
      <c r="X26" s="222">
        <v>0</v>
      </c>
      <c r="Y26" s="223">
        <v>0</v>
      </c>
      <c r="Z26" s="224">
        <v>0</v>
      </c>
      <c r="AA26" s="224">
        <v>0</v>
      </c>
      <c r="AB26" s="224">
        <v>0</v>
      </c>
      <c r="AC26" s="222">
        <v>0</v>
      </c>
      <c r="AD26" s="225">
        <v>0</v>
      </c>
      <c r="AE26" s="226">
        <v>0</v>
      </c>
      <c r="AF26" s="221">
        <v>0</v>
      </c>
      <c r="AG26" s="222">
        <v>0</v>
      </c>
      <c r="AH26" s="222">
        <v>0</v>
      </c>
      <c r="AI26" s="223">
        <v>0</v>
      </c>
      <c r="AJ26" s="224">
        <v>0</v>
      </c>
      <c r="AK26" s="224">
        <v>0</v>
      </c>
      <c r="AL26" s="224">
        <v>0</v>
      </c>
      <c r="AM26" s="222">
        <v>0</v>
      </c>
      <c r="AN26" s="225">
        <v>0</v>
      </c>
      <c r="AO26" s="227">
        <v>0</v>
      </c>
      <c r="AP26" s="37"/>
    </row>
    <row r="27" spans="1:42" ht="20.25" customHeight="1" x14ac:dyDescent="0.2">
      <c r="A27" s="62" t="s">
        <v>25</v>
      </c>
      <c r="B27" s="221">
        <v>0</v>
      </c>
      <c r="C27" s="222">
        <v>0</v>
      </c>
      <c r="D27" s="222">
        <v>0</v>
      </c>
      <c r="E27" s="223">
        <v>0</v>
      </c>
      <c r="F27" s="224">
        <v>0</v>
      </c>
      <c r="G27" s="224">
        <v>1</v>
      </c>
      <c r="H27" s="224">
        <v>1</v>
      </c>
      <c r="I27" s="222">
        <v>1</v>
      </c>
      <c r="J27" s="225">
        <v>3</v>
      </c>
      <c r="K27" s="226">
        <v>3</v>
      </c>
      <c r="L27" s="221">
        <v>0</v>
      </c>
      <c r="M27" s="222">
        <v>0</v>
      </c>
      <c r="N27" s="225">
        <v>0</v>
      </c>
      <c r="O27" s="228">
        <v>0</v>
      </c>
      <c r="P27" s="224">
        <v>0</v>
      </c>
      <c r="Q27" s="224">
        <v>0</v>
      </c>
      <c r="R27" s="224">
        <v>1</v>
      </c>
      <c r="S27" s="222">
        <v>0</v>
      </c>
      <c r="T27" s="225">
        <v>1</v>
      </c>
      <c r="U27" s="229">
        <v>1</v>
      </c>
      <c r="V27" s="228">
        <v>0</v>
      </c>
      <c r="W27" s="222">
        <v>0</v>
      </c>
      <c r="X27" s="222">
        <v>0</v>
      </c>
      <c r="Y27" s="223">
        <v>0</v>
      </c>
      <c r="Z27" s="224">
        <v>0</v>
      </c>
      <c r="AA27" s="224">
        <v>0</v>
      </c>
      <c r="AB27" s="224">
        <v>0</v>
      </c>
      <c r="AC27" s="222">
        <v>0</v>
      </c>
      <c r="AD27" s="225">
        <v>0</v>
      </c>
      <c r="AE27" s="226">
        <v>0</v>
      </c>
      <c r="AF27" s="221">
        <v>0</v>
      </c>
      <c r="AG27" s="222">
        <v>0</v>
      </c>
      <c r="AH27" s="222">
        <v>0</v>
      </c>
      <c r="AI27" s="223">
        <v>0</v>
      </c>
      <c r="AJ27" s="224">
        <v>0</v>
      </c>
      <c r="AK27" s="224">
        <v>0</v>
      </c>
      <c r="AL27" s="224">
        <v>0</v>
      </c>
      <c r="AM27" s="222">
        <v>0</v>
      </c>
      <c r="AN27" s="225">
        <v>0</v>
      </c>
      <c r="AO27" s="227">
        <v>0</v>
      </c>
      <c r="AP27" s="37"/>
    </row>
    <row r="28" spans="1:42" ht="20.25" customHeight="1" x14ac:dyDescent="0.2">
      <c r="A28" s="62" t="s">
        <v>26</v>
      </c>
      <c r="B28" s="221">
        <v>0</v>
      </c>
      <c r="C28" s="222">
        <v>0</v>
      </c>
      <c r="D28" s="222">
        <v>0</v>
      </c>
      <c r="E28" s="223">
        <v>0</v>
      </c>
      <c r="F28" s="224">
        <v>0</v>
      </c>
      <c r="G28" s="224">
        <v>0</v>
      </c>
      <c r="H28" s="224">
        <v>2</v>
      </c>
      <c r="I28" s="222">
        <v>1</v>
      </c>
      <c r="J28" s="225">
        <v>3</v>
      </c>
      <c r="K28" s="226">
        <v>3</v>
      </c>
      <c r="L28" s="221">
        <v>0</v>
      </c>
      <c r="M28" s="222">
        <v>0</v>
      </c>
      <c r="N28" s="225">
        <v>0</v>
      </c>
      <c r="O28" s="228">
        <v>1</v>
      </c>
      <c r="P28" s="224">
        <v>0</v>
      </c>
      <c r="Q28" s="224">
        <v>1</v>
      </c>
      <c r="R28" s="224">
        <v>0</v>
      </c>
      <c r="S28" s="222">
        <v>0</v>
      </c>
      <c r="T28" s="225">
        <v>2</v>
      </c>
      <c r="U28" s="229">
        <v>2</v>
      </c>
      <c r="V28" s="228">
        <v>0</v>
      </c>
      <c r="W28" s="222">
        <v>0</v>
      </c>
      <c r="X28" s="222">
        <v>0</v>
      </c>
      <c r="Y28" s="223">
        <v>0</v>
      </c>
      <c r="Z28" s="224">
        <v>0</v>
      </c>
      <c r="AA28" s="224">
        <v>0</v>
      </c>
      <c r="AB28" s="224">
        <v>0</v>
      </c>
      <c r="AC28" s="222">
        <v>0</v>
      </c>
      <c r="AD28" s="225">
        <v>0</v>
      </c>
      <c r="AE28" s="226">
        <v>0</v>
      </c>
      <c r="AF28" s="221">
        <v>0</v>
      </c>
      <c r="AG28" s="222">
        <v>0</v>
      </c>
      <c r="AH28" s="222">
        <v>0</v>
      </c>
      <c r="AI28" s="223">
        <v>0</v>
      </c>
      <c r="AJ28" s="224">
        <v>0</v>
      </c>
      <c r="AK28" s="224">
        <v>0</v>
      </c>
      <c r="AL28" s="224">
        <v>0</v>
      </c>
      <c r="AM28" s="222">
        <v>0</v>
      </c>
      <c r="AN28" s="225">
        <v>0</v>
      </c>
      <c r="AO28" s="227">
        <v>0</v>
      </c>
      <c r="AP28" s="37"/>
    </row>
    <row r="29" spans="1:42" ht="20.25" customHeight="1" x14ac:dyDescent="0.2">
      <c r="A29" s="62" t="s">
        <v>27</v>
      </c>
      <c r="B29" s="221">
        <v>0</v>
      </c>
      <c r="C29" s="222">
        <v>0</v>
      </c>
      <c r="D29" s="222">
        <v>0</v>
      </c>
      <c r="E29" s="223">
        <v>0</v>
      </c>
      <c r="F29" s="224">
        <v>0</v>
      </c>
      <c r="G29" s="224">
        <v>2</v>
      </c>
      <c r="H29" s="224">
        <v>1</v>
      </c>
      <c r="I29" s="222">
        <v>0</v>
      </c>
      <c r="J29" s="225">
        <v>3</v>
      </c>
      <c r="K29" s="226">
        <v>3</v>
      </c>
      <c r="L29" s="221">
        <v>0</v>
      </c>
      <c r="M29" s="222">
        <v>0</v>
      </c>
      <c r="N29" s="225">
        <v>0</v>
      </c>
      <c r="O29" s="228">
        <v>0</v>
      </c>
      <c r="P29" s="224">
        <v>0</v>
      </c>
      <c r="Q29" s="224">
        <v>1</v>
      </c>
      <c r="R29" s="224">
        <v>1</v>
      </c>
      <c r="S29" s="222">
        <v>0</v>
      </c>
      <c r="T29" s="225">
        <v>2</v>
      </c>
      <c r="U29" s="229">
        <v>2</v>
      </c>
      <c r="V29" s="228">
        <v>0</v>
      </c>
      <c r="W29" s="222">
        <v>0</v>
      </c>
      <c r="X29" s="222">
        <v>0</v>
      </c>
      <c r="Y29" s="223">
        <v>0</v>
      </c>
      <c r="Z29" s="224">
        <v>0</v>
      </c>
      <c r="AA29" s="224">
        <v>0</v>
      </c>
      <c r="AB29" s="224">
        <v>0</v>
      </c>
      <c r="AC29" s="222">
        <v>0</v>
      </c>
      <c r="AD29" s="225">
        <v>0</v>
      </c>
      <c r="AE29" s="226">
        <v>0</v>
      </c>
      <c r="AF29" s="221">
        <v>0</v>
      </c>
      <c r="AG29" s="222">
        <v>0</v>
      </c>
      <c r="AH29" s="222">
        <v>0</v>
      </c>
      <c r="AI29" s="223">
        <v>0</v>
      </c>
      <c r="AJ29" s="224">
        <v>0</v>
      </c>
      <c r="AK29" s="224">
        <v>0</v>
      </c>
      <c r="AL29" s="224">
        <v>0</v>
      </c>
      <c r="AM29" s="222">
        <v>0</v>
      </c>
      <c r="AN29" s="225">
        <v>0</v>
      </c>
      <c r="AO29" s="227">
        <v>0</v>
      </c>
      <c r="AP29" s="37"/>
    </row>
    <row r="30" spans="1:42" ht="20.25" customHeight="1" x14ac:dyDescent="0.2">
      <c r="A30" s="62" t="s">
        <v>28</v>
      </c>
      <c r="B30" s="221">
        <v>0</v>
      </c>
      <c r="C30" s="222">
        <v>0</v>
      </c>
      <c r="D30" s="222">
        <v>0</v>
      </c>
      <c r="E30" s="223">
        <v>0</v>
      </c>
      <c r="F30" s="224">
        <v>0</v>
      </c>
      <c r="G30" s="224">
        <v>0</v>
      </c>
      <c r="H30" s="224">
        <v>1</v>
      </c>
      <c r="I30" s="222">
        <v>0</v>
      </c>
      <c r="J30" s="225">
        <v>1</v>
      </c>
      <c r="K30" s="226">
        <v>1</v>
      </c>
      <c r="L30" s="221">
        <v>0</v>
      </c>
      <c r="M30" s="222">
        <v>0</v>
      </c>
      <c r="N30" s="225">
        <v>0</v>
      </c>
      <c r="O30" s="228">
        <v>0</v>
      </c>
      <c r="P30" s="224">
        <v>0</v>
      </c>
      <c r="Q30" s="224">
        <v>1</v>
      </c>
      <c r="R30" s="224">
        <v>0</v>
      </c>
      <c r="S30" s="222">
        <v>1</v>
      </c>
      <c r="T30" s="225">
        <v>2</v>
      </c>
      <c r="U30" s="229">
        <v>2</v>
      </c>
      <c r="V30" s="228">
        <v>0</v>
      </c>
      <c r="W30" s="222">
        <v>0</v>
      </c>
      <c r="X30" s="222">
        <v>0</v>
      </c>
      <c r="Y30" s="223">
        <v>0</v>
      </c>
      <c r="Z30" s="224">
        <v>0</v>
      </c>
      <c r="AA30" s="224">
        <v>0</v>
      </c>
      <c r="AB30" s="224">
        <v>0</v>
      </c>
      <c r="AC30" s="222">
        <v>0</v>
      </c>
      <c r="AD30" s="225">
        <v>0</v>
      </c>
      <c r="AE30" s="226">
        <v>0</v>
      </c>
      <c r="AF30" s="221">
        <v>0</v>
      </c>
      <c r="AG30" s="222">
        <v>0</v>
      </c>
      <c r="AH30" s="222">
        <v>0</v>
      </c>
      <c r="AI30" s="223">
        <v>0</v>
      </c>
      <c r="AJ30" s="224">
        <v>0</v>
      </c>
      <c r="AK30" s="224">
        <v>0</v>
      </c>
      <c r="AL30" s="224">
        <v>0</v>
      </c>
      <c r="AM30" s="222">
        <v>0</v>
      </c>
      <c r="AN30" s="225">
        <v>0</v>
      </c>
      <c r="AO30" s="227">
        <v>0</v>
      </c>
      <c r="AP30" s="37"/>
    </row>
    <row r="31" spans="1:42" ht="20.25" customHeight="1" x14ac:dyDescent="0.2">
      <c r="A31" s="62" t="s">
        <v>29</v>
      </c>
      <c r="B31" s="221">
        <v>0</v>
      </c>
      <c r="C31" s="222">
        <v>0</v>
      </c>
      <c r="D31" s="222">
        <v>0</v>
      </c>
      <c r="E31" s="223">
        <v>0</v>
      </c>
      <c r="F31" s="224">
        <v>0</v>
      </c>
      <c r="G31" s="224">
        <v>1</v>
      </c>
      <c r="H31" s="224">
        <v>0</v>
      </c>
      <c r="I31" s="222">
        <v>0</v>
      </c>
      <c r="J31" s="225">
        <v>1</v>
      </c>
      <c r="K31" s="226">
        <v>1</v>
      </c>
      <c r="L31" s="221">
        <v>0</v>
      </c>
      <c r="M31" s="222">
        <v>0</v>
      </c>
      <c r="N31" s="225">
        <v>0</v>
      </c>
      <c r="O31" s="228">
        <v>0</v>
      </c>
      <c r="P31" s="224">
        <v>0</v>
      </c>
      <c r="Q31" s="224">
        <v>1</v>
      </c>
      <c r="R31" s="224">
        <v>0</v>
      </c>
      <c r="S31" s="222">
        <v>1</v>
      </c>
      <c r="T31" s="225">
        <v>2</v>
      </c>
      <c r="U31" s="229">
        <v>2</v>
      </c>
      <c r="V31" s="228">
        <v>0</v>
      </c>
      <c r="W31" s="222">
        <v>0</v>
      </c>
      <c r="X31" s="222">
        <v>0</v>
      </c>
      <c r="Y31" s="223">
        <v>0</v>
      </c>
      <c r="Z31" s="224">
        <v>0</v>
      </c>
      <c r="AA31" s="224">
        <v>0</v>
      </c>
      <c r="AB31" s="224">
        <v>0</v>
      </c>
      <c r="AC31" s="222">
        <v>0</v>
      </c>
      <c r="AD31" s="225">
        <v>0</v>
      </c>
      <c r="AE31" s="226">
        <v>0</v>
      </c>
      <c r="AF31" s="221">
        <v>0</v>
      </c>
      <c r="AG31" s="222">
        <v>0</v>
      </c>
      <c r="AH31" s="222">
        <v>0</v>
      </c>
      <c r="AI31" s="223">
        <v>0</v>
      </c>
      <c r="AJ31" s="224">
        <v>0</v>
      </c>
      <c r="AK31" s="224">
        <v>0</v>
      </c>
      <c r="AL31" s="224">
        <v>0</v>
      </c>
      <c r="AM31" s="222">
        <v>0</v>
      </c>
      <c r="AN31" s="225">
        <v>0</v>
      </c>
      <c r="AO31" s="227">
        <v>0</v>
      </c>
      <c r="AP31" s="37"/>
    </row>
    <row r="32" spans="1:42" ht="20.25" customHeight="1" x14ac:dyDescent="0.2">
      <c r="A32" s="62" t="s">
        <v>30</v>
      </c>
      <c r="B32" s="221">
        <v>0</v>
      </c>
      <c r="C32" s="222">
        <v>0</v>
      </c>
      <c r="D32" s="222">
        <v>0</v>
      </c>
      <c r="E32" s="223">
        <v>0</v>
      </c>
      <c r="F32" s="224">
        <v>0</v>
      </c>
      <c r="G32" s="224">
        <v>0</v>
      </c>
      <c r="H32" s="224">
        <v>0</v>
      </c>
      <c r="I32" s="222">
        <v>0</v>
      </c>
      <c r="J32" s="225">
        <v>0</v>
      </c>
      <c r="K32" s="226">
        <v>0</v>
      </c>
      <c r="L32" s="221">
        <v>0</v>
      </c>
      <c r="M32" s="222">
        <v>0</v>
      </c>
      <c r="N32" s="225">
        <v>0</v>
      </c>
      <c r="O32" s="228">
        <v>0</v>
      </c>
      <c r="P32" s="224">
        <v>1</v>
      </c>
      <c r="Q32" s="224">
        <v>0</v>
      </c>
      <c r="R32" s="224">
        <v>0</v>
      </c>
      <c r="S32" s="222">
        <v>1</v>
      </c>
      <c r="T32" s="225">
        <v>2</v>
      </c>
      <c r="U32" s="229">
        <v>2</v>
      </c>
      <c r="V32" s="228">
        <v>0</v>
      </c>
      <c r="W32" s="222">
        <v>0</v>
      </c>
      <c r="X32" s="222">
        <v>0</v>
      </c>
      <c r="Y32" s="223">
        <v>0</v>
      </c>
      <c r="Z32" s="224">
        <v>0</v>
      </c>
      <c r="AA32" s="224">
        <v>0</v>
      </c>
      <c r="AB32" s="224">
        <v>0</v>
      </c>
      <c r="AC32" s="222">
        <v>0</v>
      </c>
      <c r="AD32" s="225">
        <v>0</v>
      </c>
      <c r="AE32" s="226">
        <v>0</v>
      </c>
      <c r="AF32" s="221">
        <v>0</v>
      </c>
      <c r="AG32" s="222">
        <v>0</v>
      </c>
      <c r="AH32" s="222">
        <v>0</v>
      </c>
      <c r="AI32" s="223">
        <v>0</v>
      </c>
      <c r="AJ32" s="224">
        <v>0</v>
      </c>
      <c r="AK32" s="224">
        <v>0</v>
      </c>
      <c r="AL32" s="224">
        <v>0</v>
      </c>
      <c r="AM32" s="222">
        <v>0</v>
      </c>
      <c r="AN32" s="225">
        <v>0</v>
      </c>
      <c r="AO32" s="227">
        <v>0</v>
      </c>
      <c r="AP32" s="37"/>
    </row>
    <row r="33" spans="1:42" ht="20.25" customHeight="1" x14ac:dyDescent="0.2">
      <c r="A33" s="62" t="s">
        <v>31</v>
      </c>
      <c r="B33" s="221">
        <v>0</v>
      </c>
      <c r="C33" s="222">
        <v>0</v>
      </c>
      <c r="D33" s="222">
        <v>0</v>
      </c>
      <c r="E33" s="223">
        <v>0</v>
      </c>
      <c r="F33" s="224">
        <v>0</v>
      </c>
      <c r="G33" s="224">
        <v>2</v>
      </c>
      <c r="H33" s="224">
        <v>1</v>
      </c>
      <c r="I33" s="222">
        <v>0</v>
      </c>
      <c r="J33" s="225">
        <v>3</v>
      </c>
      <c r="K33" s="226">
        <v>3</v>
      </c>
      <c r="L33" s="221">
        <v>0</v>
      </c>
      <c r="M33" s="222">
        <v>0</v>
      </c>
      <c r="N33" s="225">
        <v>0</v>
      </c>
      <c r="O33" s="228">
        <v>0</v>
      </c>
      <c r="P33" s="224">
        <v>1</v>
      </c>
      <c r="Q33" s="224">
        <v>0</v>
      </c>
      <c r="R33" s="224">
        <v>1</v>
      </c>
      <c r="S33" s="222">
        <v>1</v>
      </c>
      <c r="T33" s="225">
        <v>3</v>
      </c>
      <c r="U33" s="229">
        <v>3</v>
      </c>
      <c r="V33" s="228">
        <v>0</v>
      </c>
      <c r="W33" s="222">
        <v>0</v>
      </c>
      <c r="X33" s="222">
        <v>0</v>
      </c>
      <c r="Y33" s="223">
        <v>0</v>
      </c>
      <c r="Z33" s="224">
        <v>0</v>
      </c>
      <c r="AA33" s="224">
        <v>0</v>
      </c>
      <c r="AB33" s="224">
        <v>0</v>
      </c>
      <c r="AC33" s="222">
        <v>0</v>
      </c>
      <c r="AD33" s="225">
        <v>0</v>
      </c>
      <c r="AE33" s="226">
        <v>0</v>
      </c>
      <c r="AF33" s="221">
        <v>0</v>
      </c>
      <c r="AG33" s="222">
        <v>0</v>
      </c>
      <c r="AH33" s="222">
        <v>0</v>
      </c>
      <c r="AI33" s="223">
        <v>0</v>
      </c>
      <c r="AJ33" s="224">
        <v>0</v>
      </c>
      <c r="AK33" s="224">
        <v>0</v>
      </c>
      <c r="AL33" s="224">
        <v>0</v>
      </c>
      <c r="AM33" s="222">
        <v>0</v>
      </c>
      <c r="AN33" s="225">
        <v>0</v>
      </c>
      <c r="AO33" s="227">
        <v>0</v>
      </c>
      <c r="AP33" s="37"/>
    </row>
    <row r="34" spans="1:42" ht="20.25" customHeight="1" x14ac:dyDescent="0.2">
      <c r="A34" s="62" t="s">
        <v>32</v>
      </c>
      <c r="B34" s="221">
        <v>0</v>
      </c>
      <c r="C34" s="222">
        <v>0</v>
      </c>
      <c r="D34" s="222">
        <v>0</v>
      </c>
      <c r="E34" s="223">
        <v>0</v>
      </c>
      <c r="F34" s="224">
        <v>0</v>
      </c>
      <c r="G34" s="224">
        <v>0</v>
      </c>
      <c r="H34" s="224">
        <v>0</v>
      </c>
      <c r="I34" s="222">
        <v>1</v>
      </c>
      <c r="J34" s="225">
        <v>1</v>
      </c>
      <c r="K34" s="226">
        <v>1</v>
      </c>
      <c r="L34" s="221">
        <v>0</v>
      </c>
      <c r="M34" s="222">
        <v>0</v>
      </c>
      <c r="N34" s="225">
        <v>0</v>
      </c>
      <c r="O34" s="228">
        <v>0</v>
      </c>
      <c r="P34" s="224">
        <v>0</v>
      </c>
      <c r="Q34" s="224">
        <v>0</v>
      </c>
      <c r="R34" s="224">
        <v>0</v>
      </c>
      <c r="S34" s="222">
        <v>0</v>
      </c>
      <c r="T34" s="225">
        <v>0</v>
      </c>
      <c r="U34" s="229">
        <v>0</v>
      </c>
      <c r="V34" s="228">
        <v>0</v>
      </c>
      <c r="W34" s="222">
        <v>0</v>
      </c>
      <c r="X34" s="222">
        <v>0</v>
      </c>
      <c r="Y34" s="223">
        <v>0</v>
      </c>
      <c r="Z34" s="224">
        <v>0</v>
      </c>
      <c r="AA34" s="224">
        <v>0</v>
      </c>
      <c r="AB34" s="224">
        <v>0</v>
      </c>
      <c r="AC34" s="222">
        <v>0</v>
      </c>
      <c r="AD34" s="225">
        <v>0</v>
      </c>
      <c r="AE34" s="226">
        <v>0</v>
      </c>
      <c r="AF34" s="221">
        <v>0</v>
      </c>
      <c r="AG34" s="222">
        <v>0</v>
      </c>
      <c r="AH34" s="222">
        <v>0</v>
      </c>
      <c r="AI34" s="223">
        <v>0</v>
      </c>
      <c r="AJ34" s="224">
        <v>0</v>
      </c>
      <c r="AK34" s="224">
        <v>0</v>
      </c>
      <c r="AL34" s="224">
        <v>0</v>
      </c>
      <c r="AM34" s="222">
        <v>0</v>
      </c>
      <c r="AN34" s="225">
        <v>0</v>
      </c>
      <c r="AO34" s="227">
        <v>0</v>
      </c>
      <c r="AP34" s="37"/>
    </row>
    <row r="35" spans="1:42" ht="20.25" customHeight="1" x14ac:dyDescent="0.2">
      <c r="A35" s="62" t="s">
        <v>33</v>
      </c>
      <c r="B35" s="221">
        <v>0</v>
      </c>
      <c r="C35" s="222">
        <v>0</v>
      </c>
      <c r="D35" s="222">
        <v>0</v>
      </c>
      <c r="E35" s="223">
        <v>0</v>
      </c>
      <c r="F35" s="224">
        <v>0</v>
      </c>
      <c r="G35" s="224">
        <v>0</v>
      </c>
      <c r="H35" s="224">
        <v>1</v>
      </c>
      <c r="I35" s="222">
        <v>0</v>
      </c>
      <c r="J35" s="225">
        <v>1</v>
      </c>
      <c r="K35" s="226">
        <v>1</v>
      </c>
      <c r="L35" s="221">
        <v>0</v>
      </c>
      <c r="M35" s="222">
        <v>0</v>
      </c>
      <c r="N35" s="225">
        <v>0</v>
      </c>
      <c r="O35" s="228">
        <v>0</v>
      </c>
      <c r="P35" s="224">
        <v>0</v>
      </c>
      <c r="Q35" s="224">
        <v>0</v>
      </c>
      <c r="R35" s="224">
        <v>0</v>
      </c>
      <c r="S35" s="222">
        <v>0</v>
      </c>
      <c r="T35" s="225">
        <v>0</v>
      </c>
      <c r="U35" s="229">
        <v>0</v>
      </c>
      <c r="V35" s="228">
        <v>0</v>
      </c>
      <c r="W35" s="222">
        <v>0</v>
      </c>
      <c r="X35" s="222">
        <v>0</v>
      </c>
      <c r="Y35" s="223">
        <v>0</v>
      </c>
      <c r="Z35" s="224">
        <v>0</v>
      </c>
      <c r="AA35" s="224">
        <v>0</v>
      </c>
      <c r="AB35" s="224">
        <v>0</v>
      </c>
      <c r="AC35" s="222">
        <v>0</v>
      </c>
      <c r="AD35" s="225">
        <v>0</v>
      </c>
      <c r="AE35" s="226">
        <v>0</v>
      </c>
      <c r="AF35" s="221">
        <v>0</v>
      </c>
      <c r="AG35" s="222">
        <v>0</v>
      </c>
      <c r="AH35" s="222">
        <v>0</v>
      </c>
      <c r="AI35" s="223">
        <v>0</v>
      </c>
      <c r="AJ35" s="224">
        <v>1</v>
      </c>
      <c r="AK35" s="224">
        <v>0</v>
      </c>
      <c r="AL35" s="224">
        <v>0</v>
      </c>
      <c r="AM35" s="222">
        <v>1</v>
      </c>
      <c r="AN35" s="225">
        <v>2</v>
      </c>
      <c r="AO35" s="227">
        <v>2</v>
      </c>
      <c r="AP35" s="37"/>
    </row>
    <row r="36" spans="1:42" ht="20.25" customHeight="1" x14ac:dyDescent="0.2">
      <c r="A36" s="62" t="s">
        <v>34</v>
      </c>
      <c r="B36" s="221">
        <v>0</v>
      </c>
      <c r="C36" s="222">
        <v>0</v>
      </c>
      <c r="D36" s="222">
        <v>0</v>
      </c>
      <c r="E36" s="223">
        <v>0</v>
      </c>
      <c r="F36" s="224">
        <v>0</v>
      </c>
      <c r="G36" s="224">
        <v>0</v>
      </c>
      <c r="H36" s="224">
        <v>0</v>
      </c>
      <c r="I36" s="222">
        <v>0</v>
      </c>
      <c r="J36" s="225">
        <v>0</v>
      </c>
      <c r="K36" s="226">
        <v>0</v>
      </c>
      <c r="L36" s="221">
        <v>0</v>
      </c>
      <c r="M36" s="222">
        <v>0</v>
      </c>
      <c r="N36" s="225">
        <v>0</v>
      </c>
      <c r="O36" s="228">
        <v>0</v>
      </c>
      <c r="P36" s="224">
        <v>0</v>
      </c>
      <c r="Q36" s="224">
        <v>1</v>
      </c>
      <c r="R36" s="224">
        <v>0</v>
      </c>
      <c r="S36" s="222">
        <v>0</v>
      </c>
      <c r="T36" s="225">
        <v>1</v>
      </c>
      <c r="U36" s="229">
        <v>1</v>
      </c>
      <c r="V36" s="228">
        <v>0</v>
      </c>
      <c r="W36" s="222">
        <v>0</v>
      </c>
      <c r="X36" s="222">
        <v>0</v>
      </c>
      <c r="Y36" s="223">
        <v>0</v>
      </c>
      <c r="Z36" s="224">
        <v>0</v>
      </c>
      <c r="AA36" s="224">
        <v>0</v>
      </c>
      <c r="AB36" s="224">
        <v>0</v>
      </c>
      <c r="AC36" s="222">
        <v>0</v>
      </c>
      <c r="AD36" s="225">
        <v>0</v>
      </c>
      <c r="AE36" s="226">
        <v>0</v>
      </c>
      <c r="AF36" s="221">
        <v>0</v>
      </c>
      <c r="AG36" s="222">
        <v>0</v>
      </c>
      <c r="AH36" s="222">
        <v>0</v>
      </c>
      <c r="AI36" s="223">
        <v>0</v>
      </c>
      <c r="AJ36" s="224">
        <v>0</v>
      </c>
      <c r="AK36" s="224">
        <v>0</v>
      </c>
      <c r="AL36" s="224">
        <v>0</v>
      </c>
      <c r="AM36" s="222">
        <v>0</v>
      </c>
      <c r="AN36" s="225">
        <v>0</v>
      </c>
      <c r="AO36" s="227">
        <v>0</v>
      </c>
      <c r="AP36" s="37"/>
    </row>
    <row r="37" spans="1:42" ht="20.25" customHeight="1" x14ac:dyDescent="0.2">
      <c r="A37" s="62" t="s">
        <v>35</v>
      </c>
      <c r="B37" s="221">
        <v>0</v>
      </c>
      <c r="C37" s="222">
        <v>0</v>
      </c>
      <c r="D37" s="222">
        <v>0</v>
      </c>
      <c r="E37" s="223">
        <v>0</v>
      </c>
      <c r="F37" s="224">
        <v>0</v>
      </c>
      <c r="G37" s="224">
        <v>1</v>
      </c>
      <c r="H37" s="224">
        <v>2</v>
      </c>
      <c r="I37" s="222">
        <v>0</v>
      </c>
      <c r="J37" s="225">
        <v>3</v>
      </c>
      <c r="K37" s="226">
        <v>3</v>
      </c>
      <c r="L37" s="221">
        <v>0</v>
      </c>
      <c r="M37" s="222">
        <v>0</v>
      </c>
      <c r="N37" s="225">
        <v>0</v>
      </c>
      <c r="O37" s="228">
        <v>0</v>
      </c>
      <c r="P37" s="224">
        <v>0</v>
      </c>
      <c r="Q37" s="224">
        <v>1</v>
      </c>
      <c r="R37" s="224">
        <v>1</v>
      </c>
      <c r="S37" s="222">
        <v>0</v>
      </c>
      <c r="T37" s="225">
        <v>2</v>
      </c>
      <c r="U37" s="229">
        <v>2</v>
      </c>
      <c r="V37" s="228">
        <v>0</v>
      </c>
      <c r="W37" s="222">
        <v>0</v>
      </c>
      <c r="X37" s="222">
        <v>0</v>
      </c>
      <c r="Y37" s="223">
        <v>0</v>
      </c>
      <c r="Z37" s="224">
        <v>0</v>
      </c>
      <c r="AA37" s="224">
        <v>0</v>
      </c>
      <c r="AB37" s="224">
        <v>0</v>
      </c>
      <c r="AC37" s="222">
        <v>0</v>
      </c>
      <c r="AD37" s="225">
        <v>0</v>
      </c>
      <c r="AE37" s="226">
        <v>0</v>
      </c>
      <c r="AF37" s="221">
        <v>0</v>
      </c>
      <c r="AG37" s="222">
        <v>0</v>
      </c>
      <c r="AH37" s="222">
        <v>0</v>
      </c>
      <c r="AI37" s="223">
        <v>0</v>
      </c>
      <c r="AJ37" s="224">
        <v>0</v>
      </c>
      <c r="AK37" s="224">
        <v>0</v>
      </c>
      <c r="AL37" s="224">
        <v>0</v>
      </c>
      <c r="AM37" s="222">
        <v>0</v>
      </c>
      <c r="AN37" s="225">
        <v>0</v>
      </c>
      <c r="AO37" s="227">
        <v>0</v>
      </c>
      <c r="AP37" s="37"/>
    </row>
    <row r="38" spans="1:42" ht="20.25" customHeight="1" x14ac:dyDescent="0.2">
      <c r="A38" s="62" t="s">
        <v>36</v>
      </c>
      <c r="B38" s="221">
        <v>0</v>
      </c>
      <c r="C38" s="222">
        <v>0</v>
      </c>
      <c r="D38" s="222">
        <v>0</v>
      </c>
      <c r="E38" s="223">
        <v>0</v>
      </c>
      <c r="F38" s="224">
        <v>0</v>
      </c>
      <c r="G38" s="224">
        <v>0</v>
      </c>
      <c r="H38" s="224">
        <v>1</v>
      </c>
      <c r="I38" s="222">
        <v>2</v>
      </c>
      <c r="J38" s="225">
        <v>3</v>
      </c>
      <c r="K38" s="226">
        <v>3</v>
      </c>
      <c r="L38" s="221">
        <v>0</v>
      </c>
      <c r="M38" s="222">
        <v>0</v>
      </c>
      <c r="N38" s="225">
        <v>0</v>
      </c>
      <c r="O38" s="228">
        <v>1</v>
      </c>
      <c r="P38" s="224">
        <v>0</v>
      </c>
      <c r="Q38" s="224">
        <v>0</v>
      </c>
      <c r="R38" s="224">
        <v>1</v>
      </c>
      <c r="S38" s="222">
        <v>1</v>
      </c>
      <c r="T38" s="225">
        <v>3</v>
      </c>
      <c r="U38" s="229">
        <v>3</v>
      </c>
      <c r="V38" s="228">
        <v>0</v>
      </c>
      <c r="W38" s="222">
        <v>0</v>
      </c>
      <c r="X38" s="222">
        <v>0</v>
      </c>
      <c r="Y38" s="223">
        <v>0</v>
      </c>
      <c r="Z38" s="224">
        <v>0</v>
      </c>
      <c r="AA38" s="224">
        <v>0</v>
      </c>
      <c r="AB38" s="224">
        <v>0</v>
      </c>
      <c r="AC38" s="222">
        <v>0</v>
      </c>
      <c r="AD38" s="225">
        <v>0</v>
      </c>
      <c r="AE38" s="226">
        <v>0</v>
      </c>
      <c r="AF38" s="221">
        <v>0</v>
      </c>
      <c r="AG38" s="222">
        <v>0</v>
      </c>
      <c r="AH38" s="222">
        <v>0</v>
      </c>
      <c r="AI38" s="223">
        <v>0</v>
      </c>
      <c r="AJ38" s="224">
        <v>0</v>
      </c>
      <c r="AK38" s="224">
        <v>0</v>
      </c>
      <c r="AL38" s="224">
        <v>0</v>
      </c>
      <c r="AM38" s="222">
        <v>0</v>
      </c>
      <c r="AN38" s="225">
        <v>0</v>
      </c>
      <c r="AO38" s="227">
        <v>0</v>
      </c>
      <c r="AP38" s="37"/>
    </row>
    <row r="39" spans="1:42" ht="20.25" customHeight="1" thickBot="1" x14ac:dyDescent="0.25">
      <c r="A39" s="63" t="s">
        <v>37</v>
      </c>
      <c r="B39" s="230">
        <v>0</v>
      </c>
      <c r="C39" s="231">
        <v>0</v>
      </c>
      <c r="D39" s="231">
        <v>0</v>
      </c>
      <c r="E39" s="232">
        <v>0</v>
      </c>
      <c r="F39" s="233">
        <v>0</v>
      </c>
      <c r="G39" s="233">
        <v>0</v>
      </c>
      <c r="H39" s="233">
        <v>0</v>
      </c>
      <c r="I39" s="231">
        <v>0</v>
      </c>
      <c r="J39" s="234">
        <v>0</v>
      </c>
      <c r="K39" s="235">
        <v>0</v>
      </c>
      <c r="L39" s="230">
        <v>0</v>
      </c>
      <c r="M39" s="231">
        <v>0</v>
      </c>
      <c r="N39" s="234">
        <v>0</v>
      </c>
      <c r="O39" s="237">
        <v>0</v>
      </c>
      <c r="P39" s="233">
        <v>0</v>
      </c>
      <c r="Q39" s="233">
        <v>0</v>
      </c>
      <c r="R39" s="233">
        <v>0</v>
      </c>
      <c r="S39" s="231">
        <v>0</v>
      </c>
      <c r="T39" s="234">
        <v>0</v>
      </c>
      <c r="U39" s="238">
        <v>0</v>
      </c>
      <c r="V39" s="237">
        <v>0</v>
      </c>
      <c r="W39" s="231">
        <v>0</v>
      </c>
      <c r="X39" s="231">
        <v>0</v>
      </c>
      <c r="Y39" s="232">
        <v>0</v>
      </c>
      <c r="Z39" s="233">
        <v>0</v>
      </c>
      <c r="AA39" s="233">
        <v>0</v>
      </c>
      <c r="AB39" s="233">
        <v>0</v>
      </c>
      <c r="AC39" s="231">
        <v>0</v>
      </c>
      <c r="AD39" s="234">
        <v>0</v>
      </c>
      <c r="AE39" s="235">
        <v>0</v>
      </c>
      <c r="AF39" s="230">
        <v>0</v>
      </c>
      <c r="AG39" s="231">
        <v>0</v>
      </c>
      <c r="AH39" s="231">
        <v>0</v>
      </c>
      <c r="AI39" s="232">
        <v>0</v>
      </c>
      <c r="AJ39" s="233">
        <v>0</v>
      </c>
      <c r="AK39" s="233">
        <v>0</v>
      </c>
      <c r="AL39" s="233">
        <v>0</v>
      </c>
      <c r="AM39" s="231">
        <v>1</v>
      </c>
      <c r="AN39" s="234">
        <v>1</v>
      </c>
      <c r="AO39" s="236">
        <v>1</v>
      </c>
      <c r="AP39" s="37"/>
    </row>
    <row r="40" spans="1:42" x14ac:dyDescent="0.2">
      <c r="B40" s="38"/>
      <c r="C40" s="38"/>
      <c r="D40" s="38"/>
      <c r="E40" s="38"/>
      <c r="F40" s="38"/>
      <c r="G40" s="38"/>
      <c r="H40" s="38"/>
      <c r="I40" s="38"/>
      <c r="J40" s="38"/>
      <c r="K40" s="38"/>
      <c r="L40" s="37"/>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row>
    <row r="41" spans="1:42" x14ac:dyDescent="0.2">
      <c r="B41" s="38"/>
      <c r="C41" s="38"/>
      <c r="D41" s="38"/>
      <c r="E41" s="38"/>
      <c r="F41" s="38"/>
      <c r="G41" s="38"/>
      <c r="H41" s="38"/>
      <c r="I41" s="38"/>
      <c r="J41" s="38"/>
      <c r="K41" s="38"/>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row>
    <row r="42" spans="1:42" x14ac:dyDescent="0.2">
      <c r="B42" s="38"/>
      <c r="C42" s="38"/>
      <c r="D42" s="38"/>
      <c r="E42" s="38"/>
      <c r="F42" s="38"/>
      <c r="G42" s="38"/>
      <c r="H42" s="38"/>
      <c r="I42" s="38"/>
      <c r="J42" s="38"/>
      <c r="K42" s="38"/>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row>
    <row r="43" spans="1:42" x14ac:dyDescent="0.2">
      <c r="B43" s="38"/>
      <c r="C43" s="38"/>
      <c r="D43" s="38"/>
      <c r="E43" s="38"/>
      <c r="F43" s="38"/>
      <c r="G43" s="38"/>
      <c r="H43" s="38"/>
      <c r="I43" s="38"/>
      <c r="J43" s="38"/>
      <c r="K43" s="38"/>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row>
    <row r="44" spans="1:42" x14ac:dyDescent="0.2">
      <c r="B44" s="38"/>
      <c r="C44" s="38"/>
      <c r="D44" s="38"/>
      <c r="E44" s="38"/>
      <c r="F44" s="38"/>
      <c r="G44" s="38"/>
      <c r="H44" s="38"/>
      <c r="I44" s="38"/>
      <c r="J44" s="38"/>
      <c r="K44" s="38"/>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row>
    <row r="45" spans="1:42" x14ac:dyDescent="0.2">
      <c r="B45" s="3"/>
      <c r="C45" s="3"/>
      <c r="D45" s="3"/>
      <c r="E45" s="3"/>
      <c r="F45" s="3"/>
      <c r="G45" s="3"/>
      <c r="H45" s="3"/>
      <c r="I45" s="3"/>
      <c r="J45" s="3"/>
      <c r="K45" s="3"/>
    </row>
    <row r="46" spans="1:42" x14ac:dyDescent="0.2">
      <c r="B46" s="3"/>
      <c r="C46" s="3"/>
      <c r="D46" s="3"/>
      <c r="E46" s="3"/>
      <c r="F46" s="3"/>
      <c r="G46" s="3"/>
      <c r="H46" s="3"/>
      <c r="I46" s="3"/>
      <c r="J46" s="3"/>
      <c r="K46" s="3"/>
    </row>
    <row r="47" spans="1:42" x14ac:dyDescent="0.2">
      <c r="B47" s="3"/>
      <c r="C47" s="3"/>
      <c r="D47" s="3"/>
      <c r="E47" s="3"/>
      <c r="F47" s="3"/>
      <c r="G47" s="3"/>
      <c r="H47" s="3"/>
      <c r="I47" s="3"/>
      <c r="J47" s="3"/>
      <c r="K47" s="3"/>
    </row>
    <row r="48" spans="1:42" x14ac:dyDescent="0.2">
      <c r="B48" s="3"/>
      <c r="C48" s="3"/>
      <c r="D48" s="3"/>
      <c r="E48" s="3"/>
      <c r="F48" s="3"/>
      <c r="G48" s="3"/>
      <c r="H48" s="3"/>
      <c r="I48" s="3"/>
      <c r="J48" s="3"/>
      <c r="K48" s="3"/>
    </row>
    <row r="49" spans="2:11" x14ac:dyDescent="0.2">
      <c r="B49" s="3"/>
      <c r="C49" s="3"/>
      <c r="D49" s="3"/>
      <c r="E49" s="3"/>
      <c r="F49" s="3"/>
      <c r="G49" s="3"/>
      <c r="H49" s="3"/>
      <c r="I49" s="3"/>
      <c r="J49" s="3"/>
      <c r="K49" s="3"/>
    </row>
    <row r="50" spans="2:11" x14ac:dyDescent="0.2">
      <c r="B50" s="3"/>
      <c r="C50" s="3"/>
      <c r="D50" s="3"/>
      <c r="E50" s="3"/>
      <c r="F50" s="3"/>
      <c r="G50" s="3"/>
      <c r="H50" s="3"/>
      <c r="I50" s="3"/>
      <c r="J50" s="3"/>
      <c r="K50" s="3"/>
    </row>
    <row r="51" spans="2:11" x14ac:dyDescent="0.2">
      <c r="B51" s="3"/>
      <c r="C51" s="3"/>
      <c r="D51" s="3"/>
      <c r="E51" s="3"/>
      <c r="F51" s="3"/>
      <c r="G51" s="3"/>
      <c r="H51" s="3"/>
      <c r="I51" s="3"/>
      <c r="J51" s="3"/>
      <c r="K51" s="3"/>
    </row>
    <row r="52" spans="2:11" x14ac:dyDescent="0.2">
      <c r="B52" s="3"/>
      <c r="C52" s="3"/>
      <c r="D52" s="3"/>
      <c r="E52" s="3"/>
      <c r="F52" s="3"/>
      <c r="G52" s="3"/>
      <c r="H52" s="3"/>
      <c r="I52" s="3"/>
      <c r="J52" s="3"/>
      <c r="K52" s="3"/>
    </row>
    <row r="53" spans="2:11" x14ac:dyDescent="0.2">
      <c r="B53" s="3"/>
      <c r="C53" s="3"/>
      <c r="D53" s="3"/>
      <c r="E53" s="3"/>
      <c r="F53" s="3"/>
      <c r="G53" s="3"/>
      <c r="H53" s="3"/>
      <c r="I53" s="3"/>
      <c r="J53" s="3"/>
      <c r="K53" s="3"/>
    </row>
    <row r="54" spans="2:11" x14ac:dyDescent="0.2">
      <c r="B54" s="3"/>
      <c r="C54" s="3"/>
      <c r="D54" s="3"/>
      <c r="E54" s="3"/>
      <c r="F54" s="3"/>
      <c r="G54" s="3"/>
      <c r="H54" s="3"/>
      <c r="I54" s="3"/>
      <c r="J54" s="3"/>
      <c r="K54" s="3"/>
    </row>
    <row r="55" spans="2:11" x14ac:dyDescent="0.2">
      <c r="B55" s="3"/>
      <c r="C55" s="3"/>
      <c r="D55" s="3"/>
      <c r="E55" s="3"/>
      <c r="F55" s="3"/>
      <c r="G55" s="3"/>
      <c r="H55" s="3"/>
      <c r="I55" s="3"/>
      <c r="J55" s="3"/>
      <c r="K55" s="3"/>
    </row>
    <row r="56" spans="2:11" x14ac:dyDescent="0.2">
      <c r="B56" s="3"/>
      <c r="C56" s="3"/>
      <c r="D56" s="3"/>
      <c r="E56" s="3"/>
      <c r="F56" s="3"/>
      <c r="G56" s="3"/>
      <c r="H56" s="3"/>
      <c r="I56" s="3"/>
      <c r="J56" s="3"/>
      <c r="K56" s="3"/>
    </row>
    <row r="57" spans="2:11" x14ac:dyDescent="0.2">
      <c r="B57" s="3"/>
      <c r="C57" s="3"/>
      <c r="D57" s="3"/>
      <c r="E57" s="3"/>
      <c r="F57" s="3"/>
      <c r="G57" s="3"/>
      <c r="H57" s="3"/>
      <c r="I57" s="3"/>
      <c r="J57" s="3"/>
      <c r="K57" s="3"/>
    </row>
    <row r="58" spans="2:11" x14ac:dyDescent="0.2">
      <c r="B58" s="3"/>
      <c r="C58" s="3"/>
      <c r="D58" s="3"/>
      <c r="E58" s="3"/>
      <c r="F58" s="3"/>
      <c r="G58" s="3"/>
      <c r="H58" s="3"/>
      <c r="I58" s="3"/>
      <c r="J58" s="3"/>
      <c r="K58" s="3"/>
    </row>
    <row r="59" spans="2:11" x14ac:dyDescent="0.2">
      <c r="B59" s="3"/>
      <c r="C59" s="3"/>
      <c r="D59" s="3"/>
      <c r="E59" s="3"/>
      <c r="F59" s="3"/>
      <c r="G59" s="3"/>
      <c r="H59" s="3"/>
      <c r="I59" s="3"/>
      <c r="J59" s="3"/>
      <c r="K59" s="3"/>
    </row>
    <row r="60" spans="2:11" x14ac:dyDescent="0.2">
      <c r="B60" s="3"/>
      <c r="C60" s="3"/>
      <c r="D60" s="3"/>
      <c r="E60" s="3"/>
      <c r="F60" s="3"/>
      <c r="G60" s="3"/>
      <c r="H60" s="3"/>
      <c r="I60" s="3"/>
      <c r="J60" s="3"/>
      <c r="K60" s="3"/>
    </row>
    <row r="61" spans="2:11" x14ac:dyDescent="0.2">
      <c r="B61" s="3"/>
      <c r="C61" s="3"/>
      <c r="D61" s="3"/>
      <c r="E61" s="3"/>
      <c r="F61" s="3"/>
      <c r="G61" s="3"/>
      <c r="H61" s="3"/>
      <c r="I61" s="3"/>
      <c r="J61" s="3"/>
      <c r="K61" s="3"/>
    </row>
    <row r="62" spans="2:11" x14ac:dyDescent="0.2">
      <c r="B62" s="3"/>
      <c r="C62" s="3"/>
      <c r="D62" s="3"/>
      <c r="E62" s="3"/>
      <c r="F62" s="3"/>
      <c r="G62" s="3"/>
      <c r="H62" s="3"/>
      <c r="I62" s="3"/>
      <c r="J62" s="3"/>
      <c r="K62" s="3"/>
    </row>
    <row r="63" spans="2:11" x14ac:dyDescent="0.2">
      <c r="B63" s="3"/>
      <c r="C63" s="3"/>
      <c r="D63" s="3"/>
      <c r="E63" s="3"/>
      <c r="F63" s="3"/>
      <c r="G63" s="3"/>
      <c r="H63" s="3"/>
      <c r="I63" s="3"/>
      <c r="J63" s="3"/>
      <c r="K63" s="3"/>
    </row>
    <row r="64" spans="2:11" x14ac:dyDescent="0.2">
      <c r="B64" s="3"/>
      <c r="C64" s="3"/>
      <c r="D64" s="3"/>
      <c r="E64" s="3"/>
      <c r="F64" s="3"/>
      <c r="G64" s="3"/>
      <c r="H64" s="3"/>
      <c r="I64" s="3"/>
      <c r="J64" s="3"/>
      <c r="K64" s="3"/>
    </row>
    <row r="65" spans="2:11" x14ac:dyDescent="0.2">
      <c r="B65" s="3"/>
      <c r="C65" s="3"/>
      <c r="D65" s="3"/>
      <c r="E65" s="3"/>
      <c r="F65" s="3"/>
      <c r="G65" s="3"/>
      <c r="H65" s="3"/>
      <c r="I65" s="3"/>
      <c r="J65" s="3"/>
      <c r="K65" s="3"/>
    </row>
    <row r="66" spans="2:11" x14ac:dyDescent="0.2">
      <c r="B66" s="3"/>
      <c r="C66" s="3"/>
      <c r="D66" s="3"/>
      <c r="E66" s="3"/>
      <c r="F66" s="3"/>
      <c r="G66" s="3"/>
      <c r="H66" s="3"/>
      <c r="I66" s="3"/>
      <c r="J66" s="3"/>
      <c r="K66" s="3"/>
    </row>
    <row r="67" spans="2:11" x14ac:dyDescent="0.2">
      <c r="B67" s="3"/>
      <c r="C67" s="3"/>
      <c r="D67" s="3"/>
      <c r="E67" s="3"/>
      <c r="F67" s="3"/>
      <c r="G67" s="3"/>
      <c r="H67" s="3"/>
      <c r="I67" s="3"/>
      <c r="J67" s="3"/>
      <c r="K67" s="3"/>
    </row>
    <row r="68" spans="2:11" x14ac:dyDescent="0.2">
      <c r="B68" s="3"/>
      <c r="C68" s="3"/>
      <c r="D68" s="3"/>
      <c r="E68" s="3"/>
      <c r="F68" s="3"/>
      <c r="G68" s="3"/>
      <c r="H68" s="3"/>
      <c r="I68" s="3"/>
      <c r="J68" s="3"/>
      <c r="K68" s="3"/>
    </row>
    <row r="69" spans="2:11" x14ac:dyDescent="0.2">
      <c r="B69" s="3"/>
      <c r="C69" s="3"/>
      <c r="D69" s="3"/>
      <c r="E69" s="3"/>
      <c r="F69" s="3"/>
      <c r="G69" s="3"/>
      <c r="H69" s="3"/>
      <c r="I69" s="3"/>
      <c r="J69" s="3"/>
      <c r="K69" s="3"/>
    </row>
    <row r="70" spans="2:11" x14ac:dyDescent="0.2">
      <c r="B70" s="3"/>
      <c r="C70" s="3"/>
      <c r="D70" s="3"/>
      <c r="E70" s="3"/>
      <c r="F70" s="3"/>
      <c r="G70" s="3"/>
      <c r="H70" s="3"/>
      <c r="I70" s="3"/>
      <c r="J70" s="3"/>
      <c r="K70" s="3"/>
    </row>
    <row r="71" spans="2:11" x14ac:dyDescent="0.2">
      <c r="B71" s="3"/>
      <c r="C71" s="3"/>
      <c r="D71" s="3"/>
      <c r="E71" s="3"/>
      <c r="F71" s="3"/>
      <c r="G71" s="3"/>
      <c r="H71" s="3"/>
      <c r="I71" s="3"/>
      <c r="J71" s="3"/>
      <c r="K71" s="3"/>
    </row>
    <row r="72" spans="2:11" x14ac:dyDescent="0.2">
      <c r="B72" s="3"/>
      <c r="C72" s="3"/>
      <c r="D72" s="3"/>
      <c r="E72" s="3"/>
      <c r="F72" s="3"/>
      <c r="G72" s="3"/>
      <c r="H72" s="3"/>
      <c r="I72" s="3"/>
      <c r="J72" s="3"/>
      <c r="K72" s="3"/>
    </row>
    <row r="73" spans="2:11" x14ac:dyDescent="0.2">
      <c r="B73" s="3"/>
      <c r="C73" s="3"/>
      <c r="D73" s="3"/>
      <c r="E73" s="3"/>
      <c r="F73" s="3"/>
      <c r="G73" s="3"/>
      <c r="H73" s="3"/>
      <c r="I73" s="3"/>
      <c r="J73" s="3"/>
      <c r="K73" s="3"/>
    </row>
    <row r="74" spans="2:11" x14ac:dyDescent="0.2">
      <c r="B74" s="3"/>
      <c r="C74" s="3"/>
      <c r="D74" s="3"/>
      <c r="E74" s="3"/>
      <c r="F74" s="3"/>
      <c r="G74" s="3"/>
      <c r="H74" s="3"/>
      <c r="I74" s="3"/>
      <c r="J74" s="3"/>
      <c r="K74" s="3"/>
    </row>
    <row r="75" spans="2:11" x14ac:dyDescent="0.2">
      <c r="B75" s="3"/>
      <c r="C75" s="3"/>
      <c r="D75" s="3"/>
      <c r="E75" s="3"/>
      <c r="F75" s="3"/>
      <c r="G75" s="3"/>
      <c r="H75" s="3"/>
      <c r="I75" s="3"/>
      <c r="J75" s="3"/>
      <c r="K75" s="3"/>
    </row>
    <row r="76" spans="2:11" x14ac:dyDescent="0.2">
      <c r="B76" s="3"/>
      <c r="C76" s="3"/>
      <c r="D76" s="3"/>
      <c r="E76" s="3"/>
      <c r="F76" s="3"/>
      <c r="G76" s="3"/>
      <c r="H76" s="3"/>
      <c r="I76" s="3"/>
      <c r="J76" s="3"/>
      <c r="K76" s="3"/>
    </row>
    <row r="77" spans="2:11" x14ac:dyDescent="0.2">
      <c r="B77" s="3"/>
      <c r="C77" s="3"/>
      <c r="D77" s="3"/>
      <c r="E77" s="3"/>
      <c r="F77" s="3"/>
      <c r="G77" s="3"/>
      <c r="H77" s="3"/>
      <c r="I77" s="3"/>
      <c r="J77" s="3"/>
      <c r="K77" s="3"/>
    </row>
    <row r="78" spans="2:11" x14ac:dyDescent="0.2">
      <c r="B78" s="3"/>
      <c r="C78" s="3"/>
      <c r="D78" s="3"/>
      <c r="E78" s="3"/>
      <c r="F78" s="3"/>
      <c r="G78" s="3"/>
      <c r="H78" s="3"/>
      <c r="I78" s="3"/>
      <c r="J78" s="3"/>
      <c r="K78" s="3"/>
    </row>
    <row r="79" spans="2:11" x14ac:dyDescent="0.2">
      <c r="B79" s="3"/>
      <c r="C79" s="3"/>
      <c r="D79" s="3"/>
      <c r="E79" s="3"/>
      <c r="F79" s="3"/>
      <c r="G79" s="3"/>
      <c r="H79" s="3"/>
      <c r="I79" s="3"/>
      <c r="J79" s="3"/>
      <c r="K79" s="3"/>
    </row>
    <row r="80" spans="2:11" x14ac:dyDescent="0.2">
      <c r="B80" s="3"/>
      <c r="C80" s="3"/>
      <c r="D80" s="3"/>
      <c r="E80" s="3"/>
      <c r="F80" s="3"/>
      <c r="G80" s="3"/>
      <c r="H80" s="3"/>
      <c r="I80" s="3"/>
      <c r="J80" s="3"/>
      <c r="K80" s="3"/>
    </row>
    <row r="81" spans="2:11" x14ac:dyDescent="0.2">
      <c r="B81" s="3"/>
      <c r="C81" s="3"/>
      <c r="D81" s="3"/>
      <c r="E81" s="3"/>
      <c r="F81" s="3"/>
      <c r="G81" s="3"/>
      <c r="H81" s="3"/>
      <c r="I81" s="3"/>
      <c r="J81" s="3"/>
      <c r="K81" s="3"/>
    </row>
    <row r="82" spans="2:11" x14ac:dyDescent="0.2">
      <c r="B82" s="3"/>
      <c r="C82" s="3"/>
      <c r="D82" s="3"/>
      <c r="E82" s="3"/>
      <c r="F82" s="3"/>
      <c r="G82" s="3"/>
      <c r="H82" s="3"/>
      <c r="I82" s="3"/>
      <c r="J82" s="3"/>
      <c r="K82" s="3"/>
    </row>
    <row r="83" spans="2:11" x14ac:dyDescent="0.2">
      <c r="B83" s="3"/>
      <c r="C83" s="3"/>
      <c r="D83" s="3"/>
      <c r="E83" s="3"/>
      <c r="F83" s="3"/>
      <c r="G83" s="3"/>
      <c r="H83" s="3"/>
      <c r="I83" s="3"/>
      <c r="J83" s="3"/>
      <c r="K83" s="3"/>
    </row>
    <row r="84" spans="2:11" x14ac:dyDescent="0.2">
      <c r="B84" s="3"/>
      <c r="C84" s="3"/>
      <c r="D84" s="3"/>
      <c r="E84" s="3"/>
      <c r="F84" s="3"/>
      <c r="G84" s="3"/>
      <c r="H84" s="3"/>
      <c r="I84" s="3"/>
      <c r="J84" s="3"/>
      <c r="K84" s="3"/>
    </row>
    <row r="85" spans="2:11" x14ac:dyDescent="0.2">
      <c r="B85" s="3"/>
      <c r="C85" s="3"/>
      <c r="D85" s="3"/>
      <c r="E85" s="3"/>
      <c r="F85" s="3"/>
      <c r="G85" s="3"/>
      <c r="H85" s="3"/>
      <c r="I85" s="3"/>
      <c r="J85" s="3"/>
      <c r="K85" s="3"/>
    </row>
    <row r="86" spans="2:11" x14ac:dyDescent="0.2">
      <c r="B86" s="3"/>
      <c r="C86" s="3"/>
      <c r="D86" s="3"/>
      <c r="E86" s="3"/>
      <c r="F86" s="3"/>
      <c r="G86" s="3"/>
      <c r="H86" s="3"/>
      <c r="I86" s="3"/>
      <c r="J86" s="3"/>
      <c r="K86" s="3"/>
    </row>
    <row r="87" spans="2:11" x14ac:dyDescent="0.2">
      <c r="B87" s="3"/>
      <c r="C87" s="3"/>
      <c r="D87" s="3"/>
      <c r="E87" s="3"/>
      <c r="F87" s="3"/>
      <c r="G87" s="3"/>
      <c r="H87" s="3"/>
      <c r="I87" s="3"/>
      <c r="J87" s="3"/>
      <c r="K87" s="3"/>
    </row>
    <row r="88" spans="2:11" x14ac:dyDescent="0.2">
      <c r="B88" s="3"/>
      <c r="C88" s="3"/>
      <c r="D88" s="3"/>
      <c r="E88" s="3"/>
      <c r="F88" s="3"/>
      <c r="G88" s="3"/>
      <c r="H88" s="3"/>
      <c r="I88" s="3"/>
      <c r="J88" s="3"/>
      <c r="K88" s="3"/>
    </row>
    <row r="89" spans="2:11" x14ac:dyDescent="0.2">
      <c r="B89" s="3"/>
      <c r="C89" s="3"/>
      <c r="D89" s="3"/>
      <c r="E89" s="3"/>
      <c r="F89" s="3"/>
      <c r="G89" s="3"/>
      <c r="H89" s="3"/>
      <c r="I89" s="3"/>
      <c r="J89" s="3"/>
      <c r="K89" s="3"/>
    </row>
    <row r="90" spans="2:11" x14ac:dyDescent="0.2">
      <c r="B90" s="3"/>
      <c r="C90" s="3"/>
      <c r="D90" s="3"/>
      <c r="E90" s="3"/>
      <c r="F90" s="3"/>
      <c r="G90" s="3"/>
      <c r="H90" s="3"/>
      <c r="I90" s="3"/>
      <c r="J90" s="3"/>
      <c r="K90" s="3"/>
    </row>
    <row r="91" spans="2:11" x14ac:dyDescent="0.2">
      <c r="B91" s="3"/>
      <c r="C91" s="3"/>
      <c r="D91" s="3"/>
      <c r="E91" s="3"/>
      <c r="F91" s="3"/>
      <c r="G91" s="3"/>
      <c r="H91" s="3"/>
      <c r="I91" s="3"/>
      <c r="J91" s="3"/>
      <c r="K91" s="3"/>
    </row>
    <row r="92" spans="2:11" x14ac:dyDescent="0.2">
      <c r="B92" s="3"/>
      <c r="C92" s="3"/>
      <c r="D92" s="3"/>
      <c r="E92" s="3"/>
      <c r="F92" s="3"/>
      <c r="G92" s="3"/>
      <c r="H92" s="3"/>
      <c r="I92" s="3"/>
      <c r="J92" s="3"/>
      <c r="K92" s="3"/>
    </row>
    <row r="93" spans="2:11" x14ac:dyDescent="0.2">
      <c r="B93" s="3"/>
      <c r="C93" s="3"/>
      <c r="D93" s="3"/>
      <c r="E93" s="3"/>
      <c r="F93" s="3"/>
      <c r="G93" s="3"/>
      <c r="H93" s="3"/>
      <c r="I93" s="3"/>
      <c r="J93" s="3"/>
      <c r="K93" s="3"/>
    </row>
    <row r="94" spans="2:11" x14ac:dyDescent="0.2">
      <c r="B94" s="3"/>
      <c r="C94" s="3"/>
      <c r="D94" s="3"/>
      <c r="E94" s="3"/>
      <c r="F94" s="3"/>
      <c r="G94" s="3"/>
      <c r="H94" s="3"/>
      <c r="I94" s="3"/>
      <c r="J94" s="3"/>
      <c r="K94" s="3"/>
    </row>
    <row r="95" spans="2:11" x14ac:dyDescent="0.2">
      <c r="B95" s="3"/>
      <c r="C95" s="3"/>
      <c r="D95" s="3"/>
      <c r="E95" s="3"/>
      <c r="F95" s="3"/>
      <c r="G95" s="3"/>
      <c r="H95" s="3"/>
      <c r="I95" s="3"/>
      <c r="J95" s="3"/>
      <c r="K95" s="3"/>
    </row>
    <row r="96" spans="2:11" x14ac:dyDescent="0.2">
      <c r="B96" s="3"/>
      <c r="C96" s="3"/>
      <c r="D96" s="3"/>
      <c r="E96" s="3"/>
      <c r="F96" s="3"/>
      <c r="G96" s="3"/>
      <c r="H96" s="3"/>
      <c r="I96" s="3"/>
      <c r="J96" s="3"/>
      <c r="K96" s="3"/>
    </row>
    <row r="97" spans="2:11" x14ac:dyDescent="0.2">
      <c r="B97" s="3"/>
      <c r="C97" s="3"/>
      <c r="D97" s="3"/>
      <c r="E97" s="3"/>
      <c r="F97" s="3"/>
      <c r="G97" s="3"/>
      <c r="H97" s="3"/>
      <c r="I97" s="3"/>
      <c r="J97" s="3"/>
      <c r="K97" s="3"/>
    </row>
    <row r="98" spans="2:11" x14ac:dyDescent="0.2">
      <c r="B98" s="3"/>
      <c r="C98" s="3"/>
      <c r="D98" s="3"/>
      <c r="E98" s="3"/>
      <c r="F98" s="3"/>
      <c r="G98" s="3"/>
      <c r="H98" s="3"/>
      <c r="I98" s="3"/>
      <c r="J98" s="3"/>
      <c r="K98" s="3"/>
    </row>
    <row r="99" spans="2:11" x14ac:dyDescent="0.2">
      <c r="B99" s="3"/>
      <c r="C99" s="3"/>
      <c r="D99" s="3"/>
      <c r="E99" s="3"/>
      <c r="F99" s="3"/>
      <c r="G99" s="3"/>
      <c r="H99" s="3"/>
      <c r="I99" s="3"/>
      <c r="J99" s="3"/>
      <c r="K99" s="3"/>
    </row>
    <row r="100" spans="2:11" x14ac:dyDescent="0.2">
      <c r="B100" s="3"/>
      <c r="C100" s="3"/>
      <c r="D100" s="3"/>
      <c r="E100" s="3"/>
      <c r="F100" s="3"/>
      <c r="G100" s="3"/>
      <c r="H100" s="3"/>
      <c r="I100" s="3"/>
      <c r="J100" s="3"/>
      <c r="K100" s="3"/>
    </row>
    <row r="101" spans="2:11" x14ac:dyDescent="0.2">
      <c r="B101" s="3"/>
      <c r="C101" s="3"/>
      <c r="D101" s="3"/>
      <c r="E101" s="3"/>
      <c r="F101" s="3"/>
      <c r="G101" s="3"/>
      <c r="H101" s="3"/>
      <c r="I101" s="3"/>
      <c r="J101" s="3"/>
      <c r="K101" s="3"/>
    </row>
    <row r="102" spans="2:11" x14ac:dyDescent="0.2">
      <c r="B102" s="3"/>
      <c r="C102" s="3"/>
      <c r="D102" s="3"/>
      <c r="E102" s="3"/>
      <c r="F102" s="3"/>
      <c r="G102" s="3"/>
      <c r="H102" s="3"/>
      <c r="I102" s="3"/>
      <c r="J102" s="3"/>
      <c r="K102" s="3"/>
    </row>
    <row r="103" spans="2:11" x14ac:dyDescent="0.2">
      <c r="B103" s="3"/>
      <c r="C103" s="3"/>
      <c r="D103" s="3"/>
      <c r="E103" s="3"/>
      <c r="F103" s="3"/>
      <c r="G103" s="3"/>
      <c r="H103" s="3"/>
      <c r="I103" s="3"/>
      <c r="J103" s="3"/>
      <c r="K103" s="3"/>
    </row>
    <row r="104" spans="2:11" x14ac:dyDescent="0.2">
      <c r="B104" s="3"/>
      <c r="C104" s="3"/>
      <c r="D104" s="3"/>
      <c r="E104" s="3"/>
      <c r="F104" s="3"/>
      <c r="G104" s="3"/>
      <c r="H104" s="3"/>
      <c r="I104" s="3"/>
      <c r="J104" s="3"/>
      <c r="K104" s="3"/>
    </row>
    <row r="105" spans="2:11" x14ac:dyDescent="0.2">
      <c r="B105" s="3"/>
      <c r="C105" s="3"/>
      <c r="D105" s="3"/>
      <c r="E105" s="3"/>
      <c r="F105" s="3"/>
      <c r="G105" s="3"/>
      <c r="H105" s="3"/>
      <c r="I105" s="3"/>
      <c r="J105" s="3"/>
      <c r="K105" s="3"/>
    </row>
    <row r="106" spans="2:11" x14ac:dyDescent="0.2">
      <c r="B106" s="3"/>
      <c r="C106" s="3"/>
      <c r="D106" s="3"/>
      <c r="E106" s="3"/>
      <c r="F106" s="3"/>
      <c r="G106" s="3"/>
      <c r="H106" s="3"/>
      <c r="I106" s="3"/>
      <c r="J106" s="3"/>
      <c r="K106" s="3"/>
    </row>
    <row r="107" spans="2:11" x14ac:dyDescent="0.2">
      <c r="B107" s="3"/>
      <c r="C107" s="3"/>
      <c r="D107" s="3"/>
      <c r="E107" s="3"/>
      <c r="F107" s="3"/>
      <c r="G107" s="3"/>
      <c r="H107" s="3"/>
      <c r="I107" s="3"/>
      <c r="J107" s="3"/>
      <c r="K107" s="3"/>
    </row>
    <row r="108" spans="2:11" x14ac:dyDescent="0.2">
      <c r="B108" s="3"/>
      <c r="C108" s="3"/>
      <c r="D108" s="3"/>
      <c r="E108" s="3"/>
      <c r="F108" s="3"/>
      <c r="G108" s="3"/>
      <c r="H108" s="3"/>
      <c r="I108" s="3"/>
      <c r="J108" s="3"/>
      <c r="K108" s="3"/>
    </row>
    <row r="109" spans="2:11" x14ac:dyDescent="0.2">
      <c r="B109" s="3"/>
      <c r="C109" s="3"/>
      <c r="D109" s="3"/>
      <c r="E109" s="3"/>
      <c r="F109" s="3"/>
      <c r="G109" s="3"/>
      <c r="H109" s="3"/>
      <c r="I109" s="3"/>
      <c r="J109" s="3"/>
      <c r="K109" s="3"/>
    </row>
    <row r="110" spans="2:11" x14ac:dyDescent="0.2">
      <c r="B110" s="3"/>
      <c r="C110" s="3"/>
      <c r="D110" s="3"/>
      <c r="E110" s="3"/>
      <c r="F110" s="3"/>
      <c r="G110" s="3"/>
      <c r="H110" s="3"/>
      <c r="I110" s="3"/>
      <c r="J110" s="3"/>
      <c r="K110" s="3"/>
    </row>
    <row r="111" spans="2:11" x14ac:dyDescent="0.2">
      <c r="B111" s="3"/>
      <c r="C111" s="3"/>
      <c r="D111" s="3"/>
      <c r="E111" s="3"/>
      <c r="F111" s="3"/>
      <c r="G111" s="3"/>
      <c r="H111" s="3"/>
      <c r="I111" s="3"/>
      <c r="J111" s="3"/>
      <c r="K111" s="3"/>
    </row>
    <row r="112" spans="2:11" x14ac:dyDescent="0.2">
      <c r="B112" s="3"/>
      <c r="C112" s="3"/>
      <c r="D112" s="3"/>
      <c r="E112" s="3"/>
      <c r="F112" s="3"/>
      <c r="G112" s="3"/>
      <c r="H112" s="3"/>
      <c r="I112" s="3"/>
      <c r="J112" s="3"/>
      <c r="K112" s="3"/>
    </row>
    <row r="113" spans="2:11" x14ac:dyDescent="0.2">
      <c r="B113" s="3"/>
      <c r="C113" s="3"/>
      <c r="D113" s="3"/>
      <c r="E113" s="3"/>
      <c r="F113" s="3"/>
      <c r="G113" s="3"/>
      <c r="H113" s="3"/>
      <c r="I113" s="3"/>
      <c r="J113" s="3"/>
      <c r="K113" s="3"/>
    </row>
    <row r="114" spans="2:11" x14ac:dyDescent="0.2">
      <c r="B114" s="3"/>
      <c r="C114" s="3"/>
      <c r="D114" s="3"/>
      <c r="E114" s="3"/>
      <c r="F114" s="3"/>
      <c r="G114" s="3"/>
      <c r="H114" s="3"/>
      <c r="I114" s="3"/>
      <c r="J114" s="3"/>
      <c r="K114" s="3"/>
    </row>
    <row r="115" spans="2:11" x14ac:dyDescent="0.2">
      <c r="B115" s="3"/>
      <c r="C115" s="3"/>
      <c r="D115" s="3"/>
      <c r="E115" s="3"/>
      <c r="F115" s="3"/>
      <c r="G115" s="3"/>
      <c r="H115" s="3"/>
      <c r="I115" s="3"/>
      <c r="J115" s="3"/>
      <c r="K115" s="3"/>
    </row>
    <row r="116" spans="2:11" x14ac:dyDescent="0.2">
      <c r="B116" s="3"/>
      <c r="C116" s="3"/>
      <c r="D116" s="3"/>
      <c r="E116" s="3"/>
      <c r="F116" s="3"/>
      <c r="G116" s="3"/>
      <c r="H116" s="3"/>
      <c r="I116" s="3"/>
      <c r="J116" s="3"/>
      <c r="K116" s="3"/>
    </row>
    <row r="117" spans="2:11" x14ac:dyDescent="0.2">
      <c r="B117" s="3"/>
      <c r="C117" s="3"/>
      <c r="D117" s="3"/>
      <c r="E117" s="3"/>
      <c r="F117" s="3"/>
      <c r="G117" s="3"/>
      <c r="H117" s="3"/>
      <c r="I117" s="3"/>
      <c r="J117" s="3"/>
      <c r="K117" s="3"/>
    </row>
    <row r="118" spans="2:11" x14ac:dyDescent="0.2">
      <c r="B118" s="3"/>
      <c r="C118" s="3"/>
      <c r="D118" s="3"/>
      <c r="E118" s="3"/>
      <c r="F118" s="3"/>
      <c r="G118" s="3"/>
      <c r="H118" s="3"/>
      <c r="I118" s="3"/>
      <c r="J118" s="3"/>
      <c r="K118" s="3"/>
    </row>
    <row r="119" spans="2:11" x14ac:dyDescent="0.2">
      <c r="B119" s="3"/>
      <c r="C119" s="3"/>
      <c r="D119" s="3"/>
      <c r="E119" s="3"/>
      <c r="F119" s="3"/>
      <c r="G119" s="3"/>
      <c r="H119" s="3"/>
      <c r="I119" s="3"/>
      <c r="J119" s="3"/>
      <c r="K119" s="3"/>
    </row>
    <row r="120" spans="2:11" x14ac:dyDescent="0.2">
      <c r="B120" s="3"/>
      <c r="C120" s="3"/>
      <c r="D120" s="3"/>
      <c r="E120" s="3"/>
      <c r="F120" s="3"/>
      <c r="G120" s="3"/>
      <c r="H120" s="3"/>
      <c r="I120" s="3"/>
      <c r="J120" s="3"/>
      <c r="K120" s="3"/>
    </row>
    <row r="121" spans="2:11" x14ac:dyDescent="0.2">
      <c r="B121" s="3"/>
      <c r="C121" s="3"/>
      <c r="D121" s="3"/>
      <c r="E121" s="3"/>
      <c r="F121" s="3"/>
      <c r="G121" s="3"/>
      <c r="H121" s="3"/>
      <c r="I121" s="3"/>
      <c r="J121" s="3"/>
      <c r="K121" s="3"/>
    </row>
    <row r="122" spans="2:11" x14ac:dyDescent="0.2">
      <c r="B122" s="3"/>
      <c r="C122" s="3"/>
      <c r="D122" s="3"/>
      <c r="E122" s="3"/>
      <c r="F122" s="3"/>
      <c r="G122" s="3"/>
      <c r="H122" s="3"/>
      <c r="I122" s="3"/>
      <c r="J122" s="3"/>
      <c r="K122" s="3"/>
    </row>
    <row r="123" spans="2:11" x14ac:dyDescent="0.2">
      <c r="B123" s="3"/>
      <c r="C123" s="3"/>
      <c r="D123" s="3"/>
      <c r="E123" s="3"/>
      <c r="F123" s="3"/>
      <c r="G123" s="3"/>
      <c r="H123" s="3"/>
      <c r="I123" s="3"/>
      <c r="J123" s="3"/>
      <c r="K123" s="3"/>
    </row>
    <row r="124" spans="2:11" x14ac:dyDescent="0.2">
      <c r="B124" s="3"/>
      <c r="C124" s="3"/>
      <c r="D124" s="3"/>
      <c r="E124" s="3"/>
      <c r="F124" s="3"/>
      <c r="G124" s="3"/>
      <c r="H124" s="3"/>
      <c r="I124" s="3"/>
      <c r="J124" s="3"/>
      <c r="K124" s="3"/>
    </row>
    <row r="125" spans="2:11" x14ac:dyDescent="0.2">
      <c r="B125" s="3"/>
      <c r="C125" s="3"/>
      <c r="D125" s="3"/>
      <c r="E125" s="3"/>
      <c r="F125" s="3"/>
      <c r="G125" s="3"/>
      <c r="H125" s="3"/>
      <c r="I125" s="3"/>
      <c r="J125" s="3"/>
      <c r="K125" s="3"/>
    </row>
    <row r="126" spans="2:11" x14ac:dyDescent="0.2">
      <c r="B126" s="3"/>
      <c r="C126" s="3"/>
      <c r="D126" s="3"/>
      <c r="E126" s="3"/>
      <c r="F126" s="3"/>
      <c r="G126" s="3"/>
      <c r="H126" s="3"/>
      <c r="I126" s="3"/>
      <c r="J126" s="3"/>
      <c r="K126" s="3"/>
    </row>
    <row r="127" spans="2:11" x14ac:dyDescent="0.2">
      <c r="B127" s="3"/>
      <c r="C127" s="3"/>
      <c r="D127" s="3"/>
      <c r="E127" s="3"/>
      <c r="F127" s="3"/>
      <c r="G127" s="3"/>
      <c r="H127" s="3"/>
      <c r="I127" s="3"/>
      <c r="J127" s="3"/>
      <c r="K127" s="3"/>
    </row>
    <row r="128" spans="2:11" x14ac:dyDescent="0.2">
      <c r="B128" s="3"/>
      <c r="C128" s="3"/>
      <c r="D128" s="3"/>
      <c r="E128" s="3"/>
      <c r="F128" s="3"/>
      <c r="G128" s="3"/>
      <c r="H128" s="3"/>
      <c r="I128" s="3"/>
      <c r="J128" s="3"/>
      <c r="K128" s="3"/>
    </row>
    <row r="129" spans="2:11" x14ac:dyDescent="0.2">
      <c r="B129" s="3"/>
      <c r="C129" s="3"/>
      <c r="D129" s="3"/>
      <c r="E129" s="3"/>
      <c r="F129" s="3"/>
      <c r="G129" s="3"/>
      <c r="H129" s="3"/>
      <c r="I129" s="3"/>
      <c r="J129" s="3"/>
      <c r="K129" s="3"/>
    </row>
    <row r="130" spans="2:11" x14ac:dyDescent="0.2">
      <c r="B130" s="3"/>
      <c r="C130" s="3"/>
      <c r="D130" s="3"/>
      <c r="E130" s="3"/>
      <c r="F130" s="3"/>
      <c r="G130" s="3"/>
      <c r="H130" s="3"/>
      <c r="I130" s="3"/>
      <c r="J130" s="3"/>
      <c r="K130" s="3"/>
    </row>
    <row r="131" spans="2:11" x14ac:dyDescent="0.2">
      <c r="B131" s="3"/>
      <c r="C131" s="3"/>
      <c r="D131" s="3"/>
      <c r="E131" s="3"/>
      <c r="F131" s="3"/>
      <c r="G131" s="3"/>
      <c r="H131" s="3"/>
      <c r="I131" s="3"/>
      <c r="J131" s="3"/>
      <c r="K131" s="3"/>
    </row>
    <row r="132" spans="2:11" x14ac:dyDescent="0.2">
      <c r="B132" s="3"/>
      <c r="C132" s="3"/>
      <c r="D132" s="3"/>
      <c r="E132" s="3"/>
      <c r="F132" s="3"/>
      <c r="G132" s="3"/>
      <c r="H132" s="3"/>
      <c r="I132" s="3"/>
      <c r="J132" s="3"/>
      <c r="K132" s="3"/>
    </row>
    <row r="133" spans="2:11" x14ac:dyDescent="0.2">
      <c r="B133" s="3"/>
      <c r="C133" s="3"/>
      <c r="D133" s="3"/>
      <c r="E133" s="3"/>
      <c r="F133" s="3"/>
      <c r="G133" s="3"/>
      <c r="H133" s="3"/>
      <c r="I133" s="3"/>
      <c r="J133" s="3"/>
      <c r="K133" s="3"/>
    </row>
    <row r="134" spans="2:11" x14ac:dyDescent="0.2">
      <c r="B134" s="3"/>
      <c r="C134" s="3"/>
      <c r="D134" s="3"/>
      <c r="E134" s="3"/>
      <c r="F134" s="3"/>
      <c r="G134" s="3"/>
      <c r="H134" s="3"/>
      <c r="I134" s="3"/>
      <c r="J134" s="3"/>
      <c r="K134" s="3"/>
    </row>
    <row r="135" spans="2:11" x14ac:dyDescent="0.2">
      <c r="B135" s="3"/>
      <c r="C135" s="3"/>
      <c r="D135" s="3"/>
      <c r="E135" s="3"/>
      <c r="F135" s="3"/>
      <c r="G135" s="3"/>
      <c r="H135" s="3"/>
      <c r="I135" s="3"/>
      <c r="J135" s="3"/>
      <c r="K135" s="3"/>
    </row>
    <row r="136" spans="2:11" x14ac:dyDescent="0.2">
      <c r="B136" s="3"/>
      <c r="C136" s="3"/>
      <c r="D136" s="3"/>
      <c r="E136" s="3"/>
      <c r="F136" s="3"/>
      <c r="G136" s="3"/>
      <c r="H136" s="3"/>
      <c r="I136" s="3"/>
      <c r="J136" s="3"/>
      <c r="K136" s="3"/>
    </row>
    <row r="137" spans="2:11" x14ac:dyDescent="0.2">
      <c r="B137" s="3"/>
      <c r="C137" s="3"/>
      <c r="D137" s="3"/>
      <c r="E137" s="3"/>
      <c r="F137" s="3"/>
      <c r="G137" s="3"/>
      <c r="H137" s="3"/>
      <c r="I137" s="3"/>
      <c r="J137" s="3"/>
      <c r="K137" s="3"/>
    </row>
    <row r="138" spans="2:11" x14ac:dyDescent="0.2">
      <c r="B138" s="3"/>
      <c r="C138" s="3"/>
      <c r="D138" s="3"/>
      <c r="E138" s="3"/>
      <c r="F138" s="3"/>
      <c r="G138" s="3"/>
      <c r="H138" s="3"/>
      <c r="I138" s="3"/>
      <c r="J138" s="3"/>
      <c r="K138" s="3"/>
    </row>
    <row r="139" spans="2:11" x14ac:dyDescent="0.2">
      <c r="B139" s="3"/>
      <c r="C139" s="3"/>
      <c r="D139" s="3"/>
      <c r="E139" s="3"/>
      <c r="F139" s="3"/>
      <c r="G139" s="3"/>
      <c r="H139" s="3"/>
      <c r="I139" s="3"/>
      <c r="J139" s="3"/>
      <c r="K139" s="3"/>
    </row>
    <row r="140" spans="2:11" x14ac:dyDescent="0.2">
      <c r="B140" s="3"/>
      <c r="C140" s="3"/>
      <c r="D140" s="3"/>
      <c r="E140" s="3"/>
      <c r="F140" s="3"/>
      <c r="G140" s="3"/>
      <c r="H140" s="3"/>
      <c r="I140" s="3"/>
      <c r="J140" s="3"/>
      <c r="K140" s="3"/>
    </row>
    <row r="141" spans="2:11" x14ac:dyDescent="0.2">
      <c r="B141" s="3"/>
      <c r="C141" s="3"/>
      <c r="D141" s="3"/>
      <c r="E141" s="3"/>
      <c r="F141" s="3"/>
      <c r="G141" s="3"/>
      <c r="H141" s="3"/>
      <c r="I141" s="3"/>
      <c r="J141" s="3"/>
      <c r="K141" s="3"/>
    </row>
    <row r="142" spans="2:11" x14ac:dyDescent="0.2">
      <c r="B142" s="3"/>
      <c r="C142" s="3"/>
      <c r="D142" s="3"/>
      <c r="E142" s="3"/>
      <c r="F142" s="3"/>
      <c r="G142" s="3"/>
      <c r="H142" s="3"/>
      <c r="I142" s="3"/>
      <c r="J142" s="3"/>
      <c r="K142" s="3"/>
    </row>
    <row r="143" spans="2:11" x14ac:dyDescent="0.2">
      <c r="B143" s="3"/>
      <c r="C143" s="3"/>
      <c r="D143" s="3"/>
      <c r="E143" s="3"/>
      <c r="F143" s="3"/>
      <c r="G143" s="3"/>
      <c r="H143" s="3"/>
      <c r="I143" s="3"/>
      <c r="J143" s="3"/>
      <c r="K143" s="3"/>
    </row>
    <row r="144" spans="2:11" x14ac:dyDescent="0.2">
      <c r="B144" s="3"/>
      <c r="C144" s="3"/>
      <c r="D144" s="3"/>
      <c r="E144" s="3"/>
      <c r="F144" s="3"/>
      <c r="G144" s="3"/>
      <c r="H144" s="3"/>
      <c r="I144" s="3"/>
      <c r="J144" s="3"/>
      <c r="K144" s="3"/>
    </row>
    <row r="145" spans="2:11" x14ac:dyDescent="0.2">
      <c r="B145" s="3"/>
      <c r="C145" s="3"/>
      <c r="D145" s="3"/>
      <c r="E145" s="3"/>
      <c r="F145" s="3"/>
      <c r="G145" s="3"/>
      <c r="H145" s="3"/>
      <c r="I145" s="3"/>
      <c r="J145" s="3"/>
      <c r="K145" s="3"/>
    </row>
    <row r="146" spans="2:11" x14ac:dyDescent="0.2">
      <c r="B146" s="3"/>
      <c r="C146" s="3"/>
      <c r="D146" s="3"/>
      <c r="E146" s="3"/>
      <c r="F146" s="3"/>
      <c r="G146" s="3"/>
      <c r="H146" s="3"/>
      <c r="I146" s="3"/>
      <c r="J146" s="3"/>
      <c r="K146" s="3"/>
    </row>
    <row r="147" spans="2:11" x14ac:dyDescent="0.2">
      <c r="B147" s="3"/>
      <c r="C147" s="3"/>
      <c r="D147" s="3"/>
      <c r="E147" s="3"/>
      <c r="F147" s="3"/>
      <c r="G147" s="3"/>
      <c r="H147" s="3"/>
      <c r="I147" s="3"/>
      <c r="J147" s="3"/>
      <c r="K147" s="3"/>
    </row>
    <row r="148" spans="2:11" x14ac:dyDescent="0.2">
      <c r="B148" s="3"/>
      <c r="C148" s="3"/>
      <c r="D148" s="3"/>
      <c r="E148" s="3"/>
      <c r="F148" s="3"/>
      <c r="G148" s="3"/>
      <c r="H148" s="3"/>
      <c r="I148" s="3"/>
      <c r="J148" s="3"/>
      <c r="K148" s="3"/>
    </row>
    <row r="149" spans="2:11" x14ac:dyDescent="0.2">
      <c r="B149" s="3"/>
      <c r="C149" s="3"/>
      <c r="D149" s="3"/>
      <c r="E149" s="3"/>
      <c r="F149" s="3"/>
      <c r="G149" s="3"/>
      <c r="H149" s="3"/>
      <c r="I149" s="3"/>
      <c r="J149" s="3"/>
      <c r="K149" s="3"/>
    </row>
    <row r="150" spans="2:11" x14ac:dyDescent="0.2">
      <c r="B150" s="3"/>
      <c r="C150" s="3"/>
      <c r="D150" s="3"/>
      <c r="E150" s="3"/>
      <c r="F150" s="3"/>
      <c r="G150" s="3"/>
      <c r="H150" s="3"/>
      <c r="I150" s="3"/>
      <c r="J150" s="3"/>
      <c r="K150" s="3"/>
    </row>
    <row r="151" spans="2:11" x14ac:dyDescent="0.2">
      <c r="B151" s="3"/>
      <c r="C151" s="3"/>
      <c r="D151" s="3"/>
      <c r="E151" s="3"/>
      <c r="F151" s="3"/>
      <c r="G151" s="3"/>
      <c r="H151" s="3"/>
      <c r="I151" s="3"/>
      <c r="J151" s="3"/>
      <c r="K151" s="3"/>
    </row>
    <row r="152" spans="2:11" x14ac:dyDescent="0.2">
      <c r="B152" s="3"/>
      <c r="C152" s="3"/>
      <c r="D152" s="3"/>
      <c r="E152" s="3"/>
      <c r="F152" s="3"/>
      <c r="G152" s="3"/>
      <c r="H152" s="3"/>
      <c r="I152" s="3"/>
      <c r="J152" s="3"/>
      <c r="K152" s="3"/>
    </row>
    <row r="153" spans="2:11" x14ac:dyDescent="0.2">
      <c r="B153" s="3"/>
      <c r="C153" s="3"/>
      <c r="D153" s="3"/>
      <c r="E153" s="3"/>
      <c r="F153" s="3"/>
      <c r="G153" s="3"/>
      <c r="H153" s="3"/>
      <c r="I153" s="3"/>
      <c r="J153" s="3"/>
      <c r="K153" s="3"/>
    </row>
    <row r="154" spans="2:11" x14ac:dyDescent="0.2">
      <c r="B154" s="3"/>
      <c r="C154" s="3"/>
      <c r="D154" s="3"/>
      <c r="E154" s="3"/>
      <c r="F154" s="3"/>
      <c r="G154" s="3"/>
      <c r="H154" s="3"/>
      <c r="I154" s="3"/>
      <c r="J154" s="3"/>
      <c r="K154" s="3"/>
    </row>
    <row r="155" spans="2:11" x14ac:dyDescent="0.2">
      <c r="B155" s="3"/>
      <c r="C155" s="3"/>
      <c r="D155" s="3"/>
      <c r="E155" s="3"/>
      <c r="F155" s="3"/>
      <c r="G155" s="3"/>
      <c r="H155" s="3"/>
      <c r="I155" s="3"/>
      <c r="J155" s="3"/>
      <c r="K155" s="3"/>
    </row>
    <row r="156" spans="2:11" x14ac:dyDescent="0.2">
      <c r="B156" s="3"/>
      <c r="C156" s="3"/>
      <c r="D156" s="3"/>
      <c r="E156" s="3"/>
      <c r="F156" s="3"/>
      <c r="G156" s="3"/>
      <c r="H156" s="3"/>
      <c r="I156" s="3"/>
      <c r="J156" s="3"/>
      <c r="K156" s="3"/>
    </row>
    <row r="157" spans="2:11" x14ac:dyDescent="0.2">
      <c r="B157" s="3"/>
      <c r="C157" s="3"/>
      <c r="D157" s="3"/>
      <c r="E157" s="3"/>
      <c r="F157" s="3"/>
      <c r="G157" s="3"/>
      <c r="H157" s="3"/>
      <c r="I157" s="3"/>
      <c r="J157" s="3"/>
      <c r="K157" s="3"/>
    </row>
    <row r="158" spans="2:11" x14ac:dyDescent="0.2">
      <c r="B158" s="3"/>
      <c r="C158" s="3"/>
      <c r="D158" s="3"/>
      <c r="E158" s="3"/>
      <c r="F158" s="3"/>
      <c r="G158" s="3"/>
      <c r="H158" s="3"/>
      <c r="I158" s="3"/>
      <c r="J158" s="3"/>
      <c r="K158" s="3"/>
    </row>
    <row r="159" spans="2:11" x14ac:dyDescent="0.2">
      <c r="B159" s="3"/>
      <c r="C159" s="3"/>
      <c r="D159" s="3"/>
      <c r="E159" s="3"/>
      <c r="F159" s="3"/>
      <c r="G159" s="3"/>
      <c r="H159" s="3"/>
      <c r="I159" s="3"/>
      <c r="J159" s="3"/>
      <c r="K159" s="3"/>
    </row>
    <row r="160" spans="2:11" x14ac:dyDescent="0.2">
      <c r="B160" s="3"/>
      <c r="C160" s="3"/>
      <c r="D160" s="3"/>
      <c r="E160" s="3"/>
      <c r="F160" s="3"/>
      <c r="G160" s="3"/>
      <c r="H160" s="3"/>
      <c r="I160" s="3"/>
      <c r="J160" s="3"/>
      <c r="K160" s="3"/>
    </row>
    <row r="161" spans="2:11" x14ac:dyDescent="0.2">
      <c r="B161" s="3"/>
      <c r="C161" s="3"/>
      <c r="D161" s="3"/>
      <c r="E161" s="3"/>
      <c r="F161" s="3"/>
      <c r="G161" s="3"/>
      <c r="H161" s="3"/>
      <c r="I161" s="3"/>
      <c r="J161" s="3"/>
      <c r="K161" s="3"/>
    </row>
    <row r="162" spans="2:11" x14ac:dyDescent="0.2">
      <c r="B162" s="3"/>
      <c r="C162" s="3"/>
      <c r="D162" s="3"/>
      <c r="E162" s="3"/>
      <c r="F162" s="3"/>
      <c r="G162" s="3"/>
      <c r="H162" s="3"/>
      <c r="I162" s="3"/>
      <c r="J162" s="3"/>
      <c r="K162" s="3"/>
    </row>
    <row r="163" spans="2:11" x14ac:dyDescent="0.2">
      <c r="B163" s="3"/>
      <c r="C163" s="3"/>
      <c r="D163" s="3"/>
      <c r="E163" s="3"/>
      <c r="F163" s="3"/>
      <c r="G163" s="3"/>
      <c r="H163" s="3"/>
      <c r="I163" s="3"/>
      <c r="J163" s="3"/>
      <c r="K163" s="3"/>
    </row>
    <row r="164" spans="2:11" x14ac:dyDescent="0.2">
      <c r="B164" s="3"/>
      <c r="C164" s="3"/>
      <c r="D164" s="3"/>
      <c r="E164" s="3"/>
      <c r="F164" s="3"/>
      <c r="G164" s="3"/>
      <c r="H164" s="3"/>
      <c r="I164" s="3"/>
      <c r="J164" s="3"/>
      <c r="K164" s="3"/>
    </row>
    <row r="165" spans="2:11" x14ac:dyDescent="0.2">
      <c r="B165" s="3"/>
      <c r="C165" s="3"/>
      <c r="D165" s="3"/>
      <c r="E165" s="3"/>
      <c r="F165" s="3"/>
      <c r="G165" s="3"/>
      <c r="H165" s="3"/>
      <c r="I165" s="3"/>
      <c r="J165" s="3"/>
      <c r="K165" s="3"/>
    </row>
    <row r="166" spans="2:11" x14ac:dyDescent="0.2">
      <c r="B166" s="3"/>
      <c r="C166" s="3"/>
      <c r="D166" s="3"/>
      <c r="E166" s="3"/>
      <c r="F166" s="3"/>
      <c r="G166" s="3"/>
      <c r="H166" s="3"/>
      <c r="I166" s="3"/>
      <c r="J166" s="3"/>
      <c r="K166" s="3"/>
    </row>
    <row r="167" spans="2:11" x14ac:dyDescent="0.2">
      <c r="B167" s="3"/>
      <c r="C167" s="3"/>
      <c r="D167" s="3"/>
      <c r="E167" s="3"/>
      <c r="F167" s="3"/>
      <c r="G167" s="3"/>
      <c r="H167" s="3"/>
      <c r="I167" s="3"/>
      <c r="J167" s="3"/>
      <c r="K167" s="3"/>
    </row>
    <row r="168" spans="2:11" x14ac:dyDescent="0.2">
      <c r="B168" s="3"/>
      <c r="C168" s="3"/>
      <c r="D168" s="3"/>
      <c r="E168" s="3"/>
      <c r="F168" s="3"/>
      <c r="G168" s="3"/>
      <c r="H168" s="3"/>
      <c r="I168" s="3"/>
      <c r="J168" s="3"/>
      <c r="K168" s="3"/>
    </row>
    <row r="169" spans="2:11" x14ac:dyDescent="0.2">
      <c r="B169" s="3"/>
      <c r="C169" s="3"/>
      <c r="D169" s="3"/>
      <c r="E169" s="3"/>
      <c r="F169" s="3"/>
      <c r="G169" s="3"/>
      <c r="H169" s="3"/>
      <c r="I169" s="3"/>
      <c r="J169" s="3"/>
      <c r="K169" s="3"/>
    </row>
    <row r="170" spans="2:11" x14ac:dyDescent="0.2">
      <c r="B170" s="3"/>
      <c r="C170" s="3"/>
      <c r="D170" s="3"/>
      <c r="E170" s="3"/>
      <c r="F170" s="3"/>
      <c r="G170" s="3"/>
      <c r="H170" s="3"/>
      <c r="I170" s="3"/>
      <c r="J170" s="3"/>
      <c r="K170" s="3"/>
    </row>
    <row r="171" spans="2:11" x14ac:dyDescent="0.2">
      <c r="B171" s="3"/>
      <c r="C171" s="3"/>
      <c r="D171" s="3"/>
      <c r="E171" s="3"/>
      <c r="F171" s="3"/>
      <c r="G171" s="3"/>
      <c r="H171" s="3"/>
      <c r="I171" s="3"/>
      <c r="J171" s="3"/>
      <c r="K171" s="3"/>
    </row>
    <row r="172" spans="2:11" x14ac:dyDescent="0.2">
      <c r="B172" s="3"/>
      <c r="C172" s="3"/>
      <c r="D172" s="3"/>
      <c r="E172" s="3"/>
      <c r="F172" s="3"/>
      <c r="G172" s="3"/>
      <c r="H172" s="3"/>
      <c r="I172" s="3"/>
      <c r="J172" s="3"/>
      <c r="K172" s="3"/>
    </row>
    <row r="173" spans="2:11" x14ac:dyDescent="0.2">
      <c r="B173" s="3"/>
      <c r="C173" s="3"/>
      <c r="D173" s="3"/>
      <c r="E173" s="3"/>
      <c r="F173" s="3"/>
      <c r="G173" s="3"/>
      <c r="H173" s="3"/>
      <c r="I173" s="3"/>
      <c r="J173" s="3"/>
      <c r="K173" s="3"/>
    </row>
    <row r="174" spans="2:11" x14ac:dyDescent="0.2">
      <c r="B174" s="3"/>
      <c r="C174" s="3"/>
      <c r="D174" s="3"/>
      <c r="E174" s="3"/>
      <c r="F174" s="3"/>
      <c r="G174" s="3"/>
      <c r="H174" s="3"/>
      <c r="I174" s="3"/>
      <c r="J174" s="3"/>
      <c r="K174" s="3"/>
    </row>
    <row r="175" spans="2:11" x14ac:dyDescent="0.2">
      <c r="B175" s="3"/>
      <c r="C175" s="3"/>
      <c r="D175" s="3"/>
      <c r="E175" s="3"/>
      <c r="F175" s="3"/>
      <c r="G175" s="3"/>
      <c r="H175" s="3"/>
      <c r="I175" s="3"/>
      <c r="J175" s="3"/>
      <c r="K175" s="3"/>
    </row>
    <row r="176" spans="2:11" x14ac:dyDescent="0.2">
      <c r="B176" s="3"/>
      <c r="C176" s="3"/>
      <c r="D176" s="3"/>
      <c r="E176" s="3"/>
      <c r="F176" s="3"/>
      <c r="G176" s="3"/>
      <c r="H176" s="3"/>
      <c r="I176" s="3"/>
      <c r="J176" s="3"/>
      <c r="K176" s="3"/>
    </row>
    <row r="177" spans="2:11" x14ac:dyDescent="0.2">
      <c r="B177" s="3"/>
      <c r="C177" s="3"/>
      <c r="D177" s="3"/>
      <c r="E177" s="3"/>
      <c r="F177" s="3"/>
      <c r="G177" s="3"/>
      <c r="H177" s="3"/>
      <c r="I177" s="3"/>
      <c r="J177" s="3"/>
      <c r="K177" s="3"/>
    </row>
    <row r="178" spans="2:11" x14ac:dyDescent="0.2">
      <c r="B178" s="3"/>
      <c r="C178" s="3"/>
      <c r="D178" s="3"/>
      <c r="E178" s="3"/>
      <c r="F178" s="3"/>
      <c r="G178" s="3"/>
      <c r="H178" s="3"/>
      <c r="I178" s="3"/>
      <c r="J178" s="3"/>
      <c r="K178" s="3"/>
    </row>
    <row r="179" spans="2:11" x14ac:dyDescent="0.2">
      <c r="B179" s="3"/>
      <c r="C179" s="3"/>
      <c r="D179" s="3"/>
      <c r="E179" s="3"/>
      <c r="F179" s="3"/>
      <c r="G179" s="3"/>
      <c r="H179" s="3"/>
      <c r="I179" s="3"/>
      <c r="J179" s="3"/>
      <c r="K179" s="3"/>
    </row>
    <row r="180" spans="2:11" x14ac:dyDescent="0.2">
      <c r="B180" s="3"/>
      <c r="C180" s="3"/>
      <c r="D180" s="3"/>
      <c r="E180" s="3"/>
      <c r="F180" s="3"/>
      <c r="G180" s="3"/>
      <c r="H180" s="3"/>
      <c r="I180" s="3"/>
      <c r="J180" s="3"/>
      <c r="K180" s="3"/>
    </row>
    <row r="181" spans="2:11" x14ac:dyDescent="0.2">
      <c r="B181" s="3"/>
      <c r="C181" s="3"/>
      <c r="D181" s="3"/>
      <c r="E181" s="3"/>
      <c r="F181" s="3"/>
      <c r="G181" s="3"/>
      <c r="H181" s="3"/>
      <c r="I181" s="3"/>
      <c r="J181" s="3"/>
      <c r="K181" s="3"/>
    </row>
    <row r="182" spans="2:11" x14ac:dyDescent="0.2">
      <c r="B182" s="3"/>
      <c r="C182" s="3"/>
      <c r="D182" s="3"/>
      <c r="E182" s="3"/>
      <c r="F182" s="3"/>
      <c r="G182" s="3"/>
      <c r="H182" s="3"/>
      <c r="I182" s="3"/>
      <c r="J182" s="3"/>
      <c r="K182" s="3"/>
    </row>
    <row r="183" spans="2:11" x14ac:dyDescent="0.2">
      <c r="B183" s="3"/>
      <c r="C183" s="3"/>
      <c r="D183" s="3"/>
      <c r="E183" s="3"/>
      <c r="F183" s="3"/>
      <c r="G183" s="3"/>
      <c r="H183" s="3"/>
      <c r="I183" s="3"/>
      <c r="J183" s="3"/>
      <c r="K183" s="3"/>
    </row>
    <row r="184" spans="2:11" x14ac:dyDescent="0.2">
      <c r="B184" s="3"/>
      <c r="C184" s="3"/>
      <c r="D184" s="3"/>
      <c r="E184" s="3"/>
      <c r="F184" s="3"/>
      <c r="G184" s="3"/>
      <c r="H184" s="3"/>
      <c r="I184" s="3"/>
      <c r="J184" s="3"/>
      <c r="K184" s="3"/>
    </row>
    <row r="185" spans="2:11" x14ac:dyDescent="0.2">
      <c r="B185" s="3"/>
      <c r="C185" s="3"/>
      <c r="D185" s="3"/>
      <c r="E185" s="3"/>
      <c r="F185" s="3"/>
      <c r="G185" s="3"/>
      <c r="H185" s="3"/>
      <c r="I185" s="3"/>
      <c r="J185" s="3"/>
      <c r="K185" s="3"/>
    </row>
    <row r="186" spans="2:11" x14ac:dyDescent="0.2">
      <c r="B186" s="3"/>
      <c r="C186" s="3"/>
      <c r="D186" s="3"/>
      <c r="E186" s="3"/>
      <c r="F186" s="3"/>
      <c r="G186" s="3"/>
      <c r="H186" s="3"/>
      <c r="I186" s="3"/>
      <c r="J186" s="3"/>
      <c r="K186" s="3"/>
    </row>
    <row r="187" spans="2:11" x14ac:dyDescent="0.2">
      <c r="B187" s="3"/>
      <c r="C187" s="3"/>
      <c r="D187" s="3"/>
      <c r="E187" s="3"/>
      <c r="F187" s="3"/>
      <c r="G187" s="3"/>
      <c r="H187" s="3"/>
      <c r="I187" s="3"/>
      <c r="J187" s="3"/>
      <c r="K187" s="3"/>
    </row>
    <row r="188" spans="2:11" x14ac:dyDescent="0.2">
      <c r="B188" s="3"/>
      <c r="C188" s="3"/>
      <c r="D188" s="3"/>
      <c r="E188" s="3"/>
      <c r="F188" s="3"/>
      <c r="G188" s="3"/>
      <c r="H188" s="3"/>
      <c r="I188" s="3"/>
      <c r="J188" s="3"/>
      <c r="K188" s="3"/>
    </row>
    <row r="189" spans="2:11" x14ac:dyDescent="0.2">
      <c r="B189" s="3"/>
      <c r="C189" s="3"/>
      <c r="D189" s="3"/>
      <c r="E189" s="3"/>
      <c r="F189" s="3"/>
      <c r="G189" s="3"/>
      <c r="H189" s="3"/>
      <c r="I189" s="3"/>
      <c r="J189" s="3"/>
      <c r="K189" s="3"/>
    </row>
    <row r="190" spans="2:11" x14ac:dyDescent="0.2">
      <c r="B190" s="3"/>
      <c r="C190" s="3"/>
      <c r="D190" s="3"/>
      <c r="E190" s="3"/>
      <c r="F190" s="3"/>
      <c r="G190" s="3"/>
      <c r="H190" s="3"/>
      <c r="I190" s="3"/>
      <c r="J190" s="3"/>
      <c r="K190" s="3"/>
    </row>
    <row r="191" spans="2:11" x14ac:dyDescent="0.2">
      <c r="B191" s="3"/>
      <c r="C191" s="3"/>
      <c r="D191" s="3"/>
      <c r="E191" s="3"/>
      <c r="F191" s="3"/>
      <c r="G191" s="3"/>
      <c r="H191" s="3"/>
      <c r="I191" s="3"/>
      <c r="J191" s="3"/>
      <c r="K191" s="3"/>
    </row>
    <row r="192" spans="2:11" x14ac:dyDescent="0.2">
      <c r="B192" s="3"/>
      <c r="C192" s="3"/>
      <c r="D192" s="3"/>
      <c r="E192" s="3"/>
      <c r="F192" s="3"/>
      <c r="G192" s="3"/>
      <c r="H192" s="3"/>
      <c r="I192" s="3"/>
      <c r="J192" s="3"/>
      <c r="K192" s="3"/>
    </row>
    <row r="193" spans="2:11" x14ac:dyDescent="0.2">
      <c r="B193" s="3"/>
      <c r="C193" s="3"/>
      <c r="D193" s="3"/>
      <c r="E193" s="3"/>
      <c r="F193" s="3"/>
      <c r="G193" s="3"/>
      <c r="H193" s="3"/>
      <c r="I193" s="3"/>
      <c r="J193" s="3"/>
      <c r="K193" s="3"/>
    </row>
    <row r="194" spans="2:11" x14ac:dyDescent="0.2">
      <c r="B194" s="3"/>
      <c r="C194" s="3"/>
      <c r="D194" s="3"/>
      <c r="E194" s="3"/>
      <c r="F194" s="3"/>
      <c r="G194" s="3"/>
      <c r="H194" s="3"/>
      <c r="I194" s="3"/>
      <c r="J194" s="3"/>
      <c r="K194" s="3"/>
    </row>
    <row r="195" spans="2:11" x14ac:dyDescent="0.2">
      <c r="B195" s="3"/>
      <c r="C195" s="3"/>
      <c r="D195" s="3"/>
      <c r="E195" s="3"/>
      <c r="F195" s="3"/>
      <c r="G195" s="3"/>
      <c r="H195" s="3"/>
      <c r="I195" s="3"/>
      <c r="J195" s="3"/>
      <c r="K195" s="3"/>
    </row>
    <row r="196" spans="2:11" x14ac:dyDescent="0.2">
      <c r="B196" s="3"/>
      <c r="C196" s="3"/>
      <c r="D196" s="3"/>
      <c r="E196" s="3"/>
      <c r="F196" s="3"/>
      <c r="G196" s="3"/>
      <c r="H196" s="3"/>
      <c r="I196" s="3"/>
      <c r="J196" s="3"/>
      <c r="K196" s="3"/>
    </row>
    <row r="197" spans="2:11" x14ac:dyDescent="0.2">
      <c r="B197" s="3"/>
      <c r="C197" s="3"/>
      <c r="D197" s="3"/>
      <c r="E197" s="3"/>
      <c r="F197" s="3"/>
      <c r="G197" s="3"/>
      <c r="H197" s="3"/>
      <c r="I197" s="3"/>
      <c r="J197" s="3"/>
      <c r="K197" s="3"/>
    </row>
    <row r="198" spans="2:11" x14ac:dyDescent="0.2">
      <c r="B198" s="3"/>
      <c r="C198" s="3"/>
      <c r="D198" s="3"/>
      <c r="E198" s="3"/>
      <c r="F198" s="3"/>
      <c r="G198" s="3"/>
      <c r="H198" s="3"/>
      <c r="I198" s="3"/>
      <c r="J198" s="3"/>
      <c r="K198" s="3"/>
    </row>
    <row r="199" spans="2:11" x14ac:dyDescent="0.2">
      <c r="B199" s="3"/>
      <c r="C199" s="3"/>
      <c r="D199" s="3"/>
      <c r="E199" s="3"/>
      <c r="F199" s="3"/>
      <c r="G199" s="3"/>
      <c r="H199" s="3"/>
      <c r="I199" s="3"/>
      <c r="J199" s="3"/>
      <c r="K199" s="3"/>
    </row>
    <row r="200" spans="2:11" x14ac:dyDescent="0.2">
      <c r="B200" s="3"/>
      <c r="C200" s="3"/>
      <c r="D200" s="3"/>
      <c r="E200" s="3"/>
      <c r="F200" s="3"/>
      <c r="G200" s="3"/>
      <c r="H200" s="3"/>
      <c r="I200" s="3"/>
      <c r="J200" s="3"/>
      <c r="K200" s="3"/>
    </row>
    <row r="201" spans="2:11" x14ac:dyDescent="0.2">
      <c r="B201" s="3"/>
      <c r="C201" s="3"/>
      <c r="D201" s="3"/>
      <c r="E201" s="3"/>
      <c r="F201" s="3"/>
      <c r="G201" s="3"/>
      <c r="H201" s="3"/>
      <c r="I201" s="3"/>
      <c r="J201" s="3"/>
      <c r="K201" s="3"/>
    </row>
    <row r="202" spans="2:11" x14ac:dyDescent="0.2">
      <c r="B202" s="3"/>
      <c r="C202" s="3"/>
      <c r="D202" s="3"/>
      <c r="E202" s="3"/>
      <c r="F202" s="3"/>
      <c r="G202" s="3"/>
      <c r="H202" s="3"/>
      <c r="I202" s="3"/>
      <c r="J202" s="3"/>
      <c r="K202" s="3"/>
    </row>
    <row r="203" spans="2:11" x14ac:dyDescent="0.2">
      <c r="B203" s="3"/>
      <c r="C203" s="3"/>
      <c r="D203" s="3"/>
      <c r="E203" s="3"/>
      <c r="F203" s="3"/>
      <c r="G203" s="3"/>
      <c r="H203" s="3"/>
      <c r="I203" s="3"/>
      <c r="J203" s="3"/>
      <c r="K203" s="3"/>
    </row>
    <row r="204" spans="2:11" x14ac:dyDescent="0.2">
      <c r="B204" s="3"/>
      <c r="C204" s="3"/>
      <c r="D204" s="3"/>
      <c r="E204" s="3"/>
      <c r="F204" s="3"/>
      <c r="G204" s="3"/>
      <c r="H204" s="3"/>
      <c r="I204" s="3"/>
      <c r="J204" s="3"/>
      <c r="K204" s="3"/>
    </row>
    <row r="205" spans="2:11" x14ac:dyDescent="0.2">
      <c r="B205" s="3"/>
      <c r="C205" s="3"/>
      <c r="D205" s="3"/>
      <c r="E205" s="3"/>
      <c r="F205" s="3"/>
      <c r="G205" s="3"/>
      <c r="H205" s="3"/>
      <c r="I205" s="3"/>
      <c r="J205" s="3"/>
      <c r="K205" s="3"/>
    </row>
    <row r="206" spans="2:11" x14ac:dyDescent="0.2">
      <c r="B206" s="3"/>
      <c r="C206" s="3"/>
      <c r="D206" s="3"/>
      <c r="E206" s="3"/>
      <c r="F206" s="3"/>
      <c r="G206" s="3"/>
      <c r="H206" s="3"/>
      <c r="I206" s="3"/>
      <c r="J206" s="3"/>
      <c r="K206" s="3"/>
    </row>
    <row r="207" spans="2:11" x14ac:dyDescent="0.2">
      <c r="B207" s="3"/>
      <c r="C207" s="3"/>
      <c r="D207" s="3"/>
      <c r="E207" s="3"/>
      <c r="F207" s="3"/>
      <c r="G207" s="3"/>
      <c r="H207" s="3"/>
      <c r="I207" s="3"/>
      <c r="J207" s="3"/>
      <c r="K207" s="3"/>
    </row>
    <row r="208" spans="2:11" x14ac:dyDescent="0.2">
      <c r="B208" s="3"/>
      <c r="C208" s="3"/>
      <c r="D208" s="3"/>
      <c r="E208" s="3"/>
      <c r="F208" s="3"/>
      <c r="G208" s="3"/>
      <c r="H208" s="3"/>
      <c r="I208" s="3"/>
      <c r="J208" s="3"/>
      <c r="K208" s="3"/>
    </row>
    <row r="209" spans="2:11" x14ac:dyDescent="0.2">
      <c r="B209" s="3"/>
      <c r="C209" s="3"/>
      <c r="D209" s="3"/>
      <c r="E209" s="3"/>
      <c r="F209" s="3"/>
      <c r="G209" s="3"/>
      <c r="H209" s="3"/>
      <c r="I209" s="3"/>
      <c r="J209" s="3"/>
      <c r="K209" s="3"/>
    </row>
    <row r="210" spans="2:11" x14ac:dyDescent="0.2">
      <c r="B210" s="3"/>
      <c r="C210" s="3"/>
      <c r="D210" s="3"/>
      <c r="E210" s="3"/>
      <c r="F210" s="3"/>
      <c r="G210" s="3"/>
      <c r="H210" s="3"/>
      <c r="I210" s="3"/>
      <c r="J210" s="3"/>
      <c r="K210" s="3"/>
    </row>
    <row r="211" spans="2:11" x14ac:dyDescent="0.2">
      <c r="B211" s="3"/>
      <c r="C211" s="3"/>
      <c r="D211" s="3"/>
      <c r="E211" s="3"/>
      <c r="F211" s="3"/>
      <c r="G211" s="3"/>
      <c r="H211" s="3"/>
      <c r="I211" s="3"/>
      <c r="J211" s="3"/>
      <c r="K211" s="3"/>
    </row>
    <row r="212" spans="2:11" x14ac:dyDescent="0.2">
      <c r="B212" s="3"/>
      <c r="C212" s="3"/>
      <c r="D212" s="3"/>
      <c r="E212" s="3"/>
      <c r="F212" s="3"/>
      <c r="G212" s="3"/>
      <c r="H212" s="3"/>
      <c r="I212" s="3"/>
      <c r="J212" s="3"/>
      <c r="K212" s="3"/>
    </row>
    <row r="213" spans="2:11" x14ac:dyDescent="0.2">
      <c r="B213" s="3"/>
      <c r="C213" s="3"/>
      <c r="D213" s="3"/>
      <c r="E213" s="3"/>
      <c r="F213" s="3"/>
      <c r="G213" s="3"/>
      <c r="H213" s="3"/>
      <c r="I213" s="3"/>
      <c r="J213" s="3"/>
      <c r="K213" s="3"/>
    </row>
    <row r="214" spans="2:11" x14ac:dyDescent="0.2">
      <c r="B214" s="3"/>
      <c r="C214" s="3"/>
      <c r="D214" s="3"/>
      <c r="E214" s="3"/>
      <c r="F214" s="3"/>
      <c r="G214" s="3"/>
      <c r="H214" s="3"/>
      <c r="I214" s="3"/>
      <c r="J214" s="3"/>
      <c r="K214" s="3"/>
    </row>
    <row r="215" spans="2:11" x14ac:dyDescent="0.2">
      <c r="B215" s="3"/>
      <c r="C215" s="3"/>
      <c r="D215" s="3"/>
      <c r="E215" s="3"/>
      <c r="F215" s="3"/>
      <c r="G215" s="3"/>
      <c r="H215" s="3"/>
      <c r="I215" s="3"/>
      <c r="J215" s="3"/>
      <c r="K215" s="3"/>
    </row>
    <row r="216" spans="2:11" x14ac:dyDescent="0.2">
      <c r="B216" s="3"/>
      <c r="C216" s="3"/>
      <c r="D216" s="3"/>
      <c r="E216" s="3"/>
      <c r="F216" s="3"/>
      <c r="G216" s="3"/>
      <c r="H216" s="3"/>
      <c r="I216" s="3"/>
      <c r="J216" s="3"/>
      <c r="K216" s="3"/>
    </row>
    <row r="217" spans="2:11" x14ac:dyDescent="0.2">
      <c r="B217" s="3"/>
      <c r="C217" s="3"/>
      <c r="D217" s="3"/>
      <c r="E217" s="3"/>
      <c r="F217" s="3"/>
      <c r="G217" s="3"/>
      <c r="H217" s="3"/>
      <c r="I217" s="3"/>
      <c r="J217" s="3"/>
      <c r="K217" s="3"/>
    </row>
    <row r="218" spans="2:11" x14ac:dyDescent="0.2">
      <c r="B218" s="3"/>
      <c r="C218" s="3"/>
      <c r="D218" s="3"/>
      <c r="E218" s="3"/>
      <c r="F218" s="3"/>
      <c r="G218" s="3"/>
      <c r="H218" s="3"/>
      <c r="I218" s="3"/>
      <c r="J218" s="3"/>
      <c r="K218" s="3"/>
    </row>
  </sheetData>
  <mergeCells count="18">
    <mergeCell ref="F1:G1"/>
    <mergeCell ref="AF4:AH4"/>
    <mergeCell ref="AI4:AN4"/>
    <mergeCell ref="AO4:AO5"/>
    <mergeCell ref="A3:A4"/>
    <mergeCell ref="B3:K3"/>
    <mergeCell ref="L3:U3"/>
    <mergeCell ref="V3:AE3"/>
    <mergeCell ref="AF3:AO3"/>
    <mergeCell ref="B4:D4"/>
    <mergeCell ref="E4:J4"/>
    <mergeCell ref="K4:K5"/>
    <mergeCell ref="L4:N4"/>
    <mergeCell ref="O4:T4"/>
    <mergeCell ref="U4:U5"/>
    <mergeCell ref="V4:X4"/>
    <mergeCell ref="Y4:AD4"/>
    <mergeCell ref="AE4:AE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1" max="1048575" man="1"/>
    <brk id="21"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1" customWidth="1"/>
    <col min="2" max="2" width="8.21875" style="1" customWidth="1"/>
    <col min="3" max="4" width="10" style="1" customWidth="1"/>
    <col min="5" max="5" width="7" style="1" customWidth="1"/>
    <col min="6" max="12" width="10.33203125" style="1" customWidth="1"/>
    <col min="13" max="15" width="8.88671875" style="1" customWidth="1"/>
    <col min="16" max="16" width="7.6640625" style="1" customWidth="1"/>
    <col min="17" max="23" width="10.6640625" style="1" customWidth="1"/>
    <col min="24" max="26" width="8.88671875" style="1" customWidth="1"/>
    <col min="27" max="27" width="7.6640625" style="1" customWidth="1"/>
    <col min="28" max="28" width="8.88671875" style="1" customWidth="1"/>
    <col min="29" max="29" width="10.44140625" style="1" customWidth="1"/>
    <col min="30" max="30" width="8.88671875" style="1" customWidth="1"/>
    <col min="31" max="32" width="8.88671875" style="439" customWidth="1"/>
    <col min="33" max="34" width="10" style="1" customWidth="1"/>
    <col min="35" max="37" width="8.88671875" style="1" customWidth="1"/>
    <col min="38" max="38" width="7.77734375" style="1" customWidth="1"/>
    <col min="39" max="48" width="8.88671875" style="1" customWidth="1"/>
    <col min="49" max="49" width="7.77734375" style="1" customWidth="1"/>
    <col min="50" max="54" width="8.88671875" style="1" customWidth="1"/>
    <col min="55" max="56" width="10.33203125" style="1" customWidth="1"/>
    <col min="57" max="59" width="8.88671875" style="1" customWidth="1"/>
    <col min="60" max="60" width="8" style="1" customWidth="1"/>
    <col min="61" max="70" width="8.88671875" style="1" customWidth="1"/>
    <col min="71" max="71" width="7.44140625" style="1" customWidth="1"/>
    <col min="72" max="76" width="8.88671875" style="1" customWidth="1"/>
    <col min="77" max="77" width="11.77734375" style="1" customWidth="1"/>
    <col min="78" max="78" width="12" style="1" customWidth="1"/>
    <col min="79" max="81" width="8.88671875" style="39" customWidth="1"/>
    <col min="82" max="82" width="7.77734375" style="39" customWidth="1"/>
    <col min="83" max="85" width="9" style="445" customWidth="1"/>
    <col min="86" max="87" width="9" style="39" customWidth="1"/>
    <col min="88" max="89" width="9" style="445" customWidth="1"/>
    <col min="90" max="92" width="8.88671875" style="1" customWidth="1"/>
    <col min="93" max="93" width="7.44140625" style="1" customWidth="1"/>
    <col min="94" max="96" width="10.109375" style="1" customWidth="1"/>
    <col min="97" max="98" width="8.88671875" style="1" customWidth="1"/>
    <col min="99" max="100" width="10.21875" style="1" customWidth="1"/>
    <col min="101" max="103" width="8.88671875" style="1" customWidth="1"/>
    <col min="104" max="104" width="7.33203125" style="1" customWidth="1"/>
    <col min="105" max="109" width="8.88671875" style="1" customWidth="1"/>
    <col min="110" max="111" width="9.21875" style="1" customWidth="1"/>
    <col min="112" max="114" width="8.88671875" style="39" customWidth="1"/>
    <col min="115" max="115" width="7.33203125" style="39" customWidth="1"/>
    <col min="116" max="120" width="8.88671875" style="39" customWidth="1"/>
    <col min="121" max="122" width="9.6640625" style="39" customWidth="1"/>
    <col min="123" max="125" width="8.88671875" style="1" customWidth="1"/>
    <col min="126" max="126" width="7.77734375" style="1" customWidth="1"/>
    <col min="127" max="131" width="8.88671875" style="1" customWidth="1"/>
    <col min="132" max="133" width="9.33203125" style="1" customWidth="1"/>
    <col min="134" max="136" width="8.88671875" style="1" customWidth="1"/>
    <col min="137" max="137" width="7.44140625" style="1" customWidth="1"/>
    <col min="138" max="147" width="8.88671875" style="1" customWidth="1"/>
    <col min="148" max="148" width="7.21875" style="1" customWidth="1"/>
    <col min="149" max="158" width="8.88671875" style="1" customWidth="1"/>
    <col min="159" max="159" width="7.21875" style="1" customWidth="1"/>
    <col min="160" max="166" width="8.88671875" style="1" customWidth="1"/>
    <col min="167" max="169" width="8.88671875" style="39" customWidth="1"/>
    <col min="170" max="170" width="7.33203125" style="39" customWidth="1"/>
    <col min="171" max="175" width="8.88671875" style="39" customWidth="1"/>
    <col min="176" max="177" width="9.6640625" style="39" customWidth="1"/>
    <col min="178" max="180" width="8.88671875" style="1" customWidth="1"/>
    <col min="181" max="181" width="7.21875" style="1" customWidth="1"/>
    <col min="182" max="186" width="8.88671875" style="1" customWidth="1"/>
    <col min="187" max="188" width="9.44140625" style="1" customWidth="1"/>
    <col min="189" max="191" width="8.88671875" style="1" customWidth="1"/>
    <col min="192" max="192" width="7.77734375" style="1" customWidth="1"/>
    <col min="193" max="202" width="8.88671875" style="1" customWidth="1"/>
    <col min="203" max="203" width="7.44140625" style="1" customWidth="1"/>
    <col min="204" max="213" width="8.88671875" style="1" customWidth="1"/>
    <col min="214" max="214" width="7.33203125" style="1" customWidth="1"/>
    <col min="215" max="217" width="8.88671875" style="1" customWidth="1"/>
    <col min="218" max="218" width="10.44140625" style="1" customWidth="1"/>
    <col min="219" max="219" width="8.88671875" style="1" customWidth="1"/>
    <col min="220" max="221" width="9.6640625" style="1" customWidth="1"/>
    <col min="222" max="224" width="8.88671875" style="1" customWidth="1"/>
    <col min="225" max="225" width="7.6640625" style="1" customWidth="1"/>
    <col min="226" max="230" width="8.88671875" style="1" customWidth="1"/>
    <col min="231" max="232" width="10" style="1"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1"/>
  </cols>
  <sheetData>
    <row r="1" spans="1:408" ht="21" customHeight="1" x14ac:dyDescent="0.2">
      <c r="A1" s="20" t="s">
        <v>146</v>
      </c>
      <c r="F1" s="411">
        <f>第１表!F2</f>
        <v>4</v>
      </c>
      <c r="G1" s="285">
        <f>第１表!G2</f>
        <v>3</v>
      </c>
      <c r="H1" s="605">
        <f>IF(G1&lt;3,G1-2+12,G1-2)</f>
        <v>1</v>
      </c>
      <c r="I1" s="605"/>
      <c r="IA1" s="411"/>
      <c r="IB1" s="287"/>
      <c r="IC1" s="605"/>
      <c r="ID1" s="605"/>
    </row>
    <row r="2" spans="1:408" s="44" customFormat="1" ht="16.5" customHeight="1" x14ac:dyDescent="0.2">
      <c r="A2" s="20" t="s">
        <v>147</v>
      </c>
      <c r="D2" s="284"/>
      <c r="E2" s="285"/>
      <c r="F2" s="640"/>
      <c r="G2" s="640"/>
      <c r="AE2" s="440"/>
      <c r="AF2" s="440"/>
      <c r="CA2" s="361"/>
      <c r="CB2" s="361"/>
      <c r="CC2" s="361"/>
      <c r="CD2" s="361"/>
      <c r="CE2" s="446"/>
      <c r="CF2" s="446"/>
      <c r="CG2" s="446"/>
      <c r="CH2" s="361"/>
      <c r="CI2" s="361"/>
      <c r="CJ2" s="446"/>
      <c r="CK2" s="446"/>
      <c r="DH2" s="361"/>
      <c r="DI2" s="361"/>
      <c r="DJ2" s="361"/>
      <c r="DK2" s="361"/>
      <c r="DL2" s="361"/>
      <c r="DM2" s="361"/>
      <c r="DN2" s="361"/>
      <c r="DO2" s="361"/>
      <c r="DP2" s="361"/>
      <c r="DQ2" s="361"/>
      <c r="DR2" s="361"/>
      <c r="FK2" s="361"/>
      <c r="FL2" s="361"/>
      <c r="FM2" s="361"/>
      <c r="FN2" s="361"/>
      <c r="FO2" s="361"/>
      <c r="FP2" s="361"/>
      <c r="FQ2" s="361"/>
      <c r="FR2" s="361"/>
      <c r="FS2" s="361"/>
      <c r="FT2" s="361"/>
      <c r="FU2" s="361"/>
      <c r="HY2" s="39"/>
      <c r="HZ2" s="39"/>
      <c r="IA2" s="286"/>
      <c r="IB2" s="287"/>
      <c r="IC2" s="414"/>
      <c r="ID2" s="414"/>
      <c r="IE2" s="39"/>
      <c r="IF2" s="39"/>
      <c r="IG2" s="39"/>
      <c r="IH2" s="39"/>
      <c r="II2" s="39"/>
      <c r="IJ2" s="1"/>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39"/>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1"/>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row>
    <row r="3" spans="1:408" s="44" customFormat="1" ht="18.75" customHeight="1" thickBot="1" x14ac:dyDescent="0.25">
      <c r="A3" s="20" t="s">
        <v>148</v>
      </c>
      <c r="AE3" s="440"/>
      <c r="AF3" s="440"/>
      <c r="CA3" s="361"/>
      <c r="CB3" s="361"/>
      <c r="CC3" s="361"/>
      <c r="CD3" s="361"/>
      <c r="CE3" s="446"/>
      <c r="CF3" s="446"/>
      <c r="CG3" s="446"/>
      <c r="CH3" s="361"/>
      <c r="CI3" s="361"/>
      <c r="CJ3" s="446"/>
      <c r="CK3" s="446"/>
      <c r="DH3" s="361"/>
      <c r="DI3" s="361"/>
      <c r="DJ3" s="361"/>
      <c r="DK3" s="361"/>
      <c r="DL3" s="361"/>
      <c r="DM3" s="361"/>
      <c r="DN3" s="361"/>
      <c r="DO3" s="361"/>
      <c r="DP3" s="361"/>
      <c r="DQ3" s="361"/>
      <c r="DR3" s="361"/>
      <c r="FK3" s="361"/>
      <c r="FL3" s="361"/>
      <c r="FM3" s="361"/>
      <c r="FN3" s="361"/>
      <c r="FO3" s="361"/>
      <c r="FP3" s="361"/>
      <c r="FQ3" s="361"/>
      <c r="FR3" s="361"/>
      <c r="FS3" s="361"/>
      <c r="FT3" s="361"/>
      <c r="FU3" s="361"/>
      <c r="HY3" s="39"/>
      <c r="HZ3" s="39"/>
      <c r="IA3" s="39"/>
      <c r="IB3" s="39"/>
      <c r="IC3" s="39"/>
      <c r="ID3" s="39"/>
      <c r="IE3" s="39"/>
      <c r="IF3" s="39"/>
      <c r="IG3" s="39"/>
      <c r="IH3" s="39"/>
      <c r="II3" s="39"/>
      <c r="IJ3" s="1"/>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39"/>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1"/>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row>
    <row r="4" spans="1:408" ht="18" customHeight="1" thickBot="1" x14ac:dyDescent="0.25">
      <c r="A4" s="616" t="s">
        <v>42</v>
      </c>
      <c r="B4" s="619" t="s">
        <v>63</v>
      </c>
      <c r="C4" s="619"/>
      <c r="D4" s="619"/>
      <c r="E4" s="619"/>
      <c r="F4" s="619"/>
      <c r="G4" s="619"/>
      <c r="H4" s="619"/>
      <c r="I4" s="619"/>
      <c r="J4" s="619"/>
      <c r="K4" s="619"/>
      <c r="L4" s="619"/>
      <c r="M4" s="571"/>
      <c r="N4" s="571"/>
      <c r="O4" s="571"/>
      <c r="P4" s="571"/>
      <c r="Q4" s="571"/>
      <c r="R4" s="571"/>
      <c r="S4" s="571"/>
      <c r="T4" s="571"/>
      <c r="U4" s="571"/>
      <c r="V4" s="571"/>
      <c r="W4" s="571"/>
      <c r="X4" s="571"/>
      <c r="Y4" s="571"/>
      <c r="Z4" s="571"/>
      <c r="AA4" s="571"/>
      <c r="AB4" s="571"/>
      <c r="AC4" s="571"/>
      <c r="AD4" s="571"/>
      <c r="AE4" s="571"/>
      <c r="AF4" s="571"/>
      <c r="AG4" s="571"/>
      <c r="AH4" s="571"/>
      <c r="AI4" s="571"/>
      <c r="AJ4" s="571"/>
      <c r="AK4" s="571"/>
      <c r="AL4" s="571"/>
      <c r="AM4" s="571"/>
      <c r="AN4" s="571"/>
      <c r="AO4" s="571"/>
      <c r="AP4" s="571"/>
      <c r="AQ4" s="571"/>
      <c r="AR4" s="571"/>
      <c r="AS4" s="571"/>
      <c r="AT4" s="571"/>
      <c r="AU4" s="571"/>
      <c r="AV4" s="571"/>
      <c r="AW4" s="571"/>
      <c r="AX4" s="571"/>
      <c r="AY4" s="571"/>
      <c r="AZ4" s="571"/>
      <c r="BA4" s="571"/>
      <c r="BB4" s="571"/>
      <c r="BC4" s="571"/>
      <c r="BD4" s="571"/>
      <c r="BE4" s="571"/>
      <c r="BF4" s="571"/>
      <c r="BG4" s="571"/>
      <c r="BH4" s="571"/>
      <c r="BI4" s="571"/>
      <c r="BJ4" s="571"/>
      <c r="BK4" s="571"/>
      <c r="BL4" s="571"/>
      <c r="BM4" s="571"/>
      <c r="BN4" s="571"/>
      <c r="BO4" s="571"/>
      <c r="BP4" s="571"/>
      <c r="BQ4" s="571"/>
      <c r="BR4" s="571"/>
      <c r="BS4" s="571"/>
      <c r="BT4" s="571"/>
      <c r="BU4" s="571"/>
      <c r="BV4" s="571"/>
      <c r="BW4" s="571"/>
      <c r="BX4" s="571"/>
      <c r="BY4" s="571"/>
      <c r="BZ4" s="571"/>
      <c r="CA4" s="571"/>
      <c r="CB4" s="571"/>
      <c r="CC4" s="571"/>
      <c r="CD4" s="571"/>
      <c r="CE4" s="571"/>
      <c r="CF4" s="571"/>
      <c r="CG4" s="571"/>
      <c r="CH4" s="571"/>
      <c r="CI4" s="571"/>
      <c r="CJ4" s="571"/>
      <c r="CK4" s="571"/>
      <c r="CL4" s="571"/>
      <c r="CM4" s="571"/>
      <c r="CN4" s="571"/>
      <c r="CO4" s="571"/>
      <c r="CP4" s="571"/>
      <c r="CQ4" s="571"/>
      <c r="CR4" s="571"/>
      <c r="CS4" s="571"/>
      <c r="CT4" s="571"/>
      <c r="CU4" s="571"/>
      <c r="CV4" s="571"/>
      <c r="CW4" s="571"/>
      <c r="CX4" s="571"/>
      <c r="CY4" s="571"/>
      <c r="CZ4" s="571"/>
      <c r="DA4" s="571"/>
      <c r="DB4" s="571"/>
      <c r="DC4" s="571"/>
      <c r="DD4" s="571"/>
      <c r="DE4" s="571"/>
      <c r="DF4" s="571"/>
      <c r="DG4" s="571"/>
      <c r="DH4" s="571"/>
      <c r="DI4" s="571"/>
      <c r="DJ4" s="571"/>
      <c r="DK4" s="571"/>
      <c r="DL4" s="571"/>
      <c r="DM4" s="571"/>
      <c r="DN4" s="571"/>
      <c r="DO4" s="571"/>
      <c r="DP4" s="571"/>
      <c r="DQ4" s="571"/>
      <c r="DR4" s="571"/>
      <c r="DS4" s="571"/>
      <c r="DT4" s="571"/>
      <c r="DU4" s="571"/>
      <c r="DV4" s="571"/>
      <c r="DW4" s="571"/>
      <c r="DX4" s="571"/>
      <c r="DY4" s="571"/>
      <c r="DZ4" s="571"/>
      <c r="EA4" s="571"/>
      <c r="EB4" s="571"/>
      <c r="EC4" s="571"/>
      <c r="ED4" s="571"/>
      <c r="EE4" s="571"/>
      <c r="EF4" s="571"/>
      <c r="EG4" s="571"/>
      <c r="EH4" s="571"/>
      <c r="EI4" s="571"/>
      <c r="EJ4" s="571"/>
      <c r="EK4" s="571"/>
      <c r="EL4" s="571"/>
      <c r="EM4" s="571"/>
      <c r="EN4" s="571"/>
      <c r="EO4" s="571"/>
      <c r="EP4" s="571"/>
      <c r="EQ4" s="571"/>
      <c r="ER4" s="571"/>
      <c r="ES4" s="571"/>
      <c r="ET4" s="571"/>
      <c r="EU4" s="571"/>
      <c r="EV4" s="571"/>
      <c r="EW4" s="571"/>
      <c r="EX4" s="571"/>
      <c r="EY4" s="571"/>
      <c r="EZ4" s="571"/>
      <c r="FA4" s="571"/>
      <c r="FB4" s="571"/>
      <c r="FC4" s="571"/>
      <c r="FD4" s="571"/>
      <c r="FE4" s="571"/>
      <c r="FF4" s="571"/>
      <c r="FG4" s="571"/>
      <c r="FH4" s="571"/>
      <c r="FI4" s="571"/>
      <c r="FJ4" s="571"/>
      <c r="FK4" s="571"/>
      <c r="FL4" s="571"/>
      <c r="FM4" s="571"/>
      <c r="FN4" s="571"/>
      <c r="FO4" s="571"/>
      <c r="FP4" s="571"/>
      <c r="FQ4" s="571"/>
      <c r="FR4" s="571"/>
      <c r="FS4" s="571"/>
      <c r="FT4" s="571"/>
      <c r="FU4" s="571"/>
      <c r="FV4" s="571"/>
      <c r="FW4" s="571"/>
      <c r="FX4" s="571"/>
      <c r="FY4" s="571"/>
      <c r="FZ4" s="571"/>
      <c r="GA4" s="571"/>
      <c r="GB4" s="571"/>
      <c r="GC4" s="571"/>
      <c r="GD4" s="571"/>
      <c r="GE4" s="571"/>
      <c r="GF4" s="571"/>
      <c r="GG4" s="571"/>
      <c r="GH4" s="571"/>
      <c r="GI4" s="571"/>
      <c r="GJ4" s="571"/>
      <c r="GK4" s="571"/>
      <c r="GL4" s="571"/>
      <c r="GM4" s="571"/>
      <c r="GN4" s="571"/>
      <c r="GO4" s="571"/>
      <c r="GP4" s="571"/>
      <c r="GQ4" s="571"/>
      <c r="GR4" s="571"/>
      <c r="GS4" s="571"/>
      <c r="GT4" s="571"/>
      <c r="GU4" s="571"/>
      <c r="GV4" s="571"/>
      <c r="GW4" s="571"/>
      <c r="GX4" s="571"/>
      <c r="GY4" s="571"/>
      <c r="GZ4" s="571"/>
      <c r="HA4" s="571"/>
      <c r="HB4" s="571"/>
      <c r="HC4" s="571"/>
      <c r="HD4" s="571"/>
      <c r="HE4" s="571"/>
      <c r="HF4" s="571"/>
      <c r="HG4" s="571"/>
      <c r="HH4" s="571"/>
      <c r="HI4" s="571"/>
      <c r="HJ4" s="571"/>
      <c r="HK4" s="571"/>
      <c r="HL4" s="571"/>
      <c r="HM4" s="571"/>
      <c r="HN4" s="571"/>
      <c r="HO4" s="571"/>
      <c r="HP4" s="571"/>
      <c r="HQ4" s="571"/>
      <c r="HR4" s="571"/>
      <c r="HS4" s="571"/>
      <c r="HT4" s="571"/>
      <c r="HU4" s="571"/>
      <c r="HV4" s="571"/>
      <c r="HW4" s="571"/>
      <c r="HX4" s="572"/>
      <c r="HY4" s="602" t="s">
        <v>85</v>
      </c>
      <c r="HZ4" s="603"/>
      <c r="IA4" s="603"/>
      <c r="IB4" s="603"/>
      <c r="IC4" s="603"/>
      <c r="ID4" s="603"/>
      <c r="IE4" s="603"/>
      <c r="IF4" s="603"/>
      <c r="IG4" s="603"/>
      <c r="IH4" s="603"/>
      <c r="II4" s="603"/>
      <c r="IJ4" s="603"/>
      <c r="IK4" s="603"/>
      <c r="IL4" s="603"/>
      <c r="IM4" s="603"/>
      <c r="IN4" s="603"/>
      <c r="IO4" s="603"/>
      <c r="IP4" s="603"/>
      <c r="IQ4" s="603"/>
      <c r="IR4" s="603"/>
      <c r="IS4" s="603"/>
      <c r="IT4" s="603"/>
      <c r="IU4" s="603"/>
      <c r="IV4" s="603"/>
      <c r="IW4" s="603"/>
      <c r="IX4" s="603"/>
      <c r="IY4" s="603"/>
      <c r="IZ4" s="603"/>
      <c r="JA4" s="603"/>
      <c r="JB4" s="603"/>
      <c r="JC4" s="603"/>
      <c r="JD4" s="603"/>
      <c r="JE4" s="603"/>
      <c r="JF4" s="603"/>
      <c r="JG4" s="603"/>
      <c r="JH4" s="603"/>
      <c r="JI4" s="603"/>
      <c r="JJ4" s="603"/>
      <c r="JK4" s="603"/>
      <c r="JL4" s="603"/>
      <c r="JM4" s="603"/>
      <c r="JN4" s="603"/>
      <c r="JO4" s="603"/>
      <c r="JP4" s="603"/>
      <c r="JQ4" s="603"/>
      <c r="JR4" s="603"/>
      <c r="JS4" s="603"/>
      <c r="JT4" s="603"/>
      <c r="JU4" s="603"/>
      <c r="JV4" s="603"/>
      <c r="JW4" s="603"/>
      <c r="JX4" s="603"/>
      <c r="JY4" s="603"/>
      <c r="JZ4" s="603"/>
      <c r="KA4" s="603"/>
      <c r="KB4" s="603"/>
      <c r="KC4" s="603"/>
      <c r="KD4" s="603"/>
      <c r="KE4" s="603"/>
      <c r="KF4" s="603"/>
      <c r="KG4" s="603"/>
      <c r="KH4" s="603"/>
      <c r="KI4" s="603"/>
      <c r="KJ4" s="603"/>
      <c r="KK4" s="603"/>
      <c r="KL4" s="603"/>
      <c r="KM4" s="603"/>
      <c r="KN4" s="603"/>
      <c r="KO4" s="603"/>
      <c r="KP4" s="603"/>
      <c r="KQ4" s="603"/>
      <c r="KR4" s="603"/>
      <c r="KS4" s="603"/>
      <c r="KT4" s="603"/>
      <c r="KU4" s="603"/>
      <c r="KV4" s="603"/>
      <c r="KW4" s="603"/>
      <c r="KX4" s="603"/>
      <c r="KY4" s="603"/>
      <c r="KZ4" s="603"/>
      <c r="LA4" s="603"/>
      <c r="LB4" s="603"/>
      <c r="LC4" s="603"/>
      <c r="LD4" s="603"/>
      <c r="LE4" s="603"/>
      <c r="LF4" s="603"/>
      <c r="LG4" s="603"/>
      <c r="LH4" s="603"/>
      <c r="LI4" s="603"/>
      <c r="LJ4" s="603"/>
      <c r="LK4" s="603"/>
      <c r="LL4" s="603"/>
      <c r="LM4" s="603"/>
      <c r="LN4" s="603"/>
      <c r="LO4" s="603"/>
      <c r="LP4" s="603"/>
      <c r="LQ4" s="603"/>
      <c r="LR4" s="603"/>
      <c r="LS4" s="603"/>
      <c r="LT4" s="603"/>
      <c r="LU4" s="603"/>
      <c r="LV4" s="603"/>
      <c r="LW4" s="603"/>
      <c r="LX4" s="603"/>
      <c r="LY4" s="603"/>
      <c r="LZ4" s="603"/>
      <c r="MA4" s="603"/>
      <c r="MB4" s="603"/>
      <c r="MC4" s="603"/>
      <c r="MD4" s="604"/>
      <c r="ME4" s="602" t="s">
        <v>86</v>
      </c>
      <c r="MF4" s="603"/>
      <c r="MG4" s="603"/>
      <c r="MH4" s="603"/>
      <c r="MI4" s="603"/>
      <c r="MJ4" s="603"/>
      <c r="MK4" s="603"/>
      <c r="ML4" s="603"/>
      <c r="MM4" s="603"/>
      <c r="MN4" s="603"/>
      <c r="MO4" s="603"/>
      <c r="MP4" s="603"/>
      <c r="MQ4" s="603"/>
      <c r="MR4" s="603"/>
      <c r="MS4" s="603"/>
      <c r="MT4" s="603"/>
      <c r="MU4" s="603"/>
      <c r="MV4" s="603"/>
      <c r="MW4" s="603"/>
      <c r="MX4" s="603"/>
      <c r="MY4" s="603"/>
      <c r="MZ4" s="603"/>
      <c r="NA4" s="603"/>
      <c r="NB4" s="603"/>
      <c r="NC4" s="603"/>
      <c r="ND4" s="603"/>
      <c r="NE4" s="603"/>
      <c r="NF4" s="603"/>
      <c r="NG4" s="603"/>
      <c r="NH4" s="603"/>
      <c r="NI4" s="603"/>
      <c r="NJ4" s="603"/>
      <c r="NK4" s="603"/>
      <c r="NL4" s="603"/>
      <c r="NM4" s="603"/>
      <c r="NN4" s="603"/>
      <c r="NO4" s="603"/>
      <c r="NP4" s="603"/>
      <c r="NQ4" s="603"/>
      <c r="NR4" s="603"/>
      <c r="NS4" s="603"/>
      <c r="NT4" s="603"/>
      <c r="NU4" s="603"/>
      <c r="NV4" s="603"/>
      <c r="NW4" s="603"/>
      <c r="NX4" s="603"/>
      <c r="NY4" s="603"/>
      <c r="NZ4" s="603"/>
      <c r="OA4" s="603"/>
      <c r="OB4" s="603"/>
      <c r="OC4" s="603"/>
      <c r="OD4" s="603"/>
      <c r="OE4" s="603"/>
      <c r="OF4" s="603"/>
      <c r="OG4" s="604"/>
      <c r="OH4" s="593" t="s">
        <v>60</v>
      </c>
      <c r="OI4" s="497"/>
      <c r="OJ4" s="497"/>
      <c r="OK4" s="497"/>
      <c r="OL4" s="497"/>
      <c r="OM4" s="497"/>
      <c r="ON4" s="497"/>
      <c r="OO4" s="497"/>
      <c r="OP4" s="497"/>
      <c r="OQ4" s="497"/>
      <c r="OR4" s="498"/>
    </row>
    <row r="5" spans="1:408" ht="18" customHeight="1" thickBot="1" x14ac:dyDescent="0.25">
      <c r="A5" s="617"/>
      <c r="B5" s="620"/>
      <c r="C5" s="620"/>
      <c r="D5" s="620"/>
      <c r="E5" s="620"/>
      <c r="F5" s="620"/>
      <c r="G5" s="620"/>
      <c r="H5" s="620"/>
      <c r="I5" s="620"/>
      <c r="J5" s="620"/>
      <c r="K5" s="620"/>
      <c r="L5" s="620"/>
      <c r="M5" s="622" t="s">
        <v>64</v>
      </c>
      <c r="N5" s="623"/>
      <c r="O5" s="623"/>
      <c r="P5" s="623"/>
      <c r="Q5" s="623"/>
      <c r="R5" s="623"/>
      <c r="S5" s="623"/>
      <c r="T5" s="623"/>
      <c r="U5" s="623"/>
      <c r="V5" s="623"/>
      <c r="W5" s="623"/>
      <c r="X5" s="623"/>
      <c r="Y5" s="623"/>
      <c r="Z5" s="623"/>
      <c r="AA5" s="623"/>
      <c r="AB5" s="623"/>
      <c r="AC5" s="623"/>
      <c r="AD5" s="623"/>
      <c r="AE5" s="623"/>
      <c r="AF5" s="623"/>
      <c r="AG5" s="623"/>
      <c r="AH5" s="623"/>
      <c r="AI5" s="623"/>
      <c r="AJ5" s="623"/>
      <c r="AK5" s="623"/>
      <c r="AL5" s="623"/>
      <c r="AM5" s="623"/>
      <c r="AN5" s="623"/>
      <c r="AO5" s="623"/>
      <c r="AP5" s="623"/>
      <c r="AQ5" s="623"/>
      <c r="AR5" s="623"/>
      <c r="AS5" s="623"/>
      <c r="AT5" s="623"/>
      <c r="AU5" s="623"/>
      <c r="AV5" s="623"/>
      <c r="AW5" s="623"/>
      <c r="AX5" s="623"/>
      <c r="AY5" s="623"/>
      <c r="AZ5" s="623"/>
      <c r="BA5" s="623"/>
      <c r="BB5" s="623"/>
      <c r="BC5" s="623"/>
      <c r="BD5" s="623"/>
      <c r="BE5" s="623"/>
      <c r="BF5" s="623"/>
      <c r="BG5" s="623"/>
      <c r="BH5" s="623"/>
      <c r="BI5" s="623"/>
      <c r="BJ5" s="623"/>
      <c r="BK5" s="623"/>
      <c r="BL5" s="623"/>
      <c r="BM5" s="623"/>
      <c r="BN5" s="623"/>
      <c r="BO5" s="623"/>
      <c r="BP5" s="623"/>
      <c r="BQ5" s="623"/>
      <c r="BR5" s="623"/>
      <c r="BS5" s="623"/>
      <c r="BT5" s="623"/>
      <c r="BU5" s="623"/>
      <c r="BV5" s="623"/>
      <c r="BW5" s="623"/>
      <c r="BX5" s="623"/>
      <c r="BY5" s="623"/>
      <c r="BZ5" s="624"/>
      <c r="CA5" s="622" t="s">
        <v>65</v>
      </c>
      <c r="CB5" s="623"/>
      <c r="CC5" s="623"/>
      <c r="CD5" s="623"/>
      <c r="CE5" s="623"/>
      <c r="CF5" s="623"/>
      <c r="CG5" s="623"/>
      <c r="CH5" s="623"/>
      <c r="CI5" s="623"/>
      <c r="CJ5" s="623"/>
      <c r="CK5" s="623"/>
      <c r="CL5" s="623"/>
      <c r="CM5" s="623"/>
      <c r="CN5" s="623"/>
      <c r="CO5" s="623"/>
      <c r="CP5" s="623"/>
      <c r="CQ5" s="623"/>
      <c r="CR5" s="623"/>
      <c r="CS5" s="623"/>
      <c r="CT5" s="623"/>
      <c r="CU5" s="623"/>
      <c r="CV5" s="623"/>
      <c r="CW5" s="623"/>
      <c r="CX5" s="623"/>
      <c r="CY5" s="623"/>
      <c r="CZ5" s="623"/>
      <c r="DA5" s="623"/>
      <c r="DB5" s="623"/>
      <c r="DC5" s="623"/>
      <c r="DD5" s="623"/>
      <c r="DE5" s="623"/>
      <c r="DF5" s="623"/>
      <c r="DG5" s="624"/>
      <c r="DH5" s="602" t="s">
        <v>66</v>
      </c>
      <c r="DI5" s="603"/>
      <c r="DJ5" s="603"/>
      <c r="DK5" s="603"/>
      <c r="DL5" s="603"/>
      <c r="DM5" s="603"/>
      <c r="DN5" s="603"/>
      <c r="DO5" s="603"/>
      <c r="DP5" s="603"/>
      <c r="DQ5" s="603"/>
      <c r="DR5" s="603"/>
      <c r="DS5" s="603"/>
      <c r="DT5" s="603"/>
      <c r="DU5" s="603"/>
      <c r="DV5" s="603"/>
      <c r="DW5" s="603"/>
      <c r="DX5" s="603"/>
      <c r="DY5" s="603"/>
      <c r="DZ5" s="603"/>
      <c r="EA5" s="603"/>
      <c r="EB5" s="603"/>
      <c r="EC5" s="603"/>
      <c r="ED5" s="603"/>
      <c r="EE5" s="603"/>
      <c r="EF5" s="603"/>
      <c r="EG5" s="603"/>
      <c r="EH5" s="603"/>
      <c r="EI5" s="603"/>
      <c r="EJ5" s="603"/>
      <c r="EK5" s="603"/>
      <c r="EL5" s="603"/>
      <c r="EM5" s="603"/>
      <c r="EN5" s="603"/>
      <c r="EO5" s="603"/>
      <c r="EP5" s="603"/>
      <c r="EQ5" s="603"/>
      <c r="ER5" s="603"/>
      <c r="ES5" s="603"/>
      <c r="ET5" s="603"/>
      <c r="EU5" s="603"/>
      <c r="EV5" s="603"/>
      <c r="EW5" s="603"/>
      <c r="EX5" s="603"/>
      <c r="EY5" s="603"/>
      <c r="EZ5" s="603"/>
      <c r="FA5" s="603"/>
      <c r="FB5" s="603"/>
      <c r="FC5" s="603"/>
      <c r="FD5" s="603"/>
      <c r="FE5" s="603"/>
      <c r="FF5" s="603"/>
      <c r="FG5" s="603"/>
      <c r="FH5" s="603"/>
      <c r="FI5" s="603"/>
      <c r="FJ5" s="604"/>
      <c r="FK5" s="622" t="s">
        <v>67</v>
      </c>
      <c r="FL5" s="623"/>
      <c r="FM5" s="623"/>
      <c r="FN5" s="623"/>
      <c r="FO5" s="623"/>
      <c r="FP5" s="623"/>
      <c r="FQ5" s="623"/>
      <c r="FR5" s="623"/>
      <c r="FS5" s="623"/>
      <c r="FT5" s="623"/>
      <c r="FU5" s="623"/>
      <c r="FV5" s="623"/>
      <c r="FW5" s="623"/>
      <c r="FX5" s="623"/>
      <c r="FY5" s="623"/>
      <c r="FZ5" s="623"/>
      <c r="GA5" s="623"/>
      <c r="GB5" s="623"/>
      <c r="GC5" s="623"/>
      <c r="GD5" s="623"/>
      <c r="GE5" s="623"/>
      <c r="GF5" s="623"/>
      <c r="GG5" s="623"/>
      <c r="GH5" s="623"/>
      <c r="GI5" s="623"/>
      <c r="GJ5" s="623"/>
      <c r="GK5" s="623"/>
      <c r="GL5" s="623"/>
      <c r="GM5" s="623"/>
      <c r="GN5" s="623"/>
      <c r="GO5" s="623"/>
      <c r="GP5" s="623"/>
      <c r="GQ5" s="623"/>
      <c r="GR5" s="623"/>
      <c r="GS5" s="623"/>
      <c r="GT5" s="623"/>
      <c r="GU5" s="623"/>
      <c r="GV5" s="623"/>
      <c r="GW5" s="623"/>
      <c r="GX5" s="623"/>
      <c r="GY5" s="623"/>
      <c r="GZ5" s="623"/>
      <c r="HA5" s="623"/>
      <c r="HB5" s="624"/>
      <c r="HC5" s="613" t="s">
        <v>68</v>
      </c>
      <c r="HD5" s="614"/>
      <c r="HE5" s="614"/>
      <c r="HF5" s="614"/>
      <c r="HG5" s="614"/>
      <c r="HH5" s="614"/>
      <c r="HI5" s="614"/>
      <c r="HJ5" s="614"/>
      <c r="HK5" s="614"/>
      <c r="HL5" s="614"/>
      <c r="HM5" s="615"/>
      <c r="HN5" s="613" t="s">
        <v>69</v>
      </c>
      <c r="HO5" s="614"/>
      <c r="HP5" s="614"/>
      <c r="HQ5" s="614"/>
      <c r="HR5" s="614"/>
      <c r="HS5" s="614"/>
      <c r="HT5" s="614"/>
      <c r="HU5" s="614"/>
      <c r="HV5" s="614"/>
      <c r="HW5" s="614"/>
      <c r="HX5" s="615"/>
      <c r="HY5" s="655"/>
      <c r="HZ5" s="656"/>
      <c r="IA5" s="656"/>
      <c r="IB5" s="656"/>
      <c r="IC5" s="656"/>
      <c r="ID5" s="656"/>
      <c r="IE5" s="656"/>
      <c r="IF5" s="656"/>
      <c r="IG5" s="656"/>
      <c r="IH5" s="656"/>
      <c r="II5" s="657"/>
      <c r="IJ5" s="593" t="s">
        <v>94</v>
      </c>
      <c r="IK5" s="497"/>
      <c r="IL5" s="497"/>
      <c r="IM5" s="497"/>
      <c r="IN5" s="497"/>
      <c r="IO5" s="497"/>
      <c r="IP5" s="497"/>
      <c r="IQ5" s="497"/>
      <c r="IR5" s="497"/>
      <c r="IS5" s="497"/>
      <c r="IT5" s="498"/>
      <c r="IU5" s="593" t="s">
        <v>88</v>
      </c>
      <c r="IV5" s="497"/>
      <c r="IW5" s="497"/>
      <c r="IX5" s="497"/>
      <c r="IY5" s="497"/>
      <c r="IZ5" s="497"/>
      <c r="JA5" s="497"/>
      <c r="JB5" s="497"/>
      <c r="JC5" s="497"/>
      <c r="JD5" s="497"/>
      <c r="JE5" s="498"/>
      <c r="JF5" s="658" t="s">
        <v>144</v>
      </c>
      <c r="JG5" s="659"/>
      <c r="JH5" s="659"/>
      <c r="JI5" s="659"/>
      <c r="JJ5" s="659"/>
      <c r="JK5" s="659"/>
      <c r="JL5" s="659"/>
      <c r="JM5" s="659"/>
      <c r="JN5" s="659"/>
      <c r="JO5" s="659"/>
      <c r="JP5" s="660"/>
      <c r="JQ5" s="593" t="s">
        <v>90</v>
      </c>
      <c r="JR5" s="497"/>
      <c r="JS5" s="497"/>
      <c r="JT5" s="497"/>
      <c r="JU5" s="497"/>
      <c r="JV5" s="497"/>
      <c r="JW5" s="497"/>
      <c r="JX5" s="497"/>
      <c r="JY5" s="497"/>
      <c r="JZ5" s="497"/>
      <c r="KA5" s="498"/>
      <c r="KB5" s="593" t="s">
        <v>89</v>
      </c>
      <c r="KC5" s="497"/>
      <c r="KD5" s="497"/>
      <c r="KE5" s="497"/>
      <c r="KF5" s="497"/>
      <c r="KG5" s="497"/>
      <c r="KH5" s="497"/>
      <c r="KI5" s="497"/>
      <c r="KJ5" s="497"/>
      <c r="KK5" s="497"/>
      <c r="KL5" s="498"/>
      <c r="KM5" s="593" t="s">
        <v>91</v>
      </c>
      <c r="KN5" s="497"/>
      <c r="KO5" s="497"/>
      <c r="KP5" s="497"/>
      <c r="KQ5" s="497"/>
      <c r="KR5" s="497"/>
      <c r="KS5" s="497"/>
      <c r="KT5" s="497"/>
      <c r="KU5" s="497"/>
      <c r="KV5" s="497"/>
      <c r="KW5" s="498"/>
      <c r="KX5" s="593" t="s">
        <v>92</v>
      </c>
      <c r="KY5" s="497"/>
      <c r="KZ5" s="497"/>
      <c r="LA5" s="497"/>
      <c r="LB5" s="497"/>
      <c r="LC5" s="497"/>
      <c r="LD5" s="497"/>
      <c r="LE5" s="497"/>
      <c r="LF5" s="497"/>
      <c r="LG5" s="497"/>
      <c r="LH5" s="498"/>
      <c r="LI5" s="664" t="s">
        <v>93</v>
      </c>
      <c r="LJ5" s="665"/>
      <c r="LK5" s="665"/>
      <c r="LL5" s="665"/>
      <c r="LM5" s="665"/>
      <c r="LN5" s="665"/>
      <c r="LO5" s="665"/>
      <c r="LP5" s="665"/>
      <c r="LQ5" s="665"/>
      <c r="LR5" s="665"/>
      <c r="LS5" s="666"/>
      <c r="LT5" s="667" t="s">
        <v>145</v>
      </c>
      <c r="LU5" s="668"/>
      <c r="LV5" s="668"/>
      <c r="LW5" s="668"/>
      <c r="LX5" s="668"/>
      <c r="LY5" s="668"/>
      <c r="LZ5" s="668"/>
      <c r="MA5" s="668"/>
      <c r="MB5" s="668"/>
      <c r="MC5" s="668"/>
      <c r="MD5" s="669"/>
      <c r="ME5" s="655"/>
      <c r="MF5" s="656"/>
      <c r="MG5" s="656"/>
      <c r="MH5" s="656"/>
      <c r="MI5" s="656"/>
      <c r="MJ5" s="656"/>
      <c r="MK5" s="656"/>
      <c r="ML5" s="656"/>
      <c r="MM5" s="656"/>
      <c r="MN5" s="656"/>
      <c r="MO5" s="657"/>
      <c r="MP5" s="593" t="s">
        <v>57</v>
      </c>
      <c r="MQ5" s="497"/>
      <c r="MR5" s="497"/>
      <c r="MS5" s="497"/>
      <c r="MT5" s="497"/>
      <c r="MU5" s="497"/>
      <c r="MV5" s="497"/>
      <c r="MW5" s="497"/>
      <c r="MX5" s="497"/>
      <c r="MY5" s="497"/>
      <c r="MZ5" s="498"/>
      <c r="NA5" s="593" t="s">
        <v>58</v>
      </c>
      <c r="NB5" s="497"/>
      <c r="NC5" s="497"/>
      <c r="ND5" s="497"/>
      <c r="NE5" s="497"/>
      <c r="NF5" s="497"/>
      <c r="NG5" s="497"/>
      <c r="NH5" s="497"/>
      <c r="NI5" s="497"/>
      <c r="NJ5" s="497"/>
      <c r="NK5" s="498"/>
      <c r="NL5" s="593" t="s">
        <v>59</v>
      </c>
      <c r="NM5" s="497"/>
      <c r="NN5" s="497"/>
      <c r="NO5" s="497"/>
      <c r="NP5" s="497"/>
      <c r="NQ5" s="497"/>
      <c r="NR5" s="497"/>
      <c r="NS5" s="497"/>
      <c r="NT5" s="497"/>
      <c r="NU5" s="497"/>
      <c r="NV5" s="498"/>
      <c r="NW5" s="645" t="s">
        <v>151</v>
      </c>
      <c r="NX5" s="646"/>
      <c r="NY5" s="646"/>
      <c r="NZ5" s="646"/>
      <c r="OA5" s="646"/>
      <c r="OB5" s="646"/>
      <c r="OC5" s="646"/>
      <c r="OD5" s="646"/>
      <c r="OE5" s="646"/>
      <c r="OF5" s="646"/>
      <c r="OG5" s="647"/>
      <c r="OH5" s="652"/>
      <c r="OI5" s="653"/>
      <c r="OJ5" s="653"/>
      <c r="OK5" s="653"/>
      <c r="OL5" s="653"/>
      <c r="OM5" s="653"/>
      <c r="ON5" s="653"/>
      <c r="OO5" s="653"/>
      <c r="OP5" s="653"/>
      <c r="OQ5" s="653"/>
      <c r="OR5" s="654"/>
    </row>
    <row r="6" spans="1:408" ht="18" customHeight="1" thickBot="1" x14ac:dyDescent="0.25">
      <c r="A6" s="617"/>
      <c r="B6" s="621"/>
      <c r="C6" s="621"/>
      <c r="D6" s="621"/>
      <c r="E6" s="621"/>
      <c r="F6" s="621"/>
      <c r="G6" s="621"/>
      <c r="H6" s="621"/>
      <c r="I6" s="621"/>
      <c r="J6" s="621"/>
      <c r="K6" s="621"/>
      <c r="L6" s="621"/>
      <c r="M6" s="594"/>
      <c r="N6" s="587"/>
      <c r="O6" s="587"/>
      <c r="P6" s="587"/>
      <c r="Q6" s="587"/>
      <c r="R6" s="587"/>
      <c r="S6" s="587"/>
      <c r="T6" s="587"/>
      <c r="U6" s="587"/>
      <c r="V6" s="587"/>
      <c r="W6" s="595"/>
      <c r="X6" s="596" t="s">
        <v>70</v>
      </c>
      <c r="Y6" s="597"/>
      <c r="Z6" s="597"/>
      <c r="AA6" s="597"/>
      <c r="AB6" s="597"/>
      <c r="AC6" s="597"/>
      <c r="AD6" s="597"/>
      <c r="AE6" s="597"/>
      <c r="AF6" s="597"/>
      <c r="AG6" s="597"/>
      <c r="AH6" s="598"/>
      <c r="AI6" s="613" t="s">
        <v>71</v>
      </c>
      <c r="AJ6" s="614"/>
      <c r="AK6" s="614"/>
      <c r="AL6" s="614"/>
      <c r="AM6" s="614"/>
      <c r="AN6" s="614"/>
      <c r="AO6" s="614"/>
      <c r="AP6" s="614"/>
      <c r="AQ6" s="614"/>
      <c r="AR6" s="614"/>
      <c r="AS6" s="615"/>
      <c r="AT6" s="609" t="s">
        <v>72</v>
      </c>
      <c r="AU6" s="610"/>
      <c r="AV6" s="610"/>
      <c r="AW6" s="610"/>
      <c r="AX6" s="610"/>
      <c r="AY6" s="610"/>
      <c r="AZ6" s="610"/>
      <c r="BA6" s="610"/>
      <c r="BB6" s="610"/>
      <c r="BC6" s="610"/>
      <c r="BD6" s="611"/>
      <c r="BE6" s="609" t="s">
        <v>73</v>
      </c>
      <c r="BF6" s="610"/>
      <c r="BG6" s="610"/>
      <c r="BH6" s="610"/>
      <c r="BI6" s="610"/>
      <c r="BJ6" s="610"/>
      <c r="BK6" s="610"/>
      <c r="BL6" s="610"/>
      <c r="BM6" s="610"/>
      <c r="BN6" s="610"/>
      <c r="BO6" s="611"/>
      <c r="BP6" s="609" t="s">
        <v>74</v>
      </c>
      <c r="BQ6" s="610"/>
      <c r="BR6" s="610"/>
      <c r="BS6" s="610"/>
      <c r="BT6" s="610"/>
      <c r="BU6" s="610"/>
      <c r="BV6" s="610"/>
      <c r="BW6" s="610"/>
      <c r="BX6" s="610"/>
      <c r="BY6" s="610"/>
      <c r="BZ6" s="611"/>
      <c r="CA6" s="606"/>
      <c r="CB6" s="607"/>
      <c r="CC6" s="607"/>
      <c r="CD6" s="607"/>
      <c r="CE6" s="607"/>
      <c r="CF6" s="607"/>
      <c r="CG6" s="607"/>
      <c r="CH6" s="607"/>
      <c r="CI6" s="607"/>
      <c r="CJ6" s="607"/>
      <c r="CK6" s="608"/>
      <c r="CL6" s="609" t="s">
        <v>75</v>
      </c>
      <c r="CM6" s="610"/>
      <c r="CN6" s="610"/>
      <c r="CO6" s="610"/>
      <c r="CP6" s="610"/>
      <c r="CQ6" s="610"/>
      <c r="CR6" s="610"/>
      <c r="CS6" s="610"/>
      <c r="CT6" s="610"/>
      <c r="CU6" s="610"/>
      <c r="CV6" s="611"/>
      <c r="CW6" s="609" t="s">
        <v>76</v>
      </c>
      <c r="CX6" s="610"/>
      <c r="CY6" s="610"/>
      <c r="CZ6" s="610"/>
      <c r="DA6" s="610"/>
      <c r="DB6" s="610"/>
      <c r="DC6" s="610"/>
      <c r="DD6" s="610"/>
      <c r="DE6" s="610"/>
      <c r="DF6" s="610"/>
      <c r="DG6" s="611"/>
      <c r="DH6" s="606"/>
      <c r="DI6" s="607"/>
      <c r="DJ6" s="607"/>
      <c r="DK6" s="607"/>
      <c r="DL6" s="607"/>
      <c r="DM6" s="607"/>
      <c r="DN6" s="607"/>
      <c r="DO6" s="607"/>
      <c r="DP6" s="607"/>
      <c r="DQ6" s="607"/>
      <c r="DR6" s="607"/>
      <c r="DS6" s="609" t="s">
        <v>77</v>
      </c>
      <c r="DT6" s="610"/>
      <c r="DU6" s="610"/>
      <c r="DV6" s="610"/>
      <c r="DW6" s="610"/>
      <c r="DX6" s="610"/>
      <c r="DY6" s="610"/>
      <c r="DZ6" s="610"/>
      <c r="EA6" s="610"/>
      <c r="EB6" s="610"/>
      <c r="EC6" s="611"/>
      <c r="ED6" s="609" t="s">
        <v>78</v>
      </c>
      <c r="EE6" s="610"/>
      <c r="EF6" s="610"/>
      <c r="EG6" s="610"/>
      <c r="EH6" s="610"/>
      <c r="EI6" s="610"/>
      <c r="EJ6" s="610"/>
      <c r="EK6" s="610"/>
      <c r="EL6" s="610"/>
      <c r="EM6" s="610"/>
      <c r="EN6" s="611"/>
      <c r="EO6" s="609" t="s">
        <v>79</v>
      </c>
      <c r="EP6" s="610"/>
      <c r="EQ6" s="610"/>
      <c r="ER6" s="610"/>
      <c r="ES6" s="610"/>
      <c r="ET6" s="610"/>
      <c r="EU6" s="610"/>
      <c r="EV6" s="610"/>
      <c r="EW6" s="610"/>
      <c r="EX6" s="610"/>
      <c r="EY6" s="611"/>
      <c r="EZ6" s="612" t="s">
        <v>152</v>
      </c>
      <c r="FA6" s="610"/>
      <c r="FB6" s="610"/>
      <c r="FC6" s="610"/>
      <c r="FD6" s="610"/>
      <c r="FE6" s="610"/>
      <c r="FF6" s="610"/>
      <c r="FG6" s="610"/>
      <c r="FH6" s="610"/>
      <c r="FI6" s="610"/>
      <c r="FJ6" s="611"/>
      <c r="FK6" s="606"/>
      <c r="FL6" s="607"/>
      <c r="FM6" s="607"/>
      <c r="FN6" s="607"/>
      <c r="FO6" s="607"/>
      <c r="FP6" s="607"/>
      <c r="FQ6" s="607"/>
      <c r="FR6" s="607"/>
      <c r="FS6" s="607"/>
      <c r="FT6" s="607"/>
      <c r="FU6" s="607"/>
      <c r="FV6" s="609" t="s">
        <v>80</v>
      </c>
      <c r="FW6" s="610"/>
      <c r="FX6" s="610"/>
      <c r="FY6" s="610"/>
      <c r="FZ6" s="610"/>
      <c r="GA6" s="610"/>
      <c r="GB6" s="610"/>
      <c r="GC6" s="610"/>
      <c r="GD6" s="610"/>
      <c r="GE6" s="610"/>
      <c r="GF6" s="611"/>
      <c r="GG6" s="596" t="s">
        <v>81</v>
      </c>
      <c r="GH6" s="597"/>
      <c r="GI6" s="597"/>
      <c r="GJ6" s="597"/>
      <c r="GK6" s="597"/>
      <c r="GL6" s="597"/>
      <c r="GM6" s="597"/>
      <c r="GN6" s="597"/>
      <c r="GO6" s="597"/>
      <c r="GP6" s="597"/>
      <c r="GQ6" s="598"/>
      <c r="GR6" s="596" t="s">
        <v>82</v>
      </c>
      <c r="GS6" s="597"/>
      <c r="GT6" s="597"/>
      <c r="GU6" s="597"/>
      <c r="GV6" s="597"/>
      <c r="GW6" s="597"/>
      <c r="GX6" s="597"/>
      <c r="GY6" s="597"/>
      <c r="GZ6" s="597"/>
      <c r="HA6" s="597"/>
      <c r="HB6" s="598"/>
      <c r="HC6" s="625"/>
      <c r="HD6" s="626"/>
      <c r="HE6" s="626"/>
      <c r="HF6" s="626"/>
      <c r="HG6" s="626"/>
      <c r="HH6" s="626"/>
      <c r="HI6" s="626"/>
      <c r="HJ6" s="626"/>
      <c r="HK6" s="626"/>
      <c r="HL6" s="626"/>
      <c r="HM6" s="627"/>
      <c r="HN6" s="625"/>
      <c r="HO6" s="626"/>
      <c r="HP6" s="626"/>
      <c r="HQ6" s="626"/>
      <c r="HR6" s="626"/>
      <c r="HS6" s="626"/>
      <c r="HT6" s="626"/>
      <c r="HU6" s="626"/>
      <c r="HV6" s="626"/>
      <c r="HW6" s="626"/>
      <c r="HX6" s="627"/>
      <c r="HY6" s="606"/>
      <c r="HZ6" s="607"/>
      <c r="IA6" s="607"/>
      <c r="IB6" s="607"/>
      <c r="IC6" s="607"/>
      <c r="ID6" s="607"/>
      <c r="IE6" s="607"/>
      <c r="IF6" s="607"/>
      <c r="IG6" s="607"/>
      <c r="IH6" s="607"/>
      <c r="II6" s="608"/>
      <c r="IJ6" s="594"/>
      <c r="IK6" s="587"/>
      <c r="IL6" s="587"/>
      <c r="IM6" s="587"/>
      <c r="IN6" s="587"/>
      <c r="IO6" s="587"/>
      <c r="IP6" s="587"/>
      <c r="IQ6" s="587"/>
      <c r="IR6" s="587"/>
      <c r="IS6" s="587"/>
      <c r="IT6" s="595"/>
      <c r="IU6" s="594"/>
      <c r="IV6" s="587"/>
      <c r="IW6" s="587"/>
      <c r="IX6" s="587"/>
      <c r="IY6" s="587"/>
      <c r="IZ6" s="587"/>
      <c r="JA6" s="587"/>
      <c r="JB6" s="587"/>
      <c r="JC6" s="587"/>
      <c r="JD6" s="587"/>
      <c r="JE6" s="595"/>
      <c r="JF6" s="661"/>
      <c r="JG6" s="662"/>
      <c r="JH6" s="662"/>
      <c r="JI6" s="662"/>
      <c r="JJ6" s="662"/>
      <c r="JK6" s="662"/>
      <c r="JL6" s="662"/>
      <c r="JM6" s="662"/>
      <c r="JN6" s="662"/>
      <c r="JO6" s="662"/>
      <c r="JP6" s="663"/>
      <c r="JQ6" s="594"/>
      <c r="JR6" s="587"/>
      <c r="JS6" s="587"/>
      <c r="JT6" s="587"/>
      <c r="JU6" s="587"/>
      <c r="JV6" s="587"/>
      <c r="JW6" s="587"/>
      <c r="JX6" s="587"/>
      <c r="JY6" s="587"/>
      <c r="JZ6" s="587"/>
      <c r="KA6" s="595"/>
      <c r="KB6" s="594"/>
      <c r="KC6" s="587"/>
      <c r="KD6" s="587"/>
      <c r="KE6" s="587"/>
      <c r="KF6" s="587"/>
      <c r="KG6" s="587"/>
      <c r="KH6" s="587"/>
      <c r="KI6" s="587"/>
      <c r="KJ6" s="587"/>
      <c r="KK6" s="587"/>
      <c r="KL6" s="595"/>
      <c r="KM6" s="594"/>
      <c r="KN6" s="587"/>
      <c r="KO6" s="587"/>
      <c r="KP6" s="587"/>
      <c r="KQ6" s="587"/>
      <c r="KR6" s="587"/>
      <c r="KS6" s="587"/>
      <c r="KT6" s="587"/>
      <c r="KU6" s="587"/>
      <c r="KV6" s="587"/>
      <c r="KW6" s="595"/>
      <c r="KX6" s="594"/>
      <c r="KY6" s="587"/>
      <c r="KZ6" s="587"/>
      <c r="LA6" s="587"/>
      <c r="LB6" s="587"/>
      <c r="LC6" s="587"/>
      <c r="LD6" s="587"/>
      <c r="LE6" s="587"/>
      <c r="LF6" s="587"/>
      <c r="LG6" s="587"/>
      <c r="LH6" s="595"/>
      <c r="LI6" s="606"/>
      <c r="LJ6" s="607"/>
      <c r="LK6" s="607"/>
      <c r="LL6" s="607"/>
      <c r="LM6" s="607"/>
      <c r="LN6" s="607"/>
      <c r="LO6" s="607"/>
      <c r="LP6" s="607"/>
      <c r="LQ6" s="607"/>
      <c r="LR6" s="607"/>
      <c r="LS6" s="608"/>
      <c r="LT6" s="670"/>
      <c r="LU6" s="671"/>
      <c r="LV6" s="671"/>
      <c r="LW6" s="671"/>
      <c r="LX6" s="671"/>
      <c r="LY6" s="671"/>
      <c r="LZ6" s="671"/>
      <c r="MA6" s="671"/>
      <c r="MB6" s="671"/>
      <c r="MC6" s="671"/>
      <c r="MD6" s="672"/>
      <c r="ME6" s="606"/>
      <c r="MF6" s="607"/>
      <c r="MG6" s="607"/>
      <c r="MH6" s="607"/>
      <c r="MI6" s="607"/>
      <c r="MJ6" s="607"/>
      <c r="MK6" s="607"/>
      <c r="ML6" s="607"/>
      <c r="MM6" s="607"/>
      <c r="MN6" s="607"/>
      <c r="MO6" s="608"/>
      <c r="MP6" s="594"/>
      <c r="MQ6" s="587"/>
      <c r="MR6" s="587"/>
      <c r="MS6" s="587"/>
      <c r="MT6" s="587"/>
      <c r="MU6" s="587"/>
      <c r="MV6" s="587"/>
      <c r="MW6" s="587"/>
      <c r="MX6" s="587"/>
      <c r="MY6" s="587"/>
      <c r="MZ6" s="595"/>
      <c r="NA6" s="594"/>
      <c r="NB6" s="587"/>
      <c r="NC6" s="587"/>
      <c r="ND6" s="587"/>
      <c r="NE6" s="587"/>
      <c r="NF6" s="587"/>
      <c r="NG6" s="587"/>
      <c r="NH6" s="587"/>
      <c r="NI6" s="587"/>
      <c r="NJ6" s="587"/>
      <c r="NK6" s="595"/>
      <c r="NL6" s="594"/>
      <c r="NM6" s="587"/>
      <c r="NN6" s="587"/>
      <c r="NO6" s="587"/>
      <c r="NP6" s="587"/>
      <c r="NQ6" s="587"/>
      <c r="NR6" s="587"/>
      <c r="NS6" s="587"/>
      <c r="NT6" s="587"/>
      <c r="NU6" s="587"/>
      <c r="NV6" s="595"/>
      <c r="NW6" s="648"/>
      <c r="NX6" s="649"/>
      <c r="NY6" s="649"/>
      <c r="NZ6" s="649"/>
      <c r="OA6" s="649"/>
      <c r="OB6" s="649"/>
      <c r="OC6" s="649"/>
      <c r="OD6" s="649"/>
      <c r="OE6" s="649"/>
      <c r="OF6" s="649"/>
      <c r="OG6" s="650"/>
      <c r="OH6" s="594"/>
      <c r="OI6" s="587"/>
      <c r="OJ6" s="587"/>
      <c r="OK6" s="587"/>
      <c r="OL6" s="587"/>
      <c r="OM6" s="587"/>
      <c r="ON6" s="587"/>
      <c r="OO6" s="587"/>
      <c r="OP6" s="587"/>
      <c r="OQ6" s="587"/>
      <c r="OR6" s="595"/>
    </row>
    <row r="7" spans="1:408" ht="18" customHeight="1" x14ac:dyDescent="0.2">
      <c r="A7" s="617"/>
      <c r="B7" s="579" t="s">
        <v>61</v>
      </c>
      <c r="C7" s="579"/>
      <c r="D7" s="579"/>
      <c r="E7" s="578" t="s">
        <v>62</v>
      </c>
      <c r="F7" s="579"/>
      <c r="G7" s="579"/>
      <c r="H7" s="579"/>
      <c r="I7" s="579"/>
      <c r="J7" s="579"/>
      <c r="K7" s="579"/>
      <c r="L7" s="578" t="s">
        <v>52</v>
      </c>
      <c r="M7" s="631" t="s">
        <v>61</v>
      </c>
      <c r="N7" s="579"/>
      <c r="O7" s="579"/>
      <c r="P7" s="578" t="s">
        <v>62</v>
      </c>
      <c r="Q7" s="579"/>
      <c r="R7" s="579"/>
      <c r="S7" s="579"/>
      <c r="T7" s="579"/>
      <c r="U7" s="579"/>
      <c r="V7" s="580"/>
      <c r="W7" s="628" t="s">
        <v>52</v>
      </c>
      <c r="X7" s="594" t="s">
        <v>61</v>
      </c>
      <c r="Y7" s="587"/>
      <c r="Z7" s="588"/>
      <c r="AA7" s="586" t="s">
        <v>62</v>
      </c>
      <c r="AB7" s="587"/>
      <c r="AC7" s="587"/>
      <c r="AD7" s="587"/>
      <c r="AE7" s="587"/>
      <c r="AF7" s="587"/>
      <c r="AG7" s="588"/>
      <c r="AH7" s="595" t="s">
        <v>52</v>
      </c>
      <c r="AI7" s="575" t="s">
        <v>61</v>
      </c>
      <c r="AJ7" s="576"/>
      <c r="AK7" s="577"/>
      <c r="AL7" s="634" t="s">
        <v>62</v>
      </c>
      <c r="AM7" s="576"/>
      <c r="AN7" s="576"/>
      <c r="AO7" s="576"/>
      <c r="AP7" s="576"/>
      <c r="AQ7" s="576"/>
      <c r="AR7" s="635"/>
      <c r="AS7" s="636" t="s">
        <v>52</v>
      </c>
      <c r="AT7" s="583" t="s">
        <v>61</v>
      </c>
      <c r="AU7" s="584"/>
      <c r="AV7" s="585"/>
      <c r="AW7" s="632" t="s">
        <v>62</v>
      </c>
      <c r="AX7" s="584"/>
      <c r="AY7" s="584"/>
      <c r="AZ7" s="584"/>
      <c r="BA7" s="584"/>
      <c r="BB7" s="584"/>
      <c r="BC7" s="633"/>
      <c r="BD7" s="595" t="s">
        <v>52</v>
      </c>
      <c r="BE7" s="583" t="s">
        <v>61</v>
      </c>
      <c r="BF7" s="584"/>
      <c r="BG7" s="585"/>
      <c r="BH7" s="632" t="s">
        <v>62</v>
      </c>
      <c r="BI7" s="584"/>
      <c r="BJ7" s="584"/>
      <c r="BK7" s="584"/>
      <c r="BL7" s="584"/>
      <c r="BM7" s="584"/>
      <c r="BN7" s="633"/>
      <c r="BO7" s="595" t="s">
        <v>52</v>
      </c>
      <c r="BP7" s="583" t="s">
        <v>61</v>
      </c>
      <c r="BQ7" s="584"/>
      <c r="BR7" s="585"/>
      <c r="BS7" s="632" t="s">
        <v>62</v>
      </c>
      <c r="BT7" s="584"/>
      <c r="BU7" s="584"/>
      <c r="BV7" s="584"/>
      <c r="BW7" s="584"/>
      <c r="BX7" s="584"/>
      <c r="BY7" s="633"/>
      <c r="BZ7" s="595" t="s">
        <v>52</v>
      </c>
      <c r="CA7" s="575" t="s">
        <v>61</v>
      </c>
      <c r="CB7" s="576"/>
      <c r="CC7" s="577"/>
      <c r="CD7" s="634" t="s">
        <v>62</v>
      </c>
      <c r="CE7" s="576"/>
      <c r="CF7" s="576"/>
      <c r="CG7" s="576"/>
      <c r="CH7" s="576"/>
      <c r="CI7" s="576"/>
      <c r="CJ7" s="635"/>
      <c r="CK7" s="642" t="s">
        <v>52</v>
      </c>
      <c r="CL7" s="583" t="s">
        <v>61</v>
      </c>
      <c r="CM7" s="584"/>
      <c r="CN7" s="633"/>
      <c r="CO7" s="632" t="s">
        <v>62</v>
      </c>
      <c r="CP7" s="584"/>
      <c r="CQ7" s="584"/>
      <c r="CR7" s="584"/>
      <c r="CS7" s="584"/>
      <c r="CT7" s="584"/>
      <c r="CU7" s="633"/>
      <c r="CV7" s="641" t="s">
        <v>52</v>
      </c>
      <c r="CW7" s="583" t="s">
        <v>61</v>
      </c>
      <c r="CX7" s="584"/>
      <c r="CY7" s="633"/>
      <c r="CZ7" s="632" t="s">
        <v>62</v>
      </c>
      <c r="DA7" s="584"/>
      <c r="DB7" s="584"/>
      <c r="DC7" s="584"/>
      <c r="DD7" s="584"/>
      <c r="DE7" s="584"/>
      <c r="DF7" s="633"/>
      <c r="DG7" s="641" t="s">
        <v>52</v>
      </c>
      <c r="DH7" s="575" t="s">
        <v>61</v>
      </c>
      <c r="DI7" s="576"/>
      <c r="DJ7" s="635"/>
      <c r="DK7" s="634" t="s">
        <v>62</v>
      </c>
      <c r="DL7" s="576"/>
      <c r="DM7" s="576"/>
      <c r="DN7" s="576"/>
      <c r="DO7" s="576"/>
      <c r="DP7" s="576"/>
      <c r="DQ7" s="635"/>
      <c r="DR7" s="628" t="s">
        <v>52</v>
      </c>
      <c r="DS7" s="583" t="s">
        <v>61</v>
      </c>
      <c r="DT7" s="584"/>
      <c r="DU7" s="585"/>
      <c r="DV7" s="632" t="s">
        <v>62</v>
      </c>
      <c r="DW7" s="584"/>
      <c r="DX7" s="584"/>
      <c r="DY7" s="584"/>
      <c r="DZ7" s="584"/>
      <c r="EA7" s="584"/>
      <c r="EB7" s="633"/>
      <c r="EC7" s="595" t="s">
        <v>52</v>
      </c>
      <c r="ED7" s="583" t="s">
        <v>61</v>
      </c>
      <c r="EE7" s="584"/>
      <c r="EF7" s="585"/>
      <c r="EG7" s="632" t="s">
        <v>62</v>
      </c>
      <c r="EH7" s="584"/>
      <c r="EI7" s="584"/>
      <c r="EJ7" s="584"/>
      <c r="EK7" s="584"/>
      <c r="EL7" s="584"/>
      <c r="EM7" s="633"/>
      <c r="EN7" s="595" t="s">
        <v>52</v>
      </c>
      <c r="EO7" s="583" t="s">
        <v>61</v>
      </c>
      <c r="EP7" s="584"/>
      <c r="EQ7" s="585"/>
      <c r="ER7" s="632" t="s">
        <v>62</v>
      </c>
      <c r="ES7" s="584"/>
      <c r="ET7" s="584"/>
      <c r="EU7" s="584"/>
      <c r="EV7" s="584"/>
      <c r="EW7" s="584"/>
      <c r="EX7" s="633"/>
      <c r="EY7" s="595" t="s">
        <v>52</v>
      </c>
      <c r="EZ7" s="583" t="s">
        <v>61</v>
      </c>
      <c r="FA7" s="584"/>
      <c r="FB7" s="585"/>
      <c r="FC7" s="632" t="s">
        <v>62</v>
      </c>
      <c r="FD7" s="584"/>
      <c r="FE7" s="584"/>
      <c r="FF7" s="584"/>
      <c r="FG7" s="584"/>
      <c r="FH7" s="584"/>
      <c r="FI7" s="633"/>
      <c r="FJ7" s="595" t="s">
        <v>52</v>
      </c>
      <c r="FK7" s="575" t="s">
        <v>61</v>
      </c>
      <c r="FL7" s="576"/>
      <c r="FM7" s="577"/>
      <c r="FN7" s="634" t="s">
        <v>62</v>
      </c>
      <c r="FO7" s="576"/>
      <c r="FP7" s="576"/>
      <c r="FQ7" s="576"/>
      <c r="FR7" s="576"/>
      <c r="FS7" s="576"/>
      <c r="FT7" s="635"/>
      <c r="FU7" s="579" t="s">
        <v>52</v>
      </c>
      <c r="FV7" s="583" t="s">
        <v>61</v>
      </c>
      <c r="FW7" s="584"/>
      <c r="FX7" s="585"/>
      <c r="FY7" s="632" t="s">
        <v>62</v>
      </c>
      <c r="FZ7" s="584"/>
      <c r="GA7" s="584"/>
      <c r="GB7" s="584"/>
      <c r="GC7" s="584"/>
      <c r="GD7" s="584"/>
      <c r="GE7" s="633"/>
      <c r="GF7" s="595" t="s">
        <v>52</v>
      </c>
      <c r="GG7" s="594" t="s">
        <v>61</v>
      </c>
      <c r="GH7" s="587"/>
      <c r="GI7" s="587"/>
      <c r="GJ7" s="586" t="s">
        <v>62</v>
      </c>
      <c r="GK7" s="587"/>
      <c r="GL7" s="587"/>
      <c r="GM7" s="587"/>
      <c r="GN7" s="587"/>
      <c r="GO7" s="587"/>
      <c r="GP7" s="588"/>
      <c r="GQ7" s="637" t="s">
        <v>52</v>
      </c>
      <c r="GR7" s="594" t="s">
        <v>61</v>
      </c>
      <c r="GS7" s="587"/>
      <c r="GT7" s="588"/>
      <c r="GU7" s="586" t="s">
        <v>62</v>
      </c>
      <c r="GV7" s="587"/>
      <c r="GW7" s="587"/>
      <c r="GX7" s="587"/>
      <c r="GY7" s="587"/>
      <c r="GZ7" s="587"/>
      <c r="HA7" s="588"/>
      <c r="HB7" s="637" t="s">
        <v>52</v>
      </c>
      <c r="HC7" s="583" t="s">
        <v>61</v>
      </c>
      <c r="HD7" s="584"/>
      <c r="HE7" s="585"/>
      <c r="HF7" s="632" t="s">
        <v>62</v>
      </c>
      <c r="HG7" s="584"/>
      <c r="HH7" s="584"/>
      <c r="HI7" s="584"/>
      <c r="HJ7" s="584"/>
      <c r="HK7" s="584"/>
      <c r="HL7" s="633"/>
      <c r="HM7" s="595" t="s">
        <v>52</v>
      </c>
      <c r="HN7" s="583" t="s">
        <v>61</v>
      </c>
      <c r="HO7" s="584"/>
      <c r="HP7" s="585"/>
      <c r="HQ7" s="632" t="s">
        <v>62</v>
      </c>
      <c r="HR7" s="584"/>
      <c r="HS7" s="584"/>
      <c r="HT7" s="584"/>
      <c r="HU7" s="584"/>
      <c r="HV7" s="584"/>
      <c r="HW7" s="633"/>
      <c r="HX7" s="595" t="s">
        <v>52</v>
      </c>
      <c r="HY7" s="575" t="s">
        <v>61</v>
      </c>
      <c r="HZ7" s="576"/>
      <c r="IA7" s="577"/>
      <c r="IB7" s="634" t="s">
        <v>62</v>
      </c>
      <c r="IC7" s="576"/>
      <c r="ID7" s="576"/>
      <c r="IE7" s="576"/>
      <c r="IF7" s="576"/>
      <c r="IG7" s="576"/>
      <c r="IH7" s="635"/>
      <c r="II7" s="579" t="s">
        <v>52</v>
      </c>
      <c r="IJ7" s="583" t="s">
        <v>61</v>
      </c>
      <c r="IK7" s="584"/>
      <c r="IL7" s="585"/>
      <c r="IM7" s="632" t="s">
        <v>62</v>
      </c>
      <c r="IN7" s="584"/>
      <c r="IO7" s="584"/>
      <c r="IP7" s="584"/>
      <c r="IQ7" s="584"/>
      <c r="IR7" s="584"/>
      <c r="IS7" s="633"/>
      <c r="IT7" s="595" t="s">
        <v>52</v>
      </c>
      <c r="IU7" s="583" t="s">
        <v>61</v>
      </c>
      <c r="IV7" s="584"/>
      <c r="IW7" s="633"/>
      <c r="IX7" s="632" t="s">
        <v>62</v>
      </c>
      <c r="IY7" s="584"/>
      <c r="IZ7" s="584"/>
      <c r="JA7" s="584"/>
      <c r="JB7" s="584"/>
      <c r="JC7" s="584"/>
      <c r="JD7" s="633"/>
      <c r="JE7" s="595" t="s">
        <v>52</v>
      </c>
      <c r="JF7" s="583" t="s">
        <v>61</v>
      </c>
      <c r="JG7" s="584"/>
      <c r="JH7" s="585"/>
      <c r="JI7" s="632" t="s">
        <v>62</v>
      </c>
      <c r="JJ7" s="584"/>
      <c r="JK7" s="584"/>
      <c r="JL7" s="584"/>
      <c r="JM7" s="584"/>
      <c r="JN7" s="584"/>
      <c r="JO7" s="633"/>
      <c r="JP7" s="641" t="s">
        <v>52</v>
      </c>
      <c r="JQ7" s="583" t="s">
        <v>61</v>
      </c>
      <c r="JR7" s="584"/>
      <c r="JS7" s="585"/>
      <c r="JT7" s="632" t="s">
        <v>62</v>
      </c>
      <c r="JU7" s="584"/>
      <c r="JV7" s="584"/>
      <c r="JW7" s="584"/>
      <c r="JX7" s="584"/>
      <c r="JY7" s="584"/>
      <c r="JZ7" s="633"/>
      <c r="KA7" s="641" t="s">
        <v>52</v>
      </c>
      <c r="KB7" s="583" t="s">
        <v>61</v>
      </c>
      <c r="KC7" s="584"/>
      <c r="KD7" s="585"/>
      <c r="KE7" s="632" t="s">
        <v>62</v>
      </c>
      <c r="KF7" s="584"/>
      <c r="KG7" s="584"/>
      <c r="KH7" s="584"/>
      <c r="KI7" s="584"/>
      <c r="KJ7" s="584"/>
      <c r="KK7" s="633"/>
      <c r="KL7" s="641" t="s">
        <v>52</v>
      </c>
      <c r="KM7" s="583" t="s">
        <v>61</v>
      </c>
      <c r="KN7" s="584"/>
      <c r="KO7" s="585"/>
      <c r="KP7" s="632" t="s">
        <v>62</v>
      </c>
      <c r="KQ7" s="584"/>
      <c r="KR7" s="584"/>
      <c r="KS7" s="584"/>
      <c r="KT7" s="584"/>
      <c r="KU7" s="584"/>
      <c r="KV7" s="633"/>
      <c r="KW7" s="641" t="s">
        <v>52</v>
      </c>
      <c r="KX7" s="583" t="s">
        <v>61</v>
      </c>
      <c r="KY7" s="584"/>
      <c r="KZ7" s="585"/>
      <c r="LA7" s="632" t="s">
        <v>62</v>
      </c>
      <c r="LB7" s="584"/>
      <c r="LC7" s="584"/>
      <c r="LD7" s="584"/>
      <c r="LE7" s="584"/>
      <c r="LF7" s="584"/>
      <c r="LG7" s="633"/>
      <c r="LH7" s="641" t="s">
        <v>52</v>
      </c>
      <c r="LI7" s="583" t="s">
        <v>61</v>
      </c>
      <c r="LJ7" s="584"/>
      <c r="LK7" s="585"/>
      <c r="LL7" s="632" t="s">
        <v>62</v>
      </c>
      <c r="LM7" s="584"/>
      <c r="LN7" s="584"/>
      <c r="LO7" s="584"/>
      <c r="LP7" s="584"/>
      <c r="LQ7" s="584"/>
      <c r="LR7" s="633"/>
      <c r="LS7" s="641" t="s">
        <v>52</v>
      </c>
      <c r="LT7" s="583" t="s">
        <v>61</v>
      </c>
      <c r="LU7" s="584"/>
      <c r="LV7" s="585"/>
      <c r="LW7" s="632" t="s">
        <v>62</v>
      </c>
      <c r="LX7" s="584"/>
      <c r="LY7" s="584"/>
      <c r="LZ7" s="584"/>
      <c r="MA7" s="584"/>
      <c r="MB7" s="584"/>
      <c r="MC7" s="633"/>
      <c r="MD7" s="641" t="s">
        <v>52</v>
      </c>
      <c r="ME7" s="575" t="s">
        <v>61</v>
      </c>
      <c r="MF7" s="576"/>
      <c r="MG7" s="577"/>
      <c r="MH7" s="634" t="s">
        <v>62</v>
      </c>
      <c r="MI7" s="576"/>
      <c r="MJ7" s="576"/>
      <c r="MK7" s="576"/>
      <c r="ML7" s="576"/>
      <c r="MM7" s="576"/>
      <c r="MN7" s="635"/>
      <c r="MO7" s="628" t="s">
        <v>52</v>
      </c>
      <c r="MP7" s="583" t="s">
        <v>61</v>
      </c>
      <c r="MQ7" s="584"/>
      <c r="MR7" s="585"/>
      <c r="MS7" s="632" t="s">
        <v>62</v>
      </c>
      <c r="MT7" s="584"/>
      <c r="MU7" s="584"/>
      <c r="MV7" s="584"/>
      <c r="MW7" s="584"/>
      <c r="MX7" s="584"/>
      <c r="MY7" s="633"/>
      <c r="MZ7" s="641" t="s">
        <v>52</v>
      </c>
      <c r="NA7" s="583" t="s">
        <v>61</v>
      </c>
      <c r="NB7" s="584"/>
      <c r="NC7" s="585"/>
      <c r="ND7" s="632" t="s">
        <v>62</v>
      </c>
      <c r="NE7" s="584"/>
      <c r="NF7" s="584"/>
      <c r="NG7" s="584"/>
      <c r="NH7" s="584"/>
      <c r="NI7" s="584"/>
      <c r="NJ7" s="633"/>
      <c r="NK7" s="641" t="s">
        <v>52</v>
      </c>
      <c r="NL7" s="583" t="s">
        <v>61</v>
      </c>
      <c r="NM7" s="584"/>
      <c r="NN7" s="585"/>
      <c r="NO7" s="632" t="s">
        <v>62</v>
      </c>
      <c r="NP7" s="584"/>
      <c r="NQ7" s="584"/>
      <c r="NR7" s="584"/>
      <c r="NS7" s="584"/>
      <c r="NT7" s="584"/>
      <c r="NU7" s="633"/>
      <c r="NV7" s="641" t="s">
        <v>52</v>
      </c>
      <c r="NW7" s="583" t="s">
        <v>61</v>
      </c>
      <c r="NX7" s="584"/>
      <c r="NY7" s="585"/>
      <c r="NZ7" s="632" t="s">
        <v>62</v>
      </c>
      <c r="OA7" s="584"/>
      <c r="OB7" s="584"/>
      <c r="OC7" s="584"/>
      <c r="OD7" s="584"/>
      <c r="OE7" s="584"/>
      <c r="OF7" s="633"/>
      <c r="OG7" s="641" t="s">
        <v>52</v>
      </c>
      <c r="OH7" s="575" t="s">
        <v>61</v>
      </c>
      <c r="OI7" s="576"/>
      <c r="OJ7" s="577"/>
      <c r="OK7" s="634" t="s">
        <v>62</v>
      </c>
      <c r="OL7" s="576"/>
      <c r="OM7" s="576"/>
      <c r="ON7" s="576"/>
      <c r="OO7" s="576"/>
      <c r="OP7" s="576"/>
      <c r="OQ7" s="635"/>
      <c r="OR7" s="628" t="s">
        <v>52</v>
      </c>
    </row>
    <row r="8" spans="1:408" ht="28.5" customHeight="1" thickBot="1" x14ac:dyDescent="0.25">
      <c r="A8" s="618"/>
      <c r="B8" s="65" t="s">
        <v>43</v>
      </c>
      <c r="C8" s="16" t="s">
        <v>44</v>
      </c>
      <c r="D8" s="41" t="s">
        <v>45</v>
      </c>
      <c r="E8" s="42" t="s">
        <v>83</v>
      </c>
      <c r="F8" s="16" t="s">
        <v>47</v>
      </c>
      <c r="G8" s="16" t="s">
        <v>48</v>
      </c>
      <c r="H8" s="16" t="s">
        <v>49</v>
      </c>
      <c r="I8" s="16" t="s">
        <v>50</v>
      </c>
      <c r="J8" s="16" t="s">
        <v>51</v>
      </c>
      <c r="K8" s="17" t="s">
        <v>45</v>
      </c>
      <c r="L8" s="630"/>
      <c r="M8" s="40" t="s">
        <v>43</v>
      </c>
      <c r="N8" s="16" t="s">
        <v>44</v>
      </c>
      <c r="O8" s="17" t="s">
        <v>45</v>
      </c>
      <c r="P8" s="42" t="s">
        <v>83</v>
      </c>
      <c r="Q8" s="16" t="s">
        <v>47</v>
      </c>
      <c r="R8" s="16" t="s">
        <v>48</v>
      </c>
      <c r="S8" s="16" t="s">
        <v>49</v>
      </c>
      <c r="T8" s="16" t="s">
        <v>50</v>
      </c>
      <c r="U8" s="16" t="s">
        <v>51</v>
      </c>
      <c r="V8" s="17" t="s">
        <v>45</v>
      </c>
      <c r="W8" s="629"/>
      <c r="X8" s="40" t="s">
        <v>43</v>
      </c>
      <c r="Y8" s="16" t="s">
        <v>44</v>
      </c>
      <c r="Z8" s="17" t="s">
        <v>45</v>
      </c>
      <c r="AA8" s="42" t="s">
        <v>83</v>
      </c>
      <c r="AB8" s="16" t="s">
        <v>47</v>
      </c>
      <c r="AC8" s="16" t="s">
        <v>48</v>
      </c>
      <c r="AD8" s="16" t="s">
        <v>49</v>
      </c>
      <c r="AE8" s="441" t="s">
        <v>50</v>
      </c>
      <c r="AF8" s="441" t="s">
        <v>51</v>
      </c>
      <c r="AG8" s="17" t="s">
        <v>45</v>
      </c>
      <c r="AH8" s="601"/>
      <c r="AI8" s="40" t="s">
        <v>43</v>
      </c>
      <c r="AJ8" s="16" t="s">
        <v>44</v>
      </c>
      <c r="AK8" s="41" t="s">
        <v>45</v>
      </c>
      <c r="AL8" s="42" t="s">
        <v>83</v>
      </c>
      <c r="AM8" s="16" t="s">
        <v>47</v>
      </c>
      <c r="AN8" s="16" t="s">
        <v>48</v>
      </c>
      <c r="AO8" s="16" t="s">
        <v>49</v>
      </c>
      <c r="AP8" s="16" t="s">
        <v>50</v>
      </c>
      <c r="AQ8" s="16" t="s">
        <v>51</v>
      </c>
      <c r="AR8" s="17" t="s">
        <v>45</v>
      </c>
      <c r="AS8" s="601"/>
      <c r="AT8" s="40" t="s">
        <v>43</v>
      </c>
      <c r="AU8" s="16" t="s">
        <v>44</v>
      </c>
      <c r="AV8" s="41" t="s">
        <v>45</v>
      </c>
      <c r="AW8" s="42" t="s">
        <v>83</v>
      </c>
      <c r="AX8" s="16" t="s">
        <v>47</v>
      </c>
      <c r="AY8" s="16" t="s">
        <v>48</v>
      </c>
      <c r="AZ8" s="16" t="s">
        <v>49</v>
      </c>
      <c r="BA8" s="16" t="s">
        <v>50</v>
      </c>
      <c r="BB8" s="16" t="s">
        <v>51</v>
      </c>
      <c r="BC8" s="17" t="s">
        <v>45</v>
      </c>
      <c r="BD8" s="601"/>
      <c r="BE8" s="61" t="s">
        <v>43</v>
      </c>
      <c r="BF8" s="16" t="s">
        <v>44</v>
      </c>
      <c r="BG8" s="41" t="s">
        <v>45</v>
      </c>
      <c r="BH8" s="42" t="s">
        <v>83</v>
      </c>
      <c r="BI8" s="16" t="s">
        <v>47</v>
      </c>
      <c r="BJ8" s="16" t="s">
        <v>48</v>
      </c>
      <c r="BK8" s="16" t="s">
        <v>49</v>
      </c>
      <c r="BL8" s="16" t="s">
        <v>50</v>
      </c>
      <c r="BM8" s="16" t="s">
        <v>51</v>
      </c>
      <c r="BN8" s="17" t="s">
        <v>45</v>
      </c>
      <c r="BO8" s="601"/>
      <c r="BP8" s="40" t="s">
        <v>43</v>
      </c>
      <c r="BQ8" s="16" t="s">
        <v>44</v>
      </c>
      <c r="BR8" s="41" t="s">
        <v>45</v>
      </c>
      <c r="BS8" s="42" t="s">
        <v>83</v>
      </c>
      <c r="BT8" s="16" t="s">
        <v>47</v>
      </c>
      <c r="BU8" s="16" t="s">
        <v>48</v>
      </c>
      <c r="BV8" s="16" t="s">
        <v>49</v>
      </c>
      <c r="BW8" s="16" t="s">
        <v>50</v>
      </c>
      <c r="BX8" s="16" t="s">
        <v>51</v>
      </c>
      <c r="BY8" s="17" t="s">
        <v>45</v>
      </c>
      <c r="BZ8" s="601"/>
      <c r="CA8" s="40" t="s">
        <v>43</v>
      </c>
      <c r="CB8" s="16" t="s">
        <v>44</v>
      </c>
      <c r="CC8" s="41" t="s">
        <v>45</v>
      </c>
      <c r="CD8" s="42" t="s">
        <v>83</v>
      </c>
      <c r="CE8" s="441" t="s">
        <v>47</v>
      </c>
      <c r="CF8" s="441" t="s">
        <v>48</v>
      </c>
      <c r="CG8" s="441" t="s">
        <v>49</v>
      </c>
      <c r="CH8" s="16" t="s">
        <v>50</v>
      </c>
      <c r="CI8" s="16" t="s">
        <v>51</v>
      </c>
      <c r="CJ8" s="448" t="s">
        <v>45</v>
      </c>
      <c r="CK8" s="643"/>
      <c r="CL8" s="40" t="s">
        <v>43</v>
      </c>
      <c r="CM8" s="16" t="s">
        <v>44</v>
      </c>
      <c r="CN8" s="17" t="s">
        <v>45</v>
      </c>
      <c r="CO8" s="42" t="s">
        <v>83</v>
      </c>
      <c r="CP8" s="16" t="s">
        <v>47</v>
      </c>
      <c r="CQ8" s="16" t="s">
        <v>48</v>
      </c>
      <c r="CR8" s="16" t="s">
        <v>49</v>
      </c>
      <c r="CS8" s="16" t="s">
        <v>50</v>
      </c>
      <c r="CT8" s="16" t="s">
        <v>51</v>
      </c>
      <c r="CU8" s="17" t="s">
        <v>45</v>
      </c>
      <c r="CV8" s="629"/>
      <c r="CW8" s="40" t="s">
        <v>43</v>
      </c>
      <c r="CX8" s="16" t="s">
        <v>44</v>
      </c>
      <c r="CY8" s="17" t="s">
        <v>45</v>
      </c>
      <c r="CZ8" s="42" t="s">
        <v>83</v>
      </c>
      <c r="DA8" s="16" t="s">
        <v>47</v>
      </c>
      <c r="DB8" s="16" t="s">
        <v>48</v>
      </c>
      <c r="DC8" s="16" t="s">
        <v>49</v>
      </c>
      <c r="DD8" s="16" t="s">
        <v>50</v>
      </c>
      <c r="DE8" s="16" t="s">
        <v>51</v>
      </c>
      <c r="DF8" s="17" t="s">
        <v>45</v>
      </c>
      <c r="DG8" s="629"/>
      <c r="DH8" s="40" t="s">
        <v>43</v>
      </c>
      <c r="DI8" s="16" t="s">
        <v>44</v>
      </c>
      <c r="DJ8" s="17" t="s">
        <v>45</v>
      </c>
      <c r="DK8" s="42" t="s">
        <v>83</v>
      </c>
      <c r="DL8" s="16" t="s">
        <v>47</v>
      </c>
      <c r="DM8" s="16" t="s">
        <v>48</v>
      </c>
      <c r="DN8" s="16" t="s">
        <v>49</v>
      </c>
      <c r="DO8" s="16" t="s">
        <v>50</v>
      </c>
      <c r="DP8" s="16" t="s">
        <v>51</v>
      </c>
      <c r="DQ8" s="17" t="s">
        <v>45</v>
      </c>
      <c r="DR8" s="629"/>
      <c r="DS8" s="40" t="s">
        <v>43</v>
      </c>
      <c r="DT8" s="16" t="s">
        <v>44</v>
      </c>
      <c r="DU8" s="41" t="s">
        <v>45</v>
      </c>
      <c r="DV8" s="42" t="s">
        <v>83</v>
      </c>
      <c r="DW8" s="16" t="s">
        <v>47</v>
      </c>
      <c r="DX8" s="16" t="s">
        <v>48</v>
      </c>
      <c r="DY8" s="16" t="s">
        <v>49</v>
      </c>
      <c r="DZ8" s="16" t="s">
        <v>50</v>
      </c>
      <c r="EA8" s="16" t="s">
        <v>51</v>
      </c>
      <c r="EB8" s="17" t="s">
        <v>45</v>
      </c>
      <c r="EC8" s="601"/>
      <c r="ED8" s="40" t="s">
        <v>43</v>
      </c>
      <c r="EE8" s="16" t="s">
        <v>44</v>
      </c>
      <c r="EF8" s="41" t="s">
        <v>45</v>
      </c>
      <c r="EG8" s="42" t="s">
        <v>83</v>
      </c>
      <c r="EH8" s="16" t="s">
        <v>47</v>
      </c>
      <c r="EI8" s="16" t="s">
        <v>48</v>
      </c>
      <c r="EJ8" s="16" t="s">
        <v>49</v>
      </c>
      <c r="EK8" s="16" t="s">
        <v>50</v>
      </c>
      <c r="EL8" s="16" t="s">
        <v>51</v>
      </c>
      <c r="EM8" s="17" t="s">
        <v>45</v>
      </c>
      <c r="EN8" s="601"/>
      <c r="EO8" s="40" t="s">
        <v>43</v>
      </c>
      <c r="EP8" s="16" t="s">
        <v>44</v>
      </c>
      <c r="EQ8" s="41" t="s">
        <v>45</v>
      </c>
      <c r="ER8" s="42" t="s">
        <v>83</v>
      </c>
      <c r="ES8" s="16" t="s">
        <v>47</v>
      </c>
      <c r="ET8" s="16" t="s">
        <v>48</v>
      </c>
      <c r="EU8" s="16" t="s">
        <v>49</v>
      </c>
      <c r="EV8" s="16" t="s">
        <v>50</v>
      </c>
      <c r="EW8" s="16" t="s">
        <v>51</v>
      </c>
      <c r="EX8" s="17" t="s">
        <v>45</v>
      </c>
      <c r="EY8" s="601"/>
      <c r="EZ8" s="40" t="s">
        <v>43</v>
      </c>
      <c r="FA8" s="16" t="s">
        <v>44</v>
      </c>
      <c r="FB8" s="41" t="s">
        <v>45</v>
      </c>
      <c r="FC8" s="42" t="s">
        <v>83</v>
      </c>
      <c r="FD8" s="16" t="s">
        <v>47</v>
      </c>
      <c r="FE8" s="16" t="s">
        <v>48</v>
      </c>
      <c r="FF8" s="16" t="s">
        <v>49</v>
      </c>
      <c r="FG8" s="16" t="s">
        <v>50</v>
      </c>
      <c r="FH8" s="16" t="s">
        <v>51</v>
      </c>
      <c r="FI8" s="17" t="s">
        <v>45</v>
      </c>
      <c r="FJ8" s="601"/>
      <c r="FK8" s="40" t="s">
        <v>43</v>
      </c>
      <c r="FL8" s="16" t="s">
        <v>44</v>
      </c>
      <c r="FM8" s="41" t="s">
        <v>45</v>
      </c>
      <c r="FN8" s="42" t="s">
        <v>83</v>
      </c>
      <c r="FO8" s="16" t="s">
        <v>47</v>
      </c>
      <c r="FP8" s="16" t="s">
        <v>48</v>
      </c>
      <c r="FQ8" s="16" t="s">
        <v>49</v>
      </c>
      <c r="FR8" s="16" t="s">
        <v>50</v>
      </c>
      <c r="FS8" s="16" t="s">
        <v>51</v>
      </c>
      <c r="FT8" s="17" t="s">
        <v>45</v>
      </c>
      <c r="FU8" s="639"/>
      <c r="FV8" s="40" t="s">
        <v>43</v>
      </c>
      <c r="FW8" s="16" t="s">
        <v>44</v>
      </c>
      <c r="FX8" s="41" t="s">
        <v>45</v>
      </c>
      <c r="FY8" s="42" t="s">
        <v>83</v>
      </c>
      <c r="FZ8" s="16" t="s">
        <v>47</v>
      </c>
      <c r="GA8" s="16" t="s">
        <v>48</v>
      </c>
      <c r="GB8" s="16" t="s">
        <v>49</v>
      </c>
      <c r="GC8" s="16" t="s">
        <v>50</v>
      </c>
      <c r="GD8" s="16" t="s">
        <v>51</v>
      </c>
      <c r="GE8" s="17" t="s">
        <v>45</v>
      </c>
      <c r="GF8" s="601"/>
      <c r="GG8" s="40" t="s">
        <v>43</v>
      </c>
      <c r="GH8" s="16" t="s">
        <v>44</v>
      </c>
      <c r="GI8" s="41" t="s">
        <v>45</v>
      </c>
      <c r="GJ8" s="42" t="s">
        <v>83</v>
      </c>
      <c r="GK8" s="16" t="s">
        <v>47</v>
      </c>
      <c r="GL8" s="16" t="s">
        <v>48</v>
      </c>
      <c r="GM8" s="16" t="s">
        <v>49</v>
      </c>
      <c r="GN8" s="16" t="s">
        <v>50</v>
      </c>
      <c r="GO8" s="16" t="s">
        <v>51</v>
      </c>
      <c r="GP8" s="17" t="s">
        <v>45</v>
      </c>
      <c r="GQ8" s="638"/>
      <c r="GR8" s="40" t="s">
        <v>43</v>
      </c>
      <c r="GS8" s="16" t="s">
        <v>44</v>
      </c>
      <c r="GT8" s="41" t="s">
        <v>45</v>
      </c>
      <c r="GU8" s="42" t="s">
        <v>83</v>
      </c>
      <c r="GV8" s="16" t="s">
        <v>47</v>
      </c>
      <c r="GW8" s="16" t="s">
        <v>48</v>
      </c>
      <c r="GX8" s="16" t="s">
        <v>49</v>
      </c>
      <c r="GY8" s="16" t="s">
        <v>50</v>
      </c>
      <c r="GZ8" s="16" t="s">
        <v>51</v>
      </c>
      <c r="HA8" s="17" t="s">
        <v>45</v>
      </c>
      <c r="HB8" s="638"/>
      <c r="HC8" s="40" t="s">
        <v>43</v>
      </c>
      <c r="HD8" s="16" t="s">
        <v>44</v>
      </c>
      <c r="HE8" s="41" t="s">
        <v>45</v>
      </c>
      <c r="HF8" s="42" t="s">
        <v>83</v>
      </c>
      <c r="HG8" s="16" t="s">
        <v>47</v>
      </c>
      <c r="HH8" s="16" t="s">
        <v>48</v>
      </c>
      <c r="HI8" s="16" t="s">
        <v>49</v>
      </c>
      <c r="HJ8" s="16" t="s">
        <v>50</v>
      </c>
      <c r="HK8" s="16" t="s">
        <v>51</v>
      </c>
      <c r="HL8" s="17" t="s">
        <v>45</v>
      </c>
      <c r="HM8" s="601"/>
      <c r="HN8" s="40" t="s">
        <v>43</v>
      </c>
      <c r="HO8" s="16" t="s">
        <v>44</v>
      </c>
      <c r="HP8" s="41" t="s">
        <v>45</v>
      </c>
      <c r="HQ8" s="42" t="s">
        <v>83</v>
      </c>
      <c r="HR8" s="16" t="s">
        <v>47</v>
      </c>
      <c r="HS8" s="16" t="s">
        <v>48</v>
      </c>
      <c r="HT8" s="16" t="s">
        <v>49</v>
      </c>
      <c r="HU8" s="16" t="s">
        <v>50</v>
      </c>
      <c r="HV8" s="16" t="s">
        <v>51</v>
      </c>
      <c r="HW8" s="17" t="s">
        <v>45</v>
      </c>
      <c r="HX8" s="601"/>
      <c r="HY8" s="412" t="s">
        <v>43</v>
      </c>
      <c r="HZ8" s="413" t="s">
        <v>44</v>
      </c>
      <c r="IA8" s="41" t="s">
        <v>45</v>
      </c>
      <c r="IB8" s="42" t="s">
        <v>83</v>
      </c>
      <c r="IC8" s="413" t="s">
        <v>47</v>
      </c>
      <c r="ID8" s="413" t="s">
        <v>48</v>
      </c>
      <c r="IE8" s="413" t="s">
        <v>49</v>
      </c>
      <c r="IF8" s="413" t="s">
        <v>50</v>
      </c>
      <c r="IG8" s="413" t="s">
        <v>51</v>
      </c>
      <c r="IH8" s="17" t="s">
        <v>45</v>
      </c>
      <c r="II8" s="639"/>
      <c r="IJ8" s="412" t="s">
        <v>43</v>
      </c>
      <c r="IK8" s="413" t="s">
        <v>44</v>
      </c>
      <c r="IL8" s="41" t="s">
        <v>45</v>
      </c>
      <c r="IM8" s="42" t="s">
        <v>83</v>
      </c>
      <c r="IN8" s="59" t="s">
        <v>47</v>
      </c>
      <c r="IO8" s="59" t="s">
        <v>48</v>
      </c>
      <c r="IP8" s="59" t="s">
        <v>49</v>
      </c>
      <c r="IQ8" s="59" t="s">
        <v>50</v>
      </c>
      <c r="IR8" s="59" t="s">
        <v>51</v>
      </c>
      <c r="IS8" s="64" t="s">
        <v>45</v>
      </c>
      <c r="IT8" s="651"/>
      <c r="IU8" s="61" t="s">
        <v>43</v>
      </c>
      <c r="IV8" s="59" t="s">
        <v>44</v>
      </c>
      <c r="IW8" s="64" t="s">
        <v>45</v>
      </c>
      <c r="IX8" s="33" t="s">
        <v>83</v>
      </c>
      <c r="IY8" s="59" t="s">
        <v>47</v>
      </c>
      <c r="IZ8" s="59" t="s">
        <v>48</v>
      </c>
      <c r="JA8" s="59" t="s">
        <v>49</v>
      </c>
      <c r="JB8" s="59" t="s">
        <v>50</v>
      </c>
      <c r="JC8" s="59" t="s">
        <v>51</v>
      </c>
      <c r="JD8" s="64" t="s">
        <v>45</v>
      </c>
      <c r="JE8" s="651"/>
      <c r="JF8" s="61" t="s">
        <v>43</v>
      </c>
      <c r="JG8" s="59" t="s">
        <v>44</v>
      </c>
      <c r="JH8" s="60" t="s">
        <v>45</v>
      </c>
      <c r="JI8" s="33" t="s">
        <v>83</v>
      </c>
      <c r="JJ8" s="59" t="s">
        <v>47</v>
      </c>
      <c r="JK8" s="59" t="s">
        <v>48</v>
      </c>
      <c r="JL8" s="59" t="s">
        <v>49</v>
      </c>
      <c r="JM8" s="59" t="s">
        <v>50</v>
      </c>
      <c r="JN8" s="59" t="s">
        <v>51</v>
      </c>
      <c r="JO8" s="64" t="s">
        <v>45</v>
      </c>
      <c r="JP8" s="644"/>
      <c r="JQ8" s="61" t="s">
        <v>43</v>
      </c>
      <c r="JR8" s="59" t="s">
        <v>44</v>
      </c>
      <c r="JS8" s="60" t="s">
        <v>45</v>
      </c>
      <c r="JT8" s="33" t="s">
        <v>83</v>
      </c>
      <c r="JU8" s="59" t="s">
        <v>47</v>
      </c>
      <c r="JV8" s="59" t="s">
        <v>48</v>
      </c>
      <c r="JW8" s="59" t="s">
        <v>49</v>
      </c>
      <c r="JX8" s="59" t="s">
        <v>50</v>
      </c>
      <c r="JY8" s="59" t="s">
        <v>51</v>
      </c>
      <c r="JZ8" s="64" t="s">
        <v>45</v>
      </c>
      <c r="KA8" s="644"/>
      <c r="KB8" s="61" t="s">
        <v>43</v>
      </c>
      <c r="KC8" s="59" t="s">
        <v>44</v>
      </c>
      <c r="KD8" s="60" t="s">
        <v>45</v>
      </c>
      <c r="KE8" s="33" t="s">
        <v>83</v>
      </c>
      <c r="KF8" s="59" t="s">
        <v>47</v>
      </c>
      <c r="KG8" s="59" t="s">
        <v>48</v>
      </c>
      <c r="KH8" s="59" t="s">
        <v>49</v>
      </c>
      <c r="KI8" s="59" t="s">
        <v>50</v>
      </c>
      <c r="KJ8" s="59" t="s">
        <v>51</v>
      </c>
      <c r="KK8" s="64" t="s">
        <v>45</v>
      </c>
      <c r="KL8" s="644"/>
      <c r="KM8" s="61" t="s">
        <v>43</v>
      </c>
      <c r="KN8" s="59" t="s">
        <v>44</v>
      </c>
      <c r="KO8" s="60" t="s">
        <v>45</v>
      </c>
      <c r="KP8" s="42" t="s">
        <v>83</v>
      </c>
      <c r="KQ8" s="59" t="s">
        <v>47</v>
      </c>
      <c r="KR8" s="59" t="s">
        <v>48</v>
      </c>
      <c r="KS8" s="59" t="s">
        <v>49</v>
      </c>
      <c r="KT8" s="59" t="s">
        <v>50</v>
      </c>
      <c r="KU8" s="59" t="s">
        <v>51</v>
      </c>
      <c r="KV8" s="64" t="s">
        <v>45</v>
      </c>
      <c r="KW8" s="644"/>
      <c r="KX8" s="61" t="s">
        <v>43</v>
      </c>
      <c r="KY8" s="59" t="s">
        <v>44</v>
      </c>
      <c r="KZ8" s="60" t="s">
        <v>45</v>
      </c>
      <c r="LA8" s="42" t="s">
        <v>83</v>
      </c>
      <c r="LB8" s="59" t="s">
        <v>47</v>
      </c>
      <c r="LC8" s="59" t="s">
        <v>48</v>
      </c>
      <c r="LD8" s="59" t="s">
        <v>49</v>
      </c>
      <c r="LE8" s="59" t="s">
        <v>50</v>
      </c>
      <c r="LF8" s="59" t="s">
        <v>51</v>
      </c>
      <c r="LG8" s="64" t="s">
        <v>45</v>
      </c>
      <c r="LH8" s="644"/>
      <c r="LI8" s="61" t="s">
        <v>43</v>
      </c>
      <c r="LJ8" s="59" t="s">
        <v>44</v>
      </c>
      <c r="LK8" s="60" t="s">
        <v>45</v>
      </c>
      <c r="LL8" s="42" t="s">
        <v>83</v>
      </c>
      <c r="LM8" s="59" t="s">
        <v>47</v>
      </c>
      <c r="LN8" s="59" t="s">
        <v>48</v>
      </c>
      <c r="LO8" s="59" t="s">
        <v>49</v>
      </c>
      <c r="LP8" s="59" t="s">
        <v>50</v>
      </c>
      <c r="LQ8" s="59" t="s">
        <v>51</v>
      </c>
      <c r="LR8" s="64" t="s">
        <v>45</v>
      </c>
      <c r="LS8" s="644"/>
      <c r="LT8" s="61" t="s">
        <v>43</v>
      </c>
      <c r="LU8" s="59" t="s">
        <v>44</v>
      </c>
      <c r="LV8" s="60" t="s">
        <v>45</v>
      </c>
      <c r="LW8" s="42" t="s">
        <v>83</v>
      </c>
      <c r="LX8" s="59" t="s">
        <v>47</v>
      </c>
      <c r="LY8" s="59" t="s">
        <v>48</v>
      </c>
      <c r="LZ8" s="59" t="s">
        <v>49</v>
      </c>
      <c r="MA8" s="59" t="s">
        <v>50</v>
      </c>
      <c r="MB8" s="59" t="s">
        <v>51</v>
      </c>
      <c r="MC8" s="64" t="s">
        <v>45</v>
      </c>
      <c r="MD8" s="644"/>
      <c r="ME8" s="61" t="s">
        <v>43</v>
      </c>
      <c r="MF8" s="59" t="s">
        <v>44</v>
      </c>
      <c r="MG8" s="60" t="s">
        <v>45</v>
      </c>
      <c r="MH8" s="42" t="s">
        <v>83</v>
      </c>
      <c r="MI8" s="59" t="s">
        <v>47</v>
      </c>
      <c r="MJ8" s="59" t="s">
        <v>48</v>
      </c>
      <c r="MK8" s="59" t="s">
        <v>49</v>
      </c>
      <c r="ML8" s="59" t="s">
        <v>50</v>
      </c>
      <c r="MM8" s="59" t="s">
        <v>51</v>
      </c>
      <c r="MN8" s="64" t="s">
        <v>45</v>
      </c>
      <c r="MO8" s="644"/>
      <c r="MP8" s="61" t="s">
        <v>43</v>
      </c>
      <c r="MQ8" s="59" t="s">
        <v>44</v>
      </c>
      <c r="MR8" s="60" t="s">
        <v>45</v>
      </c>
      <c r="MS8" s="42" t="s">
        <v>83</v>
      </c>
      <c r="MT8" s="59" t="s">
        <v>47</v>
      </c>
      <c r="MU8" s="59" t="s">
        <v>48</v>
      </c>
      <c r="MV8" s="59" t="s">
        <v>49</v>
      </c>
      <c r="MW8" s="59" t="s">
        <v>50</v>
      </c>
      <c r="MX8" s="59" t="s">
        <v>51</v>
      </c>
      <c r="MY8" s="64" t="s">
        <v>45</v>
      </c>
      <c r="MZ8" s="644"/>
      <c r="NA8" s="61" t="s">
        <v>43</v>
      </c>
      <c r="NB8" s="59" t="s">
        <v>44</v>
      </c>
      <c r="NC8" s="60" t="s">
        <v>45</v>
      </c>
      <c r="ND8" s="42" t="s">
        <v>83</v>
      </c>
      <c r="NE8" s="59" t="s">
        <v>47</v>
      </c>
      <c r="NF8" s="59" t="s">
        <v>48</v>
      </c>
      <c r="NG8" s="59" t="s">
        <v>49</v>
      </c>
      <c r="NH8" s="59" t="s">
        <v>50</v>
      </c>
      <c r="NI8" s="59" t="s">
        <v>51</v>
      </c>
      <c r="NJ8" s="64" t="s">
        <v>45</v>
      </c>
      <c r="NK8" s="644"/>
      <c r="NL8" s="61" t="s">
        <v>43</v>
      </c>
      <c r="NM8" s="59" t="s">
        <v>44</v>
      </c>
      <c r="NN8" s="60" t="s">
        <v>45</v>
      </c>
      <c r="NO8" s="42" t="s">
        <v>83</v>
      </c>
      <c r="NP8" s="59" t="s">
        <v>47</v>
      </c>
      <c r="NQ8" s="59" t="s">
        <v>48</v>
      </c>
      <c r="NR8" s="59" t="s">
        <v>49</v>
      </c>
      <c r="NS8" s="59" t="s">
        <v>50</v>
      </c>
      <c r="NT8" s="59" t="s">
        <v>51</v>
      </c>
      <c r="NU8" s="64" t="s">
        <v>45</v>
      </c>
      <c r="NV8" s="644"/>
      <c r="NW8" s="61" t="s">
        <v>43</v>
      </c>
      <c r="NX8" s="59" t="s">
        <v>44</v>
      </c>
      <c r="NY8" s="60" t="s">
        <v>45</v>
      </c>
      <c r="NZ8" s="42" t="s">
        <v>83</v>
      </c>
      <c r="OA8" s="59" t="s">
        <v>47</v>
      </c>
      <c r="OB8" s="59" t="s">
        <v>48</v>
      </c>
      <c r="OC8" s="59" t="s">
        <v>49</v>
      </c>
      <c r="OD8" s="59" t="s">
        <v>50</v>
      </c>
      <c r="OE8" s="59" t="s">
        <v>51</v>
      </c>
      <c r="OF8" s="64" t="s">
        <v>45</v>
      </c>
      <c r="OG8" s="644"/>
      <c r="OH8" s="61" t="s">
        <v>43</v>
      </c>
      <c r="OI8" s="59" t="s">
        <v>44</v>
      </c>
      <c r="OJ8" s="60" t="s">
        <v>45</v>
      </c>
      <c r="OK8" s="33" t="s">
        <v>83</v>
      </c>
      <c r="OL8" s="59" t="s">
        <v>47</v>
      </c>
      <c r="OM8" s="59" t="s">
        <v>48</v>
      </c>
      <c r="ON8" s="59" t="s">
        <v>49</v>
      </c>
      <c r="OO8" s="59" t="s">
        <v>50</v>
      </c>
      <c r="OP8" s="59" t="s">
        <v>51</v>
      </c>
      <c r="OQ8" s="64" t="s">
        <v>45</v>
      </c>
      <c r="OR8" s="644"/>
    </row>
    <row r="9" spans="1:408" s="439" customFormat="1" ht="18.75" customHeight="1" x14ac:dyDescent="0.2">
      <c r="A9" s="456" t="s">
        <v>4</v>
      </c>
      <c r="B9" s="457">
        <v>377932814</v>
      </c>
      <c r="C9" s="458">
        <v>778616680</v>
      </c>
      <c r="D9" s="459">
        <v>1156549494</v>
      </c>
      <c r="E9" s="460">
        <v>0</v>
      </c>
      <c r="F9" s="458">
        <v>4769772297</v>
      </c>
      <c r="G9" s="458">
        <v>6448494620</v>
      </c>
      <c r="H9" s="458">
        <v>5395322560</v>
      </c>
      <c r="I9" s="458">
        <v>5138453083</v>
      </c>
      <c r="J9" s="458">
        <v>3927265764</v>
      </c>
      <c r="K9" s="461">
        <v>25679308324</v>
      </c>
      <c r="L9" s="450">
        <v>26835857818</v>
      </c>
      <c r="M9" s="457">
        <v>85028715</v>
      </c>
      <c r="N9" s="458">
        <v>217599061</v>
      </c>
      <c r="O9" s="449">
        <v>302627776</v>
      </c>
      <c r="P9" s="457">
        <v>0</v>
      </c>
      <c r="Q9" s="458">
        <v>1332875142</v>
      </c>
      <c r="R9" s="458">
        <v>2019817433</v>
      </c>
      <c r="S9" s="458">
        <v>1724446890</v>
      </c>
      <c r="T9" s="458">
        <v>1913951776</v>
      </c>
      <c r="U9" s="458">
        <v>1970061130</v>
      </c>
      <c r="V9" s="449">
        <v>8961152371</v>
      </c>
      <c r="W9" s="450">
        <v>9263780147</v>
      </c>
      <c r="X9" s="457">
        <v>6162</v>
      </c>
      <c r="Y9" s="458">
        <v>0</v>
      </c>
      <c r="Z9" s="449">
        <v>6162</v>
      </c>
      <c r="AA9" s="462">
        <v>0</v>
      </c>
      <c r="AB9" s="442">
        <v>662308699</v>
      </c>
      <c r="AC9" s="442">
        <v>1027027252</v>
      </c>
      <c r="AD9" s="442">
        <v>987056210</v>
      </c>
      <c r="AE9" s="442">
        <v>1120668809</v>
      </c>
      <c r="AF9" s="442">
        <v>1156268155</v>
      </c>
      <c r="AG9" s="449">
        <v>4953329125</v>
      </c>
      <c r="AH9" s="450">
        <v>4953335287</v>
      </c>
      <c r="AI9" s="463">
        <v>44004</v>
      </c>
      <c r="AJ9" s="442">
        <v>1218658</v>
      </c>
      <c r="AK9" s="449">
        <v>1262662</v>
      </c>
      <c r="AL9" s="462">
        <v>0</v>
      </c>
      <c r="AM9" s="442">
        <v>5965090</v>
      </c>
      <c r="AN9" s="461">
        <v>26538553</v>
      </c>
      <c r="AO9" s="442">
        <v>44522784</v>
      </c>
      <c r="AP9" s="442">
        <v>110938630</v>
      </c>
      <c r="AQ9" s="442">
        <v>223786419</v>
      </c>
      <c r="AR9" s="449">
        <v>411751476</v>
      </c>
      <c r="AS9" s="450">
        <v>413014138</v>
      </c>
      <c r="AT9" s="463">
        <v>46718126</v>
      </c>
      <c r="AU9" s="442">
        <v>154366664</v>
      </c>
      <c r="AV9" s="449">
        <v>201084790</v>
      </c>
      <c r="AW9" s="462">
        <v>0</v>
      </c>
      <c r="AX9" s="442">
        <v>397497322</v>
      </c>
      <c r="AY9" s="442">
        <v>631861048</v>
      </c>
      <c r="AZ9" s="442">
        <v>403488584</v>
      </c>
      <c r="BA9" s="442">
        <v>401739924</v>
      </c>
      <c r="BB9" s="442">
        <v>378298776</v>
      </c>
      <c r="BC9" s="449">
        <v>2212885654</v>
      </c>
      <c r="BD9" s="464">
        <v>2413970444</v>
      </c>
      <c r="BE9" s="463">
        <v>5601954</v>
      </c>
      <c r="BF9" s="461">
        <v>21020304</v>
      </c>
      <c r="BG9" s="465">
        <v>26622258</v>
      </c>
      <c r="BH9" s="462">
        <v>0</v>
      </c>
      <c r="BI9" s="442">
        <v>31684698</v>
      </c>
      <c r="BJ9" s="442">
        <v>53527444</v>
      </c>
      <c r="BK9" s="442">
        <v>37277462</v>
      </c>
      <c r="BL9" s="442">
        <v>33362259</v>
      </c>
      <c r="BM9" s="442">
        <v>21555954</v>
      </c>
      <c r="BN9" s="449">
        <v>177407817</v>
      </c>
      <c r="BO9" s="450">
        <v>204030075</v>
      </c>
      <c r="BP9" s="463">
        <v>32658469</v>
      </c>
      <c r="BQ9" s="442">
        <v>40993435</v>
      </c>
      <c r="BR9" s="449">
        <v>73651904</v>
      </c>
      <c r="BS9" s="462">
        <v>0</v>
      </c>
      <c r="BT9" s="442">
        <v>235419333</v>
      </c>
      <c r="BU9" s="442">
        <v>280863136</v>
      </c>
      <c r="BV9" s="442">
        <v>252101850</v>
      </c>
      <c r="BW9" s="442">
        <v>247242154</v>
      </c>
      <c r="BX9" s="442">
        <v>190151826</v>
      </c>
      <c r="BY9" s="449">
        <v>1205778299</v>
      </c>
      <c r="BZ9" s="450">
        <v>1279430203</v>
      </c>
      <c r="CA9" s="463">
        <v>35457229</v>
      </c>
      <c r="CB9" s="442">
        <v>109363130</v>
      </c>
      <c r="CC9" s="449">
        <v>144820359</v>
      </c>
      <c r="CD9" s="462">
        <v>0</v>
      </c>
      <c r="CE9" s="442">
        <v>1259889823</v>
      </c>
      <c r="CF9" s="442">
        <v>1650440521</v>
      </c>
      <c r="CG9" s="447">
        <v>1190725827</v>
      </c>
      <c r="CH9" s="442">
        <v>804551576</v>
      </c>
      <c r="CI9" s="442">
        <v>404966233</v>
      </c>
      <c r="CJ9" s="449">
        <v>5310573980</v>
      </c>
      <c r="CK9" s="450">
        <v>5455394339</v>
      </c>
      <c r="CL9" s="457">
        <v>0</v>
      </c>
      <c r="CM9" s="458">
        <v>0</v>
      </c>
      <c r="CN9" s="449">
        <v>0</v>
      </c>
      <c r="CO9" s="462">
        <v>0</v>
      </c>
      <c r="CP9" s="442">
        <v>1063306338</v>
      </c>
      <c r="CQ9" s="442">
        <v>1281199733</v>
      </c>
      <c r="CR9" s="442">
        <v>934355404</v>
      </c>
      <c r="CS9" s="442">
        <v>606736256</v>
      </c>
      <c r="CT9" s="442">
        <v>329578226</v>
      </c>
      <c r="CU9" s="466">
        <v>4215175957</v>
      </c>
      <c r="CV9" s="450">
        <v>4215175957</v>
      </c>
      <c r="CW9" s="463">
        <v>35457229</v>
      </c>
      <c r="CX9" s="442">
        <v>109363130</v>
      </c>
      <c r="CY9" s="449">
        <v>144820359</v>
      </c>
      <c r="CZ9" s="462">
        <v>0</v>
      </c>
      <c r="DA9" s="442">
        <v>196583485</v>
      </c>
      <c r="DB9" s="442">
        <v>369240788</v>
      </c>
      <c r="DC9" s="442">
        <v>256370423</v>
      </c>
      <c r="DD9" s="442">
        <v>197815320</v>
      </c>
      <c r="DE9" s="442">
        <v>75388007</v>
      </c>
      <c r="DF9" s="449">
        <v>1095398023</v>
      </c>
      <c r="DG9" s="450">
        <v>1240218382</v>
      </c>
      <c r="DH9" s="463">
        <v>1368071</v>
      </c>
      <c r="DI9" s="442">
        <v>10553684</v>
      </c>
      <c r="DJ9" s="465">
        <v>11921755</v>
      </c>
      <c r="DK9" s="462">
        <v>0</v>
      </c>
      <c r="DL9" s="442">
        <v>129772349</v>
      </c>
      <c r="DM9" s="442">
        <v>291367396</v>
      </c>
      <c r="DN9" s="442">
        <v>538881683</v>
      </c>
      <c r="DO9" s="442">
        <v>437135533</v>
      </c>
      <c r="DP9" s="442">
        <v>248255975</v>
      </c>
      <c r="DQ9" s="467">
        <v>1645412936</v>
      </c>
      <c r="DR9" s="450">
        <v>1657334691</v>
      </c>
      <c r="DS9" s="463">
        <v>1272965</v>
      </c>
      <c r="DT9" s="442">
        <v>9465892</v>
      </c>
      <c r="DU9" s="449">
        <v>10738857</v>
      </c>
      <c r="DV9" s="462">
        <v>0</v>
      </c>
      <c r="DW9" s="442">
        <v>117581392</v>
      </c>
      <c r="DX9" s="442">
        <v>254710635</v>
      </c>
      <c r="DY9" s="442">
        <v>485989832</v>
      </c>
      <c r="DZ9" s="442">
        <v>388310047</v>
      </c>
      <c r="EA9" s="442">
        <v>213819258</v>
      </c>
      <c r="EB9" s="449">
        <v>1460411164</v>
      </c>
      <c r="EC9" s="450">
        <v>1471150021</v>
      </c>
      <c r="ED9" s="463">
        <v>95106</v>
      </c>
      <c r="EE9" s="461">
        <v>1087792</v>
      </c>
      <c r="EF9" s="449">
        <v>1182898</v>
      </c>
      <c r="EG9" s="464">
        <v>0</v>
      </c>
      <c r="EH9" s="442">
        <v>12190957</v>
      </c>
      <c r="EI9" s="442">
        <v>36656761</v>
      </c>
      <c r="EJ9" s="442">
        <v>52845215</v>
      </c>
      <c r="EK9" s="442">
        <v>48825486</v>
      </c>
      <c r="EL9" s="447">
        <v>34436717</v>
      </c>
      <c r="EM9" s="461">
        <v>184955136</v>
      </c>
      <c r="EN9" s="450">
        <v>186138034</v>
      </c>
      <c r="EO9" s="463">
        <v>0</v>
      </c>
      <c r="EP9" s="442">
        <v>0</v>
      </c>
      <c r="EQ9" s="461">
        <v>0</v>
      </c>
      <c r="ER9" s="462">
        <v>0</v>
      </c>
      <c r="ES9" s="442">
        <v>0</v>
      </c>
      <c r="ET9" s="442">
        <v>0</v>
      </c>
      <c r="EU9" s="442">
        <v>0</v>
      </c>
      <c r="EV9" s="442">
        <v>0</v>
      </c>
      <c r="EW9" s="442">
        <v>0</v>
      </c>
      <c r="EX9" s="466">
        <v>0</v>
      </c>
      <c r="EY9" s="450">
        <v>0</v>
      </c>
      <c r="EZ9" s="463">
        <v>0</v>
      </c>
      <c r="FA9" s="442">
        <v>0</v>
      </c>
      <c r="FB9" s="461">
        <v>0</v>
      </c>
      <c r="FC9" s="468"/>
      <c r="FD9" s="442">
        <v>0</v>
      </c>
      <c r="FE9" s="442">
        <v>0</v>
      </c>
      <c r="FF9" s="442">
        <v>46636</v>
      </c>
      <c r="FG9" s="442">
        <v>0</v>
      </c>
      <c r="FH9" s="442">
        <v>0</v>
      </c>
      <c r="FI9" s="466">
        <v>46636</v>
      </c>
      <c r="FJ9" s="450">
        <v>46636</v>
      </c>
      <c r="FK9" s="463">
        <v>86946138</v>
      </c>
      <c r="FL9" s="442">
        <v>179247057</v>
      </c>
      <c r="FM9" s="449">
        <v>266193195</v>
      </c>
      <c r="FN9" s="462">
        <v>0</v>
      </c>
      <c r="FO9" s="442">
        <v>234379291</v>
      </c>
      <c r="FP9" s="442">
        <v>605269127</v>
      </c>
      <c r="FQ9" s="442">
        <v>424581105</v>
      </c>
      <c r="FR9" s="442">
        <v>400344639</v>
      </c>
      <c r="FS9" s="442">
        <v>295242737</v>
      </c>
      <c r="FT9" s="449">
        <v>1959816899</v>
      </c>
      <c r="FU9" s="450">
        <v>2226010094</v>
      </c>
      <c r="FV9" s="463">
        <v>48941796</v>
      </c>
      <c r="FW9" s="442">
        <v>134817857</v>
      </c>
      <c r="FX9" s="461">
        <v>183759653</v>
      </c>
      <c r="FY9" s="464">
        <v>0</v>
      </c>
      <c r="FZ9" s="442">
        <v>187573104</v>
      </c>
      <c r="GA9" s="455">
        <v>556343767</v>
      </c>
      <c r="GB9" s="442">
        <v>396706020</v>
      </c>
      <c r="GC9" s="455">
        <v>374092535</v>
      </c>
      <c r="GD9" s="442">
        <v>285367527</v>
      </c>
      <c r="GE9" s="466">
        <v>1800082953</v>
      </c>
      <c r="GF9" s="469">
        <v>1983842606</v>
      </c>
      <c r="GG9" s="470">
        <v>5136592</v>
      </c>
      <c r="GH9" s="442">
        <v>8479705</v>
      </c>
      <c r="GI9" s="455">
        <v>13616297</v>
      </c>
      <c r="GJ9" s="460">
        <v>0</v>
      </c>
      <c r="GK9" s="442">
        <v>10447609</v>
      </c>
      <c r="GL9" s="461">
        <v>15109931</v>
      </c>
      <c r="GM9" s="442">
        <v>9133145</v>
      </c>
      <c r="GN9" s="461">
        <v>11099299</v>
      </c>
      <c r="GO9" s="442">
        <v>4457216</v>
      </c>
      <c r="GP9" s="467">
        <v>50247200</v>
      </c>
      <c r="GQ9" s="450">
        <v>63863497</v>
      </c>
      <c r="GR9" s="461">
        <v>32867750</v>
      </c>
      <c r="GS9" s="442">
        <v>35949495</v>
      </c>
      <c r="GT9" s="449">
        <v>68817245</v>
      </c>
      <c r="GU9" s="461">
        <v>0</v>
      </c>
      <c r="GV9" s="442">
        <v>36358578</v>
      </c>
      <c r="GW9" s="461">
        <v>33815429</v>
      </c>
      <c r="GX9" s="442">
        <v>18741940</v>
      </c>
      <c r="GY9" s="461">
        <v>15152805</v>
      </c>
      <c r="GZ9" s="442">
        <v>5417994</v>
      </c>
      <c r="HA9" s="461">
        <v>109486746</v>
      </c>
      <c r="HB9" s="450">
        <v>178303991</v>
      </c>
      <c r="HC9" s="461">
        <v>103473343</v>
      </c>
      <c r="HD9" s="442">
        <v>131639118</v>
      </c>
      <c r="HE9" s="461">
        <v>235112461</v>
      </c>
      <c r="HF9" s="464">
        <v>0</v>
      </c>
      <c r="HG9" s="442">
        <v>998384292</v>
      </c>
      <c r="HH9" s="455">
        <v>1015804492</v>
      </c>
      <c r="HI9" s="442">
        <v>952911472</v>
      </c>
      <c r="HJ9" s="455">
        <v>1185989405</v>
      </c>
      <c r="HK9" s="442">
        <v>766943502</v>
      </c>
      <c r="HL9" s="466">
        <v>4920033163</v>
      </c>
      <c r="HM9" s="461">
        <v>5155145624</v>
      </c>
      <c r="HN9" s="470">
        <v>65659318</v>
      </c>
      <c r="HO9" s="442">
        <v>130214630</v>
      </c>
      <c r="HP9" s="466">
        <v>195873948</v>
      </c>
      <c r="HQ9" s="461">
        <v>0</v>
      </c>
      <c r="HR9" s="442">
        <v>814471400</v>
      </c>
      <c r="HS9" s="461">
        <v>865795651</v>
      </c>
      <c r="HT9" s="442">
        <v>563775583</v>
      </c>
      <c r="HU9" s="461">
        <v>396480154</v>
      </c>
      <c r="HV9" s="442">
        <v>241796187</v>
      </c>
      <c r="HW9" s="461">
        <v>2882318975</v>
      </c>
      <c r="HX9" s="450">
        <v>3078192923</v>
      </c>
      <c r="HY9" s="471">
        <v>9057385</v>
      </c>
      <c r="HZ9" s="472">
        <v>35753871</v>
      </c>
      <c r="IA9" s="473">
        <v>44811256</v>
      </c>
      <c r="IB9" s="474">
        <v>0</v>
      </c>
      <c r="IC9" s="472">
        <v>1600631490</v>
      </c>
      <c r="ID9" s="475">
        <v>2085610143</v>
      </c>
      <c r="IE9" s="476">
        <v>2144729533</v>
      </c>
      <c r="IF9" s="472">
        <v>1599267215</v>
      </c>
      <c r="IG9" s="476">
        <v>1147113035</v>
      </c>
      <c r="IH9" s="477">
        <v>8577351416</v>
      </c>
      <c r="II9" s="478">
        <v>8622162672</v>
      </c>
      <c r="IJ9" s="479">
        <v>0</v>
      </c>
      <c r="IK9" s="480">
        <v>0</v>
      </c>
      <c r="IL9" s="481">
        <v>0</v>
      </c>
      <c r="IM9" s="482"/>
      <c r="IN9" s="483">
        <v>25245156</v>
      </c>
      <c r="IO9" s="483">
        <v>45214609</v>
      </c>
      <c r="IP9" s="483">
        <v>60282493</v>
      </c>
      <c r="IQ9" s="483">
        <v>90130381</v>
      </c>
      <c r="IR9" s="483">
        <v>89991113</v>
      </c>
      <c r="IS9" s="484">
        <v>310863752</v>
      </c>
      <c r="IT9" s="485">
        <v>310863752</v>
      </c>
      <c r="IU9" s="486">
        <v>0</v>
      </c>
      <c r="IV9" s="483">
        <v>0</v>
      </c>
      <c r="IW9" s="487">
        <v>0</v>
      </c>
      <c r="IX9" s="488"/>
      <c r="IY9" s="483">
        <v>4126933</v>
      </c>
      <c r="IZ9" s="483">
        <v>12396125</v>
      </c>
      <c r="JA9" s="483">
        <v>12101619</v>
      </c>
      <c r="JB9" s="483">
        <v>15371244</v>
      </c>
      <c r="JC9" s="483">
        <v>18263636</v>
      </c>
      <c r="JD9" s="487">
        <v>62259557</v>
      </c>
      <c r="JE9" s="489">
        <v>62259557</v>
      </c>
      <c r="JF9" s="486">
        <v>0</v>
      </c>
      <c r="JG9" s="483">
        <v>0</v>
      </c>
      <c r="JH9" s="484">
        <v>0</v>
      </c>
      <c r="JI9" s="490">
        <v>0</v>
      </c>
      <c r="JJ9" s="483">
        <v>568136723</v>
      </c>
      <c r="JK9" s="483">
        <v>669398187</v>
      </c>
      <c r="JL9" s="483">
        <v>507765957</v>
      </c>
      <c r="JM9" s="483">
        <v>315308040</v>
      </c>
      <c r="JN9" s="483">
        <v>176803103</v>
      </c>
      <c r="JO9" s="487">
        <v>2237412010</v>
      </c>
      <c r="JP9" s="485">
        <v>2237412010</v>
      </c>
      <c r="JQ9" s="486">
        <v>164307</v>
      </c>
      <c r="JR9" s="483">
        <v>432047</v>
      </c>
      <c r="JS9" s="484">
        <v>596354</v>
      </c>
      <c r="JT9" s="490">
        <v>0</v>
      </c>
      <c r="JU9" s="483">
        <v>66042732</v>
      </c>
      <c r="JV9" s="483">
        <v>95110376</v>
      </c>
      <c r="JW9" s="483">
        <v>137321358</v>
      </c>
      <c r="JX9" s="483">
        <v>76897552</v>
      </c>
      <c r="JY9" s="483">
        <v>71378446</v>
      </c>
      <c r="JZ9" s="487">
        <v>446750464</v>
      </c>
      <c r="KA9" s="485">
        <v>447346818</v>
      </c>
      <c r="KB9" s="491">
        <v>8893078</v>
      </c>
      <c r="KC9" s="492">
        <v>24679515</v>
      </c>
      <c r="KD9" s="487">
        <v>33572593</v>
      </c>
      <c r="KE9" s="490">
        <v>0</v>
      </c>
      <c r="KF9" s="483">
        <v>195382457</v>
      </c>
      <c r="KG9" s="483">
        <v>303074247</v>
      </c>
      <c r="KH9" s="483">
        <v>332160148</v>
      </c>
      <c r="KI9" s="483">
        <v>265933574</v>
      </c>
      <c r="KJ9" s="483">
        <v>150797497</v>
      </c>
      <c r="KK9" s="487">
        <v>1247347923</v>
      </c>
      <c r="KL9" s="493">
        <v>1280920516</v>
      </c>
      <c r="KM9" s="479">
        <v>0</v>
      </c>
      <c r="KN9" s="480">
        <v>10642309</v>
      </c>
      <c r="KO9" s="481">
        <v>10642309</v>
      </c>
      <c r="KP9" s="482"/>
      <c r="KQ9" s="483">
        <v>705240134</v>
      </c>
      <c r="KR9" s="483">
        <v>890519048</v>
      </c>
      <c r="KS9" s="483">
        <v>933983072</v>
      </c>
      <c r="KT9" s="483">
        <v>633459199</v>
      </c>
      <c r="KU9" s="483">
        <v>429814425</v>
      </c>
      <c r="KV9" s="487">
        <v>3593015878</v>
      </c>
      <c r="KW9" s="485">
        <v>3603658187</v>
      </c>
      <c r="KX9" s="486">
        <v>0</v>
      </c>
      <c r="KY9" s="483">
        <v>0</v>
      </c>
      <c r="KZ9" s="487">
        <v>0</v>
      </c>
      <c r="LA9" s="494"/>
      <c r="LB9" s="483">
        <v>5834869</v>
      </c>
      <c r="LC9" s="483">
        <v>11215104</v>
      </c>
      <c r="LD9" s="483">
        <v>12054455</v>
      </c>
      <c r="LE9" s="483">
        <v>15526408</v>
      </c>
      <c r="LF9" s="483">
        <v>11906252</v>
      </c>
      <c r="LG9" s="487">
        <v>56537088</v>
      </c>
      <c r="LH9" s="489">
        <v>56537088</v>
      </c>
      <c r="LI9" s="486">
        <v>0</v>
      </c>
      <c r="LJ9" s="483">
        <v>0</v>
      </c>
      <c r="LK9" s="487">
        <v>0</v>
      </c>
      <c r="LL9" s="494"/>
      <c r="LM9" s="483">
        <v>2811628</v>
      </c>
      <c r="LN9" s="483">
        <v>6496465</v>
      </c>
      <c r="LO9" s="483">
        <v>65885216</v>
      </c>
      <c r="LP9" s="483">
        <v>86947394</v>
      </c>
      <c r="LQ9" s="483">
        <v>64919857</v>
      </c>
      <c r="LR9" s="487">
        <v>227060560</v>
      </c>
      <c r="LS9" s="485">
        <v>227060560</v>
      </c>
      <c r="LT9" s="486">
        <v>0</v>
      </c>
      <c r="LU9" s="483">
        <v>0</v>
      </c>
      <c r="LV9" s="487">
        <v>0</v>
      </c>
      <c r="LW9" s="494"/>
      <c r="LX9" s="483">
        <v>27810858</v>
      </c>
      <c r="LY9" s="483">
        <v>52185982</v>
      </c>
      <c r="LZ9" s="483">
        <v>83175215</v>
      </c>
      <c r="MA9" s="483">
        <v>99693423</v>
      </c>
      <c r="MB9" s="483">
        <v>133238706</v>
      </c>
      <c r="MC9" s="487">
        <v>396104184</v>
      </c>
      <c r="MD9" s="489">
        <v>396104184</v>
      </c>
      <c r="ME9" s="486">
        <v>0</v>
      </c>
      <c r="MF9" s="483">
        <v>0</v>
      </c>
      <c r="MG9" s="487">
        <v>0</v>
      </c>
      <c r="MH9" s="494"/>
      <c r="MI9" s="483">
        <v>580805657</v>
      </c>
      <c r="MJ9" s="483">
        <v>1379348034</v>
      </c>
      <c r="MK9" s="483">
        <v>4012674673</v>
      </c>
      <c r="ML9" s="483">
        <v>5862133906</v>
      </c>
      <c r="MM9" s="483">
        <v>4276552472</v>
      </c>
      <c r="MN9" s="487">
        <v>16111514742</v>
      </c>
      <c r="MO9" s="493">
        <v>16111514742</v>
      </c>
      <c r="MP9" s="486">
        <v>0</v>
      </c>
      <c r="MQ9" s="483">
        <v>0</v>
      </c>
      <c r="MR9" s="487">
        <v>0</v>
      </c>
      <c r="MS9" s="494"/>
      <c r="MT9" s="483">
        <v>97362325</v>
      </c>
      <c r="MU9" s="483">
        <v>369989479</v>
      </c>
      <c r="MV9" s="483">
        <v>2576151391</v>
      </c>
      <c r="MW9" s="483">
        <v>3982504013</v>
      </c>
      <c r="MX9" s="483">
        <v>3048109931</v>
      </c>
      <c r="MY9" s="487">
        <v>10074117139</v>
      </c>
      <c r="MZ9" s="493">
        <v>10074117139</v>
      </c>
      <c r="NA9" s="486">
        <v>0</v>
      </c>
      <c r="NB9" s="483">
        <v>0</v>
      </c>
      <c r="NC9" s="487">
        <v>0</v>
      </c>
      <c r="ND9" s="494"/>
      <c r="NE9" s="483">
        <v>479786358</v>
      </c>
      <c r="NF9" s="483">
        <v>1003480278</v>
      </c>
      <c r="NG9" s="483">
        <v>1407558961</v>
      </c>
      <c r="NH9" s="483">
        <v>1717875972</v>
      </c>
      <c r="NI9" s="483">
        <v>987392682</v>
      </c>
      <c r="NJ9" s="487">
        <v>5596094251</v>
      </c>
      <c r="NK9" s="485">
        <v>5596094251</v>
      </c>
      <c r="NL9" s="486">
        <v>0</v>
      </c>
      <c r="NM9" s="483">
        <v>0</v>
      </c>
      <c r="NN9" s="487">
        <v>0</v>
      </c>
      <c r="NO9" s="494"/>
      <c r="NP9" s="483">
        <v>319005</v>
      </c>
      <c r="NQ9" s="483">
        <v>605489</v>
      </c>
      <c r="NR9" s="483">
        <v>6072529</v>
      </c>
      <c r="NS9" s="483">
        <v>58823085</v>
      </c>
      <c r="NT9" s="483">
        <v>94535400</v>
      </c>
      <c r="NU9" s="487">
        <v>160355508</v>
      </c>
      <c r="NV9" s="489">
        <v>160355508</v>
      </c>
      <c r="NW9" s="486">
        <v>0</v>
      </c>
      <c r="NX9" s="483">
        <v>0</v>
      </c>
      <c r="NY9" s="487">
        <v>0</v>
      </c>
      <c r="NZ9" s="494"/>
      <c r="OA9" s="483">
        <v>3337969</v>
      </c>
      <c r="OB9" s="483">
        <v>5272788</v>
      </c>
      <c r="OC9" s="483">
        <v>22891792</v>
      </c>
      <c r="OD9" s="483">
        <v>102930836</v>
      </c>
      <c r="OE9" s="483">
        <v>146514459</v>
      </c>
      <c r="OF9" s="487">
        <v>280947844</v>
      </c>
      <c r="OG9" s="489">
        <v>280947844</v>
      </c>
      <c r="OH9" s="486">
        <v>386990199</v>
      </c>
      <c r="OI9" s="483">
        <v>814370551</v>
      </c>
      <c r="OJ9" s="484">
        <v>1201360750</v>
      </c>
      <c r="OK9" s="490">
        <v>0</v>
      </c>
      <c r="OL9" s="483">
        <v>6951209444</v>
      </c>
      <c r="OM9" s="483">
        <v>9913452797</v>
      </c>
      <c r="ON9" s="483">
        <v>11552726766</v>
      </c>
      <c r="OO9" s="483">
        <v>12599854204</v>
      </c>
      <c r="OP9" s="483">
        <v>9350931271</v>
      </c>
      <c r="OQ9" s="487">
        <v>50368174482</v>
      </c>
      <c r="OR9" s="493">
        <v>51569535232</v>
      </c>
    </row>
    <row r="10" spans="1:408" ht="18.75" customHeight="1" x14ac:dyDescent="0.2">
      <c r="A10" s="62" t="s">
        <v>5</v>
      </c>
      <c r="B10" s="112">
        <v>151574296</v>
      </c>
      <c r="C10" s="116">
        <v>354048851</v>
      </c>
      <c r="D10" s="115">
        <v>505623147</v>
      </c>
      <c r="E10" s="111">
        <v>0</v>
      </c>
      <c r="F10" s="116">
        <v>1676971862</v>
      </c>
      <c r="G10" s="116">
        <v>2963534627</v>
      </c>
      <c r="H10" s="116">
        <v>2253992485</v>
      </c>
      <c r="I10" s="116">
        <v>2061950655</v>
      </c>
      <c r="J10" s="116">
        <v>1606899051</v>
      </c>
      <c r="K10" s="111">
        <v>10563348680</v>
      </c>
      <c r="L10" s="118">
        <v>11068971827</v>
      </c>
      <c r="M10" s="112">
        <v>37276276</v>
      </c>
      <c r="N10" s="116">
        <v>112931639</v>
      </c>
      <c r="O10" s="115">
        <v>150207915</v>
      </c>
      <c r="P10" s="112">
        <v>0</v>
      </c>
      <c r="Q10" s="116">
        <v>484005264</v>
      </c>
      <c r="R10" s="116">
        <v>969625630</v>
      </c>
      <c r="S10" s="116">
        <v>735680895</v>
      </c>
      <c r="T10" s="116">
        <v>756601335</v>
      </c>
      <c r="U10" s="116">
        <v>809664934</v>
      </c>
      <c r="V10" s="115">
        <v>3755578058</v>
      </c>
      <c r="W10" s="118">
        <v>3905785973</v>
      </c>
      <c r="X10" s="112">
        <v>0</v>
      </c>
      <c r="Y10" s="116">
        <v>0</v>
      </c>
      <c r="Z10" s="115">
        <v>0</v>
      </c>
      <c r="AA10" s="112">
        <v>0</v>
      </c>
      <c r="AB10" s="116">
        <v>232278809</v>
      </c>
      <c r="AC10" s="116">
        <v>468081123</v>
      </c>
      <c r="AD10" s="116">
        <v>395179378</v>
      </c>
      <c r="AE10" s="443">
        <v>408573662</v>
      </c>
      <c r="AF10" s="443">
        <v>449108390</v>
      </c>
      <c r="AG10" s="115">
        <v>1953221362</v>
      </c>
      <c r="AH10" s="118">
        <v>1953221362</v>
      </c>
      <c r="AI10" s="112">
        <v>16735</v>
      </c>
      <c r="AJ10" s="116">
        <v>528934</v>
      </c>
      <c r="AK10" s="115">
        <v>545669</v>
      </c>
      <c r="AL10" s="112">
        <v>0</v>
      </c>
      <c r="AM10" s="116">
        <v>1412557</v>
      </c>
      <c r="AN10" s="116">
        <v>9745964</v>
      </c>
      <c r="AO10" s="116">
        <v>17823793</v>
      </c>
      <c r="AP10" s="116">
        <v>43907597</v>
      </c>
      <c r="AQ10" s="116">
        <v>99943772</v>
      </c>
      <c r="AR10" s="115">
        <v>172833683</v>
      </c>
      <c r="AS10" s="118">
        <v>173379352</v>
      </c>
      <c r="AT10" s="112">
        <v>21442485</v>
      </c>
      <c r="AU10" s="116">
        <v>82473641</v>
      </c>
      <c r="AV10" s="115">
        <v>103916126</v>
      </c>
      <c r="AW10" s="112">
        <v>0</v>
      </c>
      <c r="AX10" s="116">
        <v>151634728</v>
      </c>
      <c r="AY10" s="116">
        <v>342926097</v>
      </c>
      <c r="AZ10" s="116">
        <v>201895615</v>
      </c>
      <c r="BA10" s="116">
        <v>188860098</v>
      </c>
      <c r="BB10" s="116">
        <v>172373283</v>
      </c>
      <c r="BC10" s="115">
        <v>1057689821</v>
      </c>
      <c r="BD10" s="118">
        <v>1161605947</v>
      </c>
      <c r="BE10" s="112">
        <v>2372155</v>
      </c>
      <c r="BF10" s="116">
        <v>10692199</v>
      </c>
      <c r="BG10" s="114">
        <v>13064354</v>
      </c>
      <c r="BH10" s="113">
        <v>0</v>
      </c>
      <c r="BI10" s="116">
        <v>8286362</v>
      </c>
      <c r="BJ10" s="116">
        <v>23024838</v>
      </c>
      <c r="BK10" s="116">
        <v>15205828</v>
      </c>
      <c r="BL10" s="116">
        <v>14540415</v>
      </c>
      <c r="BM10" s="116">
        <v>8479192</v>
      </c>
      <c r="BN10" s="115">
        <v>69536635</v>
      </c>
      <c r="BO10" s="118">
        <v>82600989</v>
      </c>
      <c r="BP10" s="112">
        <v>13444901</v>
      </c>
      <c r="BQ10" s="116">
        <v>19236865</v>
      </c>
      <c r="BR10" s="115">
        <v>32681766</v>
      </c>
      <c r="BS10" s="112">
        <v>0</v>
      </c>
      <c r="BT10" s="116">
        <v>90392808</v>
      </c>
      <c r="BU10" s="116">
        <v>125847608</v>
      </c>
      <c r="BV10" s="116">
        <v>105576281</v>
      </c>
      <c r="BW10" s="116">
        <v>100719563</v>
      </c>
      <c r="BX10" s="116">
        <v>79760297</v>
      </c>
      <c r="BY10" s="115">
        <v>502296557</v>
      </c>
      <c r="BZ10" s="118">
        <v>534978323</v>
      </c>
      <c r="CA10" s="112">
        <v>15773691</v>
      </c>
      <c r="CB10" s="116">
        <v>51171541</v>
      </c>
      <c r="CC10" s="115">
        <v>66945232</v>
      </c>
      <c r="CD10" s="112">
        <v>0</v>
      </c>
      <c r="CE10" s="443">
        <v>398362309</v>
      </c>
      <c r="CF10" s="443">
        <v>708672221</v>
      </c>
      <c r="CG10" s="443">
        <v>460902191</v>
      </c>
      <c r="CH10" s="116">
        <v>294801078</v>
      </c>
      <c r="CI10" s="116">
        <v>152018962</v>
      </c>
      <c r="CJ10" s="451">
        <v>2014756761</v>
      </c>
      <c r="CK10" s="452">
        <v>2081701993</v>
      </c>
      <c r="CL10" s="112">
        <v>0</v>
      </c>
      <c r="CM10" s="116">
        <v>0</v>
      </c>
      <c r="CN10" s="115">
        <v>0</v>
      </c>
      <c r="CO10" s="113">
        <v>0</v>
      </c>
      <c r="CP10" s="116">
        <v>337046909</v>
      </c>
      <c r="CQ10" s="116">
        <v>529628048</v>
      </c>
      <c r="CR10" s="116">
        <v>342044990</v>
      </c>
      <c r="CS10" s="116">
        <v>207419235</v>
      </c>
      <c r="CT10" s="116">
        <v>115491557</v>
      </c>
      <c r="CU10" s="115">
        <v>1531630739</v>
      </c>
      <c r="CV10" s="118">
        <v>1531630739</v>
      </c>
      <c r="CW10" s="112">
        <v>15773691</v>
      </c>
      <c r="CX10" s="116">
        <v>51171541</v>
      </c>
      <c r="CY10" s="115">
        <v>66945232</v>
      </c>
      <c r="CZ10" s="112">
        <v>0</v>
      </c>
      <c r="DA10" s="116">
        <v>61315400</v>
      </c>
      <c r="DB10" s="116">
        <v>179044173</v>
      </c>
      <c r="DC10" s="116">
        <v>118857201</v>
      </c>
      <c r="DD10" s="116">
        <v>87381843</v>
      </c>
      <c r="DE10" s="116">
        <v>36527405</v>
      </c>
      <c r="DF10" s="115">
        <v>483126022</v>
      </c>
      <c r="DG10" s="118">
        <v>550071254</v>
      </c>
      <c r="DH10" s="112">
        <v>443640</v>
      </c>
      <c r="DI10" s="116">
        <v>4327064</v>
      </c>
      <c r="DJ10" s="114">
        <v>4770704</v>
      </c>
      <c r="DK10" s="113">
        <v>0</v>
      </c>
      <c r="DL10" s="116">
        <v>39734743</v>
      </c>
      <c r="DM10" s="116">
        <v>118598341</v>
      </c>
      <c r="DN10" s="116">
        <v>216130478</v>
      </c>
      <c r="DO10" s="116">
        <v>172616841</v>
      </c>
      <c r="DP10" s="116">
        <v>101080520</v>
      </c>
      <c r="DQ10" s="115">
        <v>648160923</v>
      </c>
      <c r="DR10" s="118">
        <v>652931627</v>
      </c>
      <c r="DS10" s="112">
        <v>396756</v>
      </c>
      <c r="DT10" s="116">
        <v>3314134</v>
      </c>
      <c r="DU10" s="115">
        <v>3710890</v>
      </c>
      <c r="DV10" s="112">
        <v>0</v>
      </c>
      <c r="DW10" s="116">
        <v>34223666</v>
      </c>
      <c r="DX10" s="116">
        <v>98342403</v>
      </c>
      <c r="DY10" s="116">
        <v>185114271</v>
      </c>
      <c r="DZ10" s="116">
        <v>143757851</v>
      </c>
      <c r="EA10" s="116">
        <v>79545876</v>
      </c>
      <c r="EB10" s="115">
        <v>540984067</v>
      </c>
      <c r="EC10" s="118">
        <v>544694957</v>
      </c>
      <c r="ED10" s="112">
        <v>46884</v>
      </c>
      <c r="EE10" s="114">
        <v>1012930</v>
      </c>
      <c r="EF10" s="115">
        <v>1059814</v>
      </c>
      <c r="EG10" s="112">
        <v>0</v>
      </c>
      <c r="EH10" s="116">
        <v>5511077</v>
      </c>
      <c r="EI10" s="116">
        <v>20255938</v>
      </c>
      <c r="EJ10" s="116">
        <v>31016207</v>
      </c>
      <c r="EK10" s="116">
        <v>28858990</v>
      </c>
      <c r="EL10" s="116">
        <v>21534644</v>
      </c>
      <c r="EM10" s="114">
        <v>107176856</v>
      </c>
      <c r="EN10" s="118">
        <v>108236670</v>
      </c>
      <c r="EO10" s="112">
        <v>0</v>
      </c>
      <c r="EP10" s="116">
        <v>0</v>
      </c>
      <c r="EQ10" s="114">
        <v>0</v>
      </c>
      <c r="ER10" s="113">
        <v>0</v>
      </c>
      <c r="ES10" s="116">
        <v>0</v>
      </c>
      <c r="ET10" s="116">
        <v>0</v>
      </c>
      <c r="EU10" s="116">
        <v>0</v>
      </c>
      <c r="EV10" s="116">
        <v>0</v>
      </c>
      <c r="EW10" s="116">
        <v>0</v>
      </c>
      <c r="EX10" s="115">
        <v>0</v>
      </c>
      <c r="EY10" s="118">
        <v>0</v>
      </c>
      <c r="EZ10" s="112">
        <v>0</v>
      </c>
      <c r="FA10" s="116">
        <v>0</v>
      </c>
      <c r="FB10" s="114">
        <v>0</v>
      </c>
      <c r="FC10" s="390"/>
      <c r="FD10" s="116">
        <v>0</v>
      </c>
      <c r="FE10" s="116">
        <v>0</v>
      </c>
      <c r="FF10" s="116">
        <v>0</v>
      </c>
      <c r="FG10" s="116">
        <v>0</v>
      </c>
      <c r="FH10" s="116">
        <v>0</v>
      </c>
      <c r="FI10" s="115">
        <v>0</v>
      </c>
      <c r="FJ10" s="118">
        <v>0</v>
      </c>
      <c r="FK10" s="112">
        <v>30657627</v>
      </c>
      <c r="FL10" s="116">
        <v>76172257</v>
      </c>
      <c r="FM10" s="115">
        <v>106829884</v>
      </c>
      <c r="FN10" s="112">
        <v>0</v>
      </c>
      <c r="FO10" s="116">
        <v>65888166</v>
      </c>
      <c r="FP10" s="116">
        <v>267887851</v>
      </c>
      <c r="FQ10" s="116">
        <v>174778975</v>
      </c>
      <c r="FR10" s="116">
        <v>154882246</v>
      </c>
      <c r="FS10" s="116">
        <v>120535968</v>
      </c>
      <c r="FT10" s="115">
        <v>783973206</v>
      </c>
      <c r="FU10" s="118">
        <v>890803090</v>
      </c>
      <c r="FV10" s="117">
        <v>15359475</v>
      </c>
      <c r="FW10" s="116">
        <v>54809449</v>
      </c>
      <c r="FX10" s="114">
        <v>70168924</v>
      </c>
      <c r="FY10" s="113">
        <v>0</v>
      </c>
      <c r="FZ10" s="116">
        <v>49521270</v>
      </c>
      <c r="GA10" s="116">
        <v>243754249</v>
      </c>
      <c r="GB10" s="116">
        <v>162650083</v>
      </c>
      <c r="GC10" s="116">
        <v>145150879</v>
      </c>
      <c r="GD10" s="116">
        <v>116125824</v>
      </c>
      <c r="GE10" s="115">
        <v>717202305</v>
      </c>
      <c r="GF10" s="354">
        <v>787371229</v>
      </c>
      <c r="GG10" s="117">
        <v>1790277</v>
      </c>
      <c r="GH10" s="116">
        <v>3494766</v>
      </c>
      <c r="GI10" s="114">
        <v>5285043</v>
      </c>
      <c r="GJ10" s="113">
        <v>0</v>
      </c>
      <c r="GK10" s="116">
        <v>2913601</v>
      </c>
      <c r="GL10" s="116">
        <v>5931388</v>
      </c>
      <c r="GM10" s="116">
        <v>3606688</v>
      </c>
      <c r="GN10" s="116">
        <v>4309486</v>
      </c>
      <c r="GO10" s="116">
        <v>1821226</v>
      </c>
      <c r="GP10" s="115">
        <v>18582389</v>
      </c>
      <c r="GQ10" s="118">
        <v>23867432</v>
      </c>
      <c r="GR10" s="112">
        <v>13507875</v>
      </c>
      <c r="GS10" s="116">
        <v>17868042</v>
      </c>
      <c r="GT10" s="115">
        <v>31375917</v>
      </c>
      <c r="GU10" s="112">
        <v>0</v>
      </c>
      <c r="GV10" s="116">
        <v>13453295</v>
      </c>
      <c r="GW10" s="116">
        <v>18202214</v>
      </c>
      <c r="GX10" s="116">
        <v>8522204</v>
      </c>
      <c r="GY10" s="116">
        <v>5421881</v>
      </c>
      <c r="GZ10" s="116">
        <v>2588918</v>
      </c>
      <c r="HA10" s="114">
        <v>48188512</v>
      </c>
      <c r="HB10" s="118">
        <v>79564429</v>
      </c>
      <c r="HC10" s="112">
        <v>43228795</v>
      </c>
      <c r="HD10" s="116">
        <v>51610703</v>
      </c>
      <c r="HE10" s="114">
        <v>94839498</v>
      </c>
      <c r="HF10" s="113">
        <v>0</v>
      </c>
      <c r="HG10" s="116">
        <v>417980124</v>
      </c>
      <c r="HH10" s="116">
        <v>490811107</v>
      </c>
      <c r="HI10" s="116">
        <v>424354691</v>
      </c>
      <c r="HJ10" s="116">
        <v>518391091</v>
      </c>
      <c r="HK10" s="116">
        <v>320965120</v>
      </c>
      <c r="HL10" s="115">
        <v>2172502133</v>
      </c>
      <c r="HM10" s="111">
        <v>2267341631</v>
      </c>
      <c r="HN10" s="117">
        <v>24194267</v>
      </c>
      <c r="HO10" s="116">
        <v>57835647</v>
      </c>
      <c r="HP10" s="115">
        <v>82029914</v>
      </c>
      <c r="HQ10" s="112">
        <v>0</v>
      </c>
      <c r="HR10" s="116">
        <v>271001256</v>
      </c>
      <c r="HS10" s="116">
        <v>407939477</v>
      </c>
      <c r="HT10" s="116">
        <v>242145255</v>
      </c>
      <c r="HU10" s="116">
        <v>164658064</v>
      </c>
      <c r="HV10" s="116">
        <v>102633547</v>
      </c>
      <c r="HW10" s="114">
        <v>1188377599</v>
      </c>
      <c r="HX10" s="118">
        <v>1270407513</v>
      </c>
      <c r="HY10" s="148">
        <v>3853763</v>
      </c>
      <c r="HZ10" s="149">
        <v>12980333</v>
      </c>
      <c r="IA10" s="150">
        <v>16834096</v>
      </c>
      <c r="IB10" s="151">
        <v>0</v>
      </c>
      <c r="IC10" s="152">
        <v>616587784</v>
      </c>
      <c r="ID10" s="153">
        <v>933314033</v>
      </c>
      <c r="IE10" s="154">
        <v>917570212</v>
      </c>
      <c r="IF10" s="152">
        <v>680497900</v>
      </c>
      <c r="IG10" s="154">
        <v>518180323</v>
      </c>
      <c r="IH10" s="155">
        <v>3666150252</v>
      </c>
      <c r="II10" s="156">
        <v>3682984348</v>
      </c>
      <c r="IJ10" s="261">
        <v>0</v>
      </c>
      <c r="IK10" s="268">
        <v>0</v>
      </c>
      <c r="IL10" s="269">
        <v>0</v>
      </c>
      <c r="IM10" s="157"/>
      <c r="IN10" s="122">
        <v>11058915</v>
      </c>
      <c r="IO10" s="122">
        <v>23220101</v>
      </c>
      <c r="IP10" s="122">
        <v>31695980</v>
      </c>
      <c r="IQ10" s="122">
        <v>45486017</v>
      </c>
      <c r="IR10" s="122">
        <v>44735912</v>
      </c>
      <c r="IS10" s="158">
        <v>156196925</v>
      </c>
      <c r="IT10" s="357">
        <v>156196925</v>
      </c>
      <c r="IU10" s="159">
        <v>0</v>
      </c>
      <c r="IV10" s="122">
        <v>0</v>
      </c>
      <c r="IW10" s="123">
        <v>0</v>
      </c>
      <c r="IX10" s="161"/>
      <c r="IY10" s="122">
        <v>2345088</v>
      </c>
      <c r="IZ10" s="122">
        <v>9461184</v>
      </c>
      <c r="JA10" s="122">
        <v>9005596</v>
      </c>
      <c r="JB10" s="122">
        <v>11099677</v>
      </c>
      <c r="JC10" s="122">
        <v>14025091</v>
      </c>
      <c r="JD10" s="123">
        <v>45936636</v>
      </c>
      <c r="JE10" s="124">
        <v>45936636</v>
      </c>
      <c r="JF10" s="159">
        <v>0</v>
      </c>
      <c r="JG10" s="122">
        <v>0</v>
      </c>
      <c r="JH10" s="158">
        <v>0</v>
      </c>
      <c r="JI10" s="121">
        <v>0</v>
      </c>
      <c r="JJ10" s="122">
        <v>187445991</v>
      </c>
      <c r="JK10" s="122">
        <v>300720303</v>
      </c>
      <c r="JL10" s="122">
        <v>229032289</v>
      </c>
      <c r="JM10" s="122">
        <v>147723925</v>
      </c>
      <c r="JN10" s="122">
        <v>82420853</v>
      </c>
      <c r="JO10" s="123">
        <v>947343361</v>
      </c>
      <c r="JP10" s="357">
        <v>947343361</v>
      </c>
      <c r="JQ10" s="159">
        <v>72002</v>
      </c>
      <c r="JR10" s="122">
        <v>142667</v>
      </c>
      <c r="JS10" s="158">
        <v>214669</v>
      </c>
      <c r="JT10" s="121">
        <v>0</v>
      </c>
      <c r="JU10" s="122">
        <v>32247496</v>
      </c>
      <c r="JV10" s="122">
        <v>49742144</v>
      </c>
      <c r="JW10" s="122">
        <v>75005974</v>
      </c>
      <c r="JX10" s="122">
        <v>43111001</v>
      </c>
      <c r="JY10" s="122">
        <v>44333966</v>
      </c>
      <c r="JZ10" s="123">
        <v>244440581</v>
      </c>
      <c r="KA10" s="357">
        <v>244655250</v>
      </c>
      <c r="KB10" s="264">
        <v>3781761</v>
      </c>
      <c r="KC10" s="258">
        <v>9798656</v>
      </c>
      <c r="KD10" s="123">
        <v>13580417</v>
      </c>
      <c r="KE10" s="121">
        <v>0</v>
      </c>
      <c r="KF10" s="122">
        <v>71202477</v>
      </c>
      <c r="KG10" s="122">
        <v>129941353</v>
      </c>
      <c r="KH10" s="122">
        <v>144584954</v>
      </c>
      <c r="KI10" s="122">
        <v>120884547</v>
      </c>
      <c r="KJ10" s="122">
        <v>74480756</v>
      </c>
      <c r="KK10" s="123">
        <v>541094087</v>
      </c>
      <c r="KL10" s="160">
        <v>554674504</v>
      </c>
      <c r="KM10" s="261">
        <v>0</v>
      </c>
      <c r="KN10" s="268">
        <v>3039010</v>
      </c>
      <c r="KO10" s="269">
        <v>3039010</v>
      </c>
      <c r="KP10" s="157"/>
      <c r="KQ10" s="122">
        <v>306267135</v>
      </c>
      <c r="KR10" s="122">
        <v>405989468</v>
      </c>
      <c r="KS10" s="122">
        <v>395787476</v>
      </c>
      <c r="KT10" s="122">
        <v>273365241</v>
      </c>
      <c r="KU10" s="122">
        <v>194508697</v>
      </c>
      <c r="KV10" s="123">
        <v>1575918017</v>
      </c>
      <c r="KW10" s="357">
        <v>1578957027</v>
      </c>
      <c r="KX10" s="159">
        <v>0</v>
      </c>
      <c r="KY10" s="122">
        <v>0</v>
      </c>
      <c r="KZ10" s="123">
        <v>0</v>
      </c>
      <c r="LA10" s="162"/>
      <c r="LB10" s="122">
        <v>171830</v>
      </c>
      <c r="LC10" s="122">
        <v>193075</v>
      </c>
      <c r="LD10" s="122">
        <v>430530</v>
      </c>
      <c r="LE10" s="122">
        <v>471746</v>
      </c>
      <c r="LF10" s="122">
        <v>1288725</v>
      </c>
      <c r="LG10" s="123">
        <v>2555906</v>
      </c>
      <c r="LH10" s="124">
        <v>2555906</v>
      </c>
      <c r="LI10" s="159">
        <v>0</v>
      </c>
      <c r="LJ10" s="122">
        <v>0</v>
      </c>
      <c r="LK10" s="123">
        <v>0</v>
      </c>
      <c r="LL10" s="162"/>
      <c r="LM10" s="122">
        <v>1023669</v>
      </c>
      <c r="LN10" s="122">
        <v>1538230</v>
      </c>
      <c r="LO10" s="122">
        <v>7255845</v>
      </c>
      <c r="LP10" s="122">
        <v>8586514</v>
      </c>
      <c r="LQ10" s="122">
        <v>7666042</v>
      </c>
      <c r="LR10" s="123">
        <v>26070300</v>
      </c>
      <c r="LS10" s="357">
        <v>26070300</v>
      </c>
      <c r="LT10" s="159">
        <v>0</v>
      </c>
      <c r="LU10" s="122">
        <v>0</v>
      </c>
      <c r="LV10" s="123">
        <v>0</v>
      </c>
      <c r="LW10" s="162"/>
      <c r="LX10" s="122">
        <v>4825183</v>
      </c>
      <c r="LY10" s="122">
        <v>12508175</v>
      </c>
      <c r="LZ10" s="122">
        <v>24771568</v>
      </c>
      <c r="MA10" s="122">
        <v>29769232</v>
      </c>
      <c r="MB10" s="122">
        <v>54720281</v>
      </c>
      <c r="MC10" s="123">
        <v>126594439</v>
      </c>
      <c r="MD10" s="124">
        <v>126594439</v>
      </c>
      <c r="ME10" s="159">
        <v>0</v>
      </c>
      <c r="MF10" s="122">
        <v>0</v>
      </c>
      <c r="MG10" s="123">
        <v>0</v>
      </c>
      <c r="MH10" s="162"/>
      <c r="MI10" s="122">
        <v>223112609</v>
      </c>
      <c r="MJ10" s="122">
        <v>690420388</v>
      </c>
      <c r="MK10" s="122">
        <v>1758587654</v>
      </c>
      <c r="ML10" s="122">
        <v>2517056249</v>
      </c>
      <c r="MM10" s="122">
        <v>1891922407</v>
      </c>
      <c r="MN10" s="123">
        <v>7081099307</v>
      </c>
      <c r="MO10" s="160">
        <v>7081099307</v>
      </c>
      <c r="MP10" s="159">
        <v>0</v>
      </c>
      <c r="MQ10" s="122">
        <v>0</v>
      </c>
      <c r="MR10" s="123">
        <v>0</v>
      </c>
      <c r="MS10" s="162"/>
      <c r="MT10" s="122">
        <v>50622064</v>
      </c>
      <c r="MU10" s="122">
        <v>224851810</v>
      </c>
      <c r="MV10" s="122">
        <v>1122864149</v>
      </c>
      <c r="MW10" s="122">
        <v>1682921281</v>
      </c>
      <c r="MX10" s="122">
        <v>1344884518</v>
      </c>
      <c r="MY10" s="123">
        <v>4426143822</v>
      </c>
      <c r="MZ10" s="160">
        <v>4426143822</v>
      </c>
      <c r="NA10" s="159">
        <v>0</v>
      </c>
      <c r="NB10" s="122">
        <v>0</v>
      </c>
      <c r="NC10" s="123">
        <v>0</v>
      </c>
      <c r="ND10" s="162"/>
      <c r="NE10" s="122">
        <v>171806901</v>
      </c>
      <c r="NF10" s="122">
        <v>463977615</v>
      </c>
      <c r="NG10" s="122">
        <v>630537930</v>
      </c>
      <c r="NH10" s="122">
        <v>783081518</v>
      </c>
      <c r="NI10" s="122">
        <v>477444177</v>
      </c>
      <c r="NJ10" s="123">
        <v>2526848141</v>
      </c>
      <c r="NK10" s="357">
        <v>2526848141</v>
      </c>
      <c r="NL10" s="159">
        <v>0</v>
      </c>
      <c r="NM10" s="122">
        <v>0</v>
      </c>
      <c r="NN10" s="123">
        <v>0</v>
      </c>
      <c r="NO10" s="162"/>
      <c r="NP10" s="122">
        <v>0</v>
      </c>
      <c r="NQ10" s="122">
        <v>605489</v>
      </c>
      <c r="NR10" s="122">
        <v>1643930</v>
      </c>
      <c r="NS10" s="122">
        <v>21132530</v>
      </c>
      <c r="NT10" s="122">
        <v>34051869</v>
      </c>
      <c r="NU10" s="123">
        <v>57433818</v>
      </c>
      <c r="NV10" s="124">
        <v>57433818</v>
      </c>
      <c r="NW10" s="159">
        <v>0</v>
      </c>
      <c r="NX10" s="122">
        <v>0</v>
      </c>
      <c r="NY10" s="123">
        <v>0</v>
      </c>
      <c r="NZ10" s="162"/>
      <c r="OA10" s="122">
        <v>683644</v>
      </c>
      <c r="OB10" s="122">
        <v>985474</v>
      </c>
      <c r="OC10" s="122">
        <v>3541645</v>
      </c>
      <c r="OD10" s="122">
        <v>29920920</v>
      </c>
      <c r="OE10" s="122">
        <v>35541843</v>
      </c>
      <c r="OF10" s="123">
        <v>70673526</v>
      </c>
      <c r="OG10" s="124">
        <v>70673526</v>
      </c>
      <c r="OH10" s="159">
        <v>155428059</v>
      </c>
      <c r="OI10" s="122">
        <v>367029184</v>
      </c>
      <c r="OJ10" s="158">
        <v>522457243</v>
      </c>
      <c r="OK10" s="121">
        <v>0</v>
      </c>
      <c r="OL10" s="122">
        <v>2516672255</v>
      </c>
      <c r="OM10" s="122">
        <v>4587269048</v>
      </c>
      <c r="ON10" s="122">
        <v>4930150351</v>
      </c>
      <c r="OO10" s="122">
        <v>5259504804</v>
      </c>
      <c r="OP10" s="122">
        <v>4017001781</v>
      </c>
      <c r="OQ10" s="123">
        <v>21310598239</v>
      </c>
      <c r="OR10" s="160">
        <v>21833055482</v>
      </c>
    </row>
    <row r="11" spans="1:408" ht="18.75" customHeight="1" x14ac:dyDescent="0.2">
      <c r="A11" s="62" t="s">
        <v>6</v>
      </c>
      <c r="B11" s="112">
        <v>53443364</v>
      </c>
      <c r="C11" s="116">
        <v>96789019</v>
      </c>
      <c r="D11" s="115">
        <v>150232383</v>
      </c>
      <c r="E11" s="111">
        <v>0</v>
      </c>
      <c r="F11" s="116">
        <v>787309913</v>
      </c>
      <c r="G11" s="116">
        <v>842262289</v>
      </c>
      <c r="H11" s="116">
        <v>757555536</v>
      </c>
      <c r="I11" s="116">
        <v>788880514</v>
      </c>
      <c r="J11" s="116">
        <v>620053778</v>
      </c>
      <c r="K11" s="111">
        <v>3796062030</v>
      </c>
      <c r="L11" s="118">
        <v>3946294413</v>
      </c>
      <c r="M11" s="112">
        <v>13398876</v>
      </c>
      <c r="N11" s="116">
        <v>29611534</v>
      </c>
      <c r="O11" s="115">
        <v>43010410</v>
      </c>
      <c r="P11" s="112">
        <v>0</v>
      </c>
      <c r="Q11" s="116">
        <v>247975038</v>
      </c>
      <c r="R11" s="116">
        <v>292503378</v>
      </c>
      <c r="S11" s="116">
        <v>265004653</v>
      </c>
      <c r="T11" s="116">
        <v>314888237</v>
      </c>
      <c r="U11" s="116">
        <v>324508470</v>
      </c>
      <c r="V11" s="115">
        <v>1444879776</v>
      </c>
      <c r="W11" s="118">
        <v>1487890186</v>
      </c>
      <c r="X11" s="112">
        <v>0</v>
      </c>
      <c r="Y11" s="116">
        <v>0</v>
      </c>
      <c r="Z11" s="115">
        <v>0</v>
      </c>
      <c r="AA11" s="112">
        <v>0</v>
      </c>
      <c r="AB11" s="116">
        <v>125983094</v>
      </c>
      <c r="AC11" s="116">
        <v>155542679</v>
      </c>
      <c r="AD11" s="116">
        <v>157101196</v>
      </c>
      <c r="AE11" s="443">
        <v>190530269</v>
      </c>
      <c r="AF11" s="443">
        <v>201198606</v>
      </c>
      <c r="AG11" s="115">
        <v>830355844</v>
      </c>
      <c r="AH11" s="118">
        <v>830355844</v>
      </c>
      <c r="AI11" s="112">
        <v>0</v>
      </c>
      <c r="AJ11" s="116">
        <v>257331</v>
      </c>
      <c r="AK11" s="115">
        <v>257331</v>
      </c>
      <c r="AL11" s="112">
        <v>0</v>
      </c>
      <c r="AM11" s="116">
        <v>974984</v>
      </c>
      <c r="AN11" s="116">
        <v>3182748</v>
      </c>
      <c r="AO11" s="116">
        <v>5933089</v>
      </c>
      <c r="AP11" s="116">
        <v>16307163</v>
      </c>
      <c r="AQ11" s="116">
        <v>31572431</v>
      </c>
      <c r="AR11" s="115">
        <v>57970415</v>
      </c>
      <c r="AS11" s="118">
        <v>58227746</v>
      </c>
      <c r="AT11" s="112">
        <v>7633909</v>
      </c>
      <c r="AU11" s="116">
        <v>21188215</v>
      </c>
      <c r="AV11" s="115">
        <v>28822124</v>
      </c>
      <c r="AW11" s="112">
        <v>0</v>
      </c>
      <c r="AX11" s="116">
        <v>73425278</v>
      </c>
      <c r="AY11" s="116">
        <v>80627343</v>
      </c>
      <c r="AZ11" s="116">
        <v>54964767</v>
      </c>
      <c r="BA11" s="116">
        <v>59820364</v>
      </c>
      <c r="BB11" s="116">
        <v>55296929</v>
      </c>
      <c r="BC11" s="115">
        <v>324134681</v>
      </c>
      <c r="BD11" s="118">
        <v>352956805</v>
      </c>
      <c r="BE11" s="112">
        <v>404528</v>
      </c>
      <c r="BF11" s="116">
        <v>1923086</v>
      </c>
      <c r="BG11" s="114">
        <v>2327614</v>
      </c>
      <c r="BH11" s="113">
        <v>0</v>
      </c>
      <c r="BI11" s="116">
        <v>4754318</v>
      </c>
      <c r="BJ11" s="116">
        <v>6725162</v>
      </c>
      <c r="BK11" s="116">
        <v>4772205</v>
      </c>
      <c r="BL11" s="116">
        <v>4578062</v>
      </c>
      <c r="BM11" s="116">
        <v>2785613</v>
      </c>
      <c r="BN11" s="115">
        <v>23615360</v>
      </c>
      <c r="BO11" s="118">
        <v>25942974</v>
      </c>
      <c r="BP11" s="112">
        <v>5360439</v>
      </c>
      <c r="BQ11" s="116">
        <v>6242902</v>
      </c>
      <c r="BR11" s="115">
        <v>11603341</v>
      </c>
      <c r="BS11" s="112">
        <v>0</v>
      </c>
      <c r="BT11" s="116">
        <v>42837364</v>
      </c>
      <c r="BU11" s="116">
        <v>46425446</v>
      </c>
      <c r="BV11" s="116">
        <v>42233396</v>
      </c>
      <c r="BW11" s="116">
        <v>43652379</v>
      </c>
      <c r="BX11" s="116">
        <v>33654891</v>
      </c>
      <c r="BY11" s="115">
        <v>208803476</v>
      </c>
      <c r="BZ11" s="118">
        <v>220406817</v>
      </c>
      <c r="CA11" s="112">
        <v>2830367</v>
      </c>
      <c r="CB11" s="116">
        <v>9553001</v>
      </c>
      <c r="CC11" s="115">
        <v>12383368</v>
      </c>
      <c r="CD11" s="112">
        <v>0</v>
      </c>
      <c r="CE11" s="443">
        <v>205375831</v>
      </c>
      <c r="CF11" s="443">
        <v>204626888</v>
      </c>
      <c r="CG11" s="443">
        <v>159370645</v>
      </c>
      <c r="CH11" s="116">
        <v>119190514</v>
      </c>
      <c r="CI11" s="116">
        <v>57765259</v>
      </c>
      <c r="CJ11" s="451">
        <v>746329137</v>
      </c>
      <c r="CK11" s="452">
        <v>758712505</v>
      </c>
      <c r="CL11" s="112">
        <v>0</v>
      </c>
      <c r="CM11" s="116">
        <v>0</v>
      </c>
      <c r="CN11" s="115">
        <v>0</v>
      </c>
      <c r="CO11" s="113">
        <v>0</v>
      </c>
      <c r="CP11" s="116">
        <v>177917352</v>
      </c>
      <c r="CQ11" s="116">
        <v>163031675</v>
      </c>
      <c r="CR11" s="116">
        <v>124930787</v>
      </c>
      <c r="CS11" s="116">
        <v>92551088</v>
      </c>
      <c r="CT11" s="116">
        <v>48678122</v>
      </c>
      <c r="CU11" s="115">
        <v>607109024</v>
      </c>
      <c r="CV11" s="118">
        <v>607109024</v>
      </c>
      <c r="CW11" s="112">
        <v>2830367</v>
      </c>
      <c r="CX11" s="116">
        <v>9553001</v>
      </c>
      <c r="CY11" s="115">
        <v>12383368</v>
      </c>
      <c r="CZ11" s="112">
        <v>0</v>
      </c>
      <c r="DA11" s="116">
        <v>27458479</v>
      </c>
      <c r="DB11" s="116">
        <v>41595213</v>
      </c>
      <c r="DC11" s="116">
        <v>34439858</v>
      </c>
      <c r="DD11" s="116">
        <v>26639426</v>
      </c>
      <c r="DE11" s="116">
        <v>9087137</v>
      </c>
      <c r="DF11" s="115">
        <v>139220113</v>
      </c>
      <c r="DG11" s="118">
        <v>151603481</v>
      </c>
      <c r="DH11" s="112">
        <v>119073</v>
      </c>
      <c r="DI11" s="116">
        <v>1232478</v>
      </c>
      <c r="DJ11" s="114">
        <v>1351551</v>
      </c>
      <c r="DK11" s="113">
        <v>0</v>
      </c>
      <c r="DL11" s="116">
        <v>17977753</v>
      </c>
      <c r="DM11" s="116">
        <v>33193922</v>
      </c>
      <c r="DN11" s="116">
        <v>55532265</v>
      </c>
      <c r="DO11" s="116">
        <v>48084942</v>
      </c>
      <c r="DP11" s="116">
        <v>28742868</v>
      </c>
      <c r="DQ11" s="115">
        <v>183531750</v>
      </c>
      <c r="DR11" s="118">
        <v>184883301</v>
      </c>
      <c r="DS11" s="112">
        <v>119073</v>
      </c>
      <c r="DT11" s="116">
        <v>1232478</v>
      </c>
      <c r="DU11" s="115">
        <v>1351551</v>
      </c>
      <c r="DV11" s="112">
        <v>0</v>
      </c>
      <c r="DW11" s="116">
        <v>16336230</v>
      </c>
      <c r="DX11" s="116">
        <v>29153475</v>
      </c>
      <c r="DY11" s="116">
        <v>50490460</v>
      </c>
      <c r="DZ11" s="116">
        <v>41325358</v>
      </c>
      <c r="EA11" s="116">
        <v>24906343</v>
      </c>
      <c r="EB11" s="115">
        <v>162211866</v>
      </c>
      <c r="EC11" s="118">
        <v>163563417</v>
      </c>
      <c r="ED11" s="112">
        <v>0</v>
      </c>
      <c r="EE11" s="114">
        <v>0</v>
      </c>
      <c r="EF11" s="115">
        <v>0</v>
      </c>
      <c r="EG11" s="112">
        <v>0</v>
      </c>
      <c r="EH11" s="116">
        <v>1641523</v>
      </c>
      <c r="EI11" s="116">
        <v>4040447</v>
      </c>
      <c r="EJ11" s="116">
        <v>5041805</v>
      </c>
      <c r="EK11" s="116">
        <v>6759584</v>
      </c>
      <c r="EL11" s="116">
        <v>3836525</v>
      </c>
      <c r="EM11" s="114">
        <v>21319884</v>
      </c>
      <c r="EN11" s="118">
        <v>21319884</v>
      </c>
      <c r="EO11" s="112">
        <v>0</v>
      </c>
      <c r="EP11" s="116">
        <v>0</v>
      </c>
      <c r="EQ11" s="114">
        <v>0</v>
      </c>
      <c r="ER11" s="113">
        <v>0</v>
      </c>
      <c r="ES11" s="116">
        <v>0</v>
      </c>
      <c r="ET11" s="116">
        <v>0</v>
      </c>
      <c r="EU11" s="116">
        <v>0</v>
      </c>
      <c r="EV11" s="116">
        <v>0</v>
      </c>
      <c r="EW11" s="116">
        <v>0</v>
      </c>
      <c r="EX11" s="115">
        <v>0</v>
      </c>
      <c r="EY11" s="118">
        <v>0</v>
      </c>
      <c r="EZ11" s="112">
        <v>0</v>
      </c>
      <c r="FA11" s="116">
        <v>0</v>
      </c>
      <c r="FB11" s="114">
        <v>0</v>
      </c>
      <c r="FC11" s="390"/>
      <c r="FD11" s="116">
        <v>0</v>
      </c>
      <c r="FE11" s="116">
        <v>0</v>
      </c>
      <c r="FF11" s="116">
        <v>0</v>
      </c>
      <c r="FG11" s="116">
        <v>0</v>
      </c>
      <c r="FH11" s="116">
        <v>0</v>
      </c>
      <c r="FI11" s="115">
        <v>0</v>
      </c>
      <c r="FJ11" s="118">
        <v>0</v>
      </c>
      <c r="FK11" s="112">
        <v>12198181</v>
      </c>
      <c r="FL11" s="116">
        <v>21950680</v>
      </c>
      <c r="FM11" s="115">
        <v>34148861</v>
      </c>
      <c r="FN11" s="112">
        <v>0</v>
      </c>
      <c r="FO11" s="116">
        <v>44430332</v>
      </c>
      <c r="FP11" s="116">
        <v>76751747</v>
      </c>
      <c r="FQ11" s="116">
        <v>59768425</v>
      </c>
      <c r="FR11" s="116">
        <v>64960448</v>
      </c>
      <c r="FS11" s="116">
        <v>46015927</v>
      </c>
      <c r="FT11" s="115">
        <v>291926879</v>
      </c>
      <c r="FU11" s="118">
        <v>326075740</v>
      </c>
      <c r="FV11" s="117">
        <v>7457815</v>
      </c>
      <c r="FW11" s="116">
        <v>17565037</v>
      </c>
      <c r="FX11" s="114">
        <v>25022852</v>
      </c>
      <c r="FY11" s="113">
        <v>0</v>
      </c>
      <c r="FZ11" s="116">
        <v>37825801</v>
      </c>
      <c r="GA11" s="116">
        <v>73149591</v>
      </c>
      <c r="GB11" s="116">
        <v>56548746</v>
      </c>
      <c r="GC11" s="116">
        <v>60163190</v>
      </c>
      <c r="GD11" s="116">
        <v>44708779</v>
      </c>
      <c r="GE11" s="115">
        <v>272396107</v>
      </c>
      <c r="GF11" s="354">
        <v>297418959</v>
      </c>
      <c r="GG11" s="117">
        <v>770525</v>
      </c>
      <c r="GH11" s="116">
        <v>1048362</v>
      </c>
      <c r="GI11" s="114">
        <v>1818887</v>
      </c>
      <c r="GJ11" s="113">
        <v>0</v>
      </c>
      <c r="GK11" s="116">
        <v>1983820</v>
      </c>
      <c r="GL11" s="116">
        <v>1882649</v>
      </c>
      <c r="GM11" s="116">
        <v>1212282</v>
      </c>
      <c r="GN11" s="116">
        <v>2625820</v>
      </c>
      <c r="GO11" s="116">
        <v>584273</v>
      </c>
      <c r="GP11" s="115">
        <v>8288844</v>
      </c>
      <c r="GQ11" s="118">
        <v>10107731</v>
      </c>
      <c r="GR11" s="112">
        <v>3969841</v>
      </c>
      <c r="GS11" s="116">
        <v>3337281</v>
      </c>
      <c r="GT11" s="115">
        <v>7307122</v>
      </c>
      <c r="GU11" s="112">
        <v>0</v>
      </c>
      <c r="GV11" s="116">
        <v>4620711</v>
      </c>
      <c r="GW11" s="116">
        <v>1719507</v>
      </c>
      <c r="GX11" s="116">
        <v>2007397</v>
      </c>
      <c r="GY11" s="116">
        <v>2171438</v>
      </c>
      <c r="GZ11" s="116">
        <v>722875</v>
      </c>
      <c r="HA11" s="114">
        <v>11241928</v>
      </c>
      <c r="HB11" s="118">
        <v>18549050</v>
      </c>
      <c r="HC11" s="112">
        <v>14927763</v>
      </c>
      <c r="HD11" s="116">
        <v>17560966</v>
      </c>
      <c r="HE11" s="114">
        <v>32488729</v>
      </c>
      <c r="HF11" s="113">
        <v>0</v>
      </c>
      <c r="HG11" s="116">
        <v>136956084</v>
      </c>
      <c r="HH11" s="116">
        <v>129547810</v>
      </c>
      <c r="HI11" s="116">
        <v>141183437</v>
      </c>
      <c r="HJ11" s="116">
        <v>181523809</v>
      </c>
      <c r="HK11" s="116">
        <v>125820700</v>
      </c>
      <c r="HL11" s="115">
        <v>715031840</v>
      </c>
      <c r="HM11" s="111">
        <v>747520569</v>
      </c>
      <c r="HN11" s="117">
        <v>9969104</v>
      </c>
      <c r="HO11" s="116">
        <v>16880360</v>
      </c>
      <c r="HP11" s="115">
        <v>26849464</v>
      </c>
      <c r="HQ11" s="112">
        <v>0</v>
      </c>
      <c r="HR11" s="116">
        <v>134594875</v>
      </c>
      <c r="HS11" s="116">
        <v>105638544</v>
      </c>
      <c r="HT11" s="116">
        <v>76696111</v>
      </c>
      <c r="HU11" s="116">
        <v>60232564</v>
      </c>
      <c r="HV11" s="116">
        <v>37200554</v>
      </c>
      <c r="HW11" s="114">
        <v>414362648</v>
      </c>
      <c r="HX11" s="118">
        <v>441212112</v>
      </c>
      <c r="HY11" s="148">
        <v>1200923</v>
      </c>
      <c r="HZ11" s="149">
        <v>4595752</v>
      </c>
      <c r="IA11" s="150">
        <v>5796675</v>
      </c>
      <c r="IB11" s="163">
        <v>0</v>
      </c>
      <c r="IC11" s="149">
        <v>276779401</v>
      </c>
      <c r="ID11" s="164">
        <v>317751992</v>
      </c>
      <c r="IE11" s="150">
        <v>344136991</v>
      </c>
      <c r="IF11" s="149">
        <v>297790591</v>
      </c>
      <c r="IG11" s="150">
        <v>204341270</v>
      </c>
      <c r="IH11" s="165">
        <v>1440800245</v>
      </c>
      <c r="II11" s="156">
        <v>1446596920</v>
      </c>
      <c r="IJ11" s="261">
        <v>0</v>
      </c>
      <c r="IK11" s="268">
        <v>0</v>
      </c>
      <c r="IL11" s="269">
        <v>0</v>
      </c>
      <c r="IM11" s="157"/>
      <c r="IN11" s="122">
        <v>5900566</v>
      </c>
      <c r="IO11" s="122">
        <v>10126687</v>
      </c>
      <c r="IP11" s="122">
        <v>12722176</v>
      </c>
      <c r="IQ11" s="122">
        <v>22926597</v>
      </c>
      <c r="IR11" s="122">
        <v>25488250</v>
      </c>
      <c r="IS11" s="158">
        <v>77164276</v>
      </c>
      <c r="IT11" s="357">
        <v>77164276</v>
      </c>
      <c r="IU11" s="159">
        <v>0</v>
      </c>
      <c r="IV11" s="122">
        <v>0</v>
      </c>
      <c r="IW11" s="123">
        <v>0</v>
      </c>
      <c r="IX11" s="161"/>
      <c r="IY11" s="122">
        <v>1380259</v>
      </c>
      <c r="IZ11" s="122">
        <v>2389220</v>
      </c>
      <c r="JA11" s="122">
        <v>2173718</v>
      </c>
      <c r="JB11" s="122">
        <v>3611591</v>
      </c>
      <c r="JC11" s="122">
        <v>3835372</v>
      </c>
      <c r="JD11" s="123">
        <v>13390160</v>
      </c>
      <c r="JE11" s="124">
        <v>13390160</v>
      </c>
      <c r="JF11" s="159">
        <v>0</v>
      </c>
      <c r="JG11" s="122">
        <v>0</v>
      </c>
      <c r="JH11" s="158">
        <v>0</v>
      </c>
      <c r="JI11" s="121">
        <v>0</v>
      </c>
      <c r="JJ11" s="122">
        <v>83289540</v>
      </c>
      <c r="JK11" s="122">
        <v>75526028</v>
      </c>
      <c r="JL11" s="122">
        <v>59023789</v>
      </c>
      <c r="JM11" s="122">
        <v>39783295</v>
      </c>
      <c r="JN11" s="122">
        <v>25830840</v>
      </c>
      <c r="JO11" s="123">
        <v>283453492</v>
      </c>
      <c r="JP11" s="357">
        <v>283453492</v>
      </c>
      <c r="JQ11" s="159">
        <v>44915</v>
      </c>
      <c r="JR11" s="122">
        <v>33321</v>
      </c>
      <c r="JS11" s="158">
        <v>78236</v>
      </c>
      <c r="JT11" s="121">
        <v>0</v>
      </c>
      <c r="JU11" s="122">
        <v>15484872</v>
      </c>
      <c r="JV11" s="122">
        <v>18554328</v>
      </c>
      <c r="JW11" s="122">
        <v>29063409</v>
      </c>
      <c r="JX11" s="122">
        <v>18624490</v>
      </c>
      <c r="JY11" s="122">
        <v>14102574</v>
      </c>
      <c r="JZ11" s="123">
        <v>95829673</v>
      </c>
      <c r="KA11" s="357">
        <v>95907909</v>
      </c>
      <c r="KB11" s="264">
        <v>1156008</v>
      </c>
      <c r="KC11" s="258">
        <v>2776206</v>
      </c>
      <c r="KD11" s="123">
        <v>3932214</v>
      </c>
      <c r="KE11" s="121">
        <v>0</v>
      </c>
      <c r="KF11" s="122">
        <v>32405767</v>
      </c>
      <c r="KG11" s="122">
        <v>41397992</v>
      </c>
      <c r="KH11" s="122">
        <v>45914769</v>
      </c>
      <c r="KI11" s="122">
        <v>41630311</v>
      </c>
      <c r="KJ11" s="122">
        <v>17884631</v>
      </c>
      <c r="KK11" s="123">
        <v>179233470</v>
      </c>
      <c r="KL11" s="160">
        <v>183165684</v>
      </c>
      <c r="KM11" s="261">
        <v>0</v>
      </c>
      <c r="KN11" s="268">
        <v>1786225</v>
      </c>
      <c r="KO11" s="269">
        <v>1786225</v>
      </c>
      <c r="KP11" s="157"/>
      <c r="KQ11" s="122">
        <v>128416124</v>
      </c>
      <c r="KR11" s="122">
        <v>150590233</v>
      </c>
      <c r="KS11" s="122">
        <v>154299144</v>
      </c>
      <c r="KT11" s="122">
        <v>111292552</v>
      </c>
      <c r="KU11" s="122">
        <v>67527349</v>
      </c>
      <c r="KV11" s="123">
        <v>612125402</v>
      </c>
      <c r="KW11" s="357">
        <v>613911627</v>
      </c>
      <c r="KX11" s="159">
        <v>0</v>
      </c>
      <c r="KY11" s="122">
        <v>0</v>
      </c>
      <c r="KZ11" s="123">
        <v>0</v>
      </c>
      <c r="LA11" s="162"/>
      <c r="LB11" s="122">
        <v>0</v>
      </c>
      <c r="LC11" s="122">
        <v>0</v>
      </c>
      <c r="LD11" s="122">
        <v>0</v>
      </c>
      <c r="LE11" s="122">
        <v>0</v>
      </c>
      <c r="LF11" s="122">
        <v>0</v>
      </c>
      <c r="LG11" s="123">
        <v>0</v>
      </c>
      <c r="LH11" s="124">
        <v>0</v>
      </c>
      <c r="LI11" s="159">
        <v>0</v>
      </c>
      <c r="LJ11" s="122">
        <v>0</v>
      </c>
      <c r="LK11" s="123">
        <v>0</v>
      </c>
      <c r="LL11" s="162"/>
      <c r="LM11" s="122">
        <v>887804</v>
      </c>
      <c r="LN11" s="122">
        <v>1267204</v>
      </c>
      <c r="LO11" s="122">
        <v>19540923</v>
      </c>
      <c r="LP11" s="122">
        <v>30340690</v>
      </c>
      <c r="LQ11" s="122">
        <v>20838537</v>
      </c>
      <c r="LR11" s="123">
        <v>72875158</v>
      </c>
      <c r="LS11" s="357">
        <v>72875158</v>
      </c>
      <c r="LT11" s="159">
        <v>0</v>
      </c>
      <c r="LU11" s="122">
        <v>0</v>
      </c>
      <c r="LV11" s="123">
        <v>0</v>
      </c>
      <c r="LW11" s="162"/>
      <c r="LX11" s="122">
        <v>9014469</v>
      </c>
      <c r="LY11" s="122">
        <v>17900300</v>
      </c>
      <c r="LZ11" s="122">
        <v>21399063</v>
      </c>
      <c r="MA11" s="122">
        <v>29581065</v>
      </c>
      <c r="MB11" s="122">
        <v>28833717</v>
      </c>
      <c r="MC11" s="123">
        <v>106728614</v>
      </c>
      <c r="MD11" s="124">
        <v>106728614</v>
      </c>
      <c r="ME11" s="159">
        <v>0</v>
      </c>
      <c r="MF11" s="122">
        <v>0</v>
      </c>
      <c r="MG11" s="123">
        <v>0</v>
      </c>
      <c r="MH11" s="162"/>
      <c r="MI11" s="122">
        <v>77053117</v>
      </c>
      <c r="MJ11" s="122">
        <v>140511117</v>
      </c>
      <c r="MK11" s="122">
        <v>472694743</v>
      </c>
      <c r="ML11" s="122">
        <v>702996978</v>
      </c>
      <c r="MM11" s="122">
        <v>541185101</v>
      </c>
      <c r="MN11" s="123">
        <v>1934441056</v>
      </c>
      <c r="MO11" s="160">
        <v>1934441056</v>
      </c>
      <c r="MP11" s="159">
        <v>0</v>
      </c>
      <c r="MQ11" s="122">
        <v>0</v>
      </c>
      <c r="MR11" s="123">
        <v>0</v>
      </c>
      <c r="MS11" s="162"/>
      <c r="MT11" s="122">
        <v>16840258</v>
      </c>
      <c r="MU11" s="122">
        <v>45583177</v>
      </c>
      <c r="MV11" s="122">
        <v>318603583</v>
      </c>
      <c r="MW11" s="122">
        <v>456185746</v>
      </c>
      <c r="MX11" s="122">
        <v>375745870</v>
      </c>
      <c r="MY11" s="123">
        <v>1212958634</v>
      </c>
      <c r="MZ11" s="160">
        <v>1212958634</v>
      </c>
      <c r="NA11" s="159">
        <v>0</v>
      </c>
      <c r="NB11" s="122">
        <v>0</v>
      </c>
      <c r="NC11" s="123">
        <v>0</v>
      </c>
      <c r="ND11" s="162"/>
      <c r="NE11" s="122">
        <v>59893854</v>
      </c>
      <c r="NF11" s="122">
        <v>94672637</v>
      </c>
      <c r="NG11" s="122">
        <v>149297481</v>
      </c>
      <c r="NH11" s="122">
        <v>211692183</v>
      </c>
      <c r="NI11" s="122">
        <v>109477573</v>
      </c>
      <c r="NJ11" s="123">
        <v>625033728</v>
      </c>
      <c r="NK11" s="357">
        <v>625033728</v>
      </c>
      <c r="NL11" s="159">
        <v>0</v>
      </c>
      <c r="NM11" s="122">
        <v>0</v>
      </c>
      <c r="NN11" s="123">
        <v>0</v>
      </c>
      <c r="NO11" s="162"/>
      <c r="NP11" s="122">
        <v>319005</v>
      </c>
      <c r="NQ11" s="122">
        <v>0</v>
      </c>
      <c r="NR11" s="122">
        <v>3128232</v>
      </c>
      <c r="NS11" s="122">
        <v>21999298</v>
      </c>
      <c r="NT11" s="122">
        <v>32722339</v>
      </c>
      <c r="NU11" s="123">
        <v>58168874</v>
      </c>
      <c r="NV11" s="124">
        <v>58168874</v>
      </c>
      <c r="NW11" s="159">
        <v>0</v>
      </c>
      <c r="NX11" s="122">
        <v>0</v>
      </c>
      <c r="NY11" s="123">
        <v>0</v>
      </c>
      <c r="NZ11" s="162"/>
      <c r="OA11" s="122">
        <v>0</v>
      </c>
      <c r="OB11" s="122">
        <v>255303</v>
      </c>
      <c r="OC11" s="122">
        <v>1665447</v>
      </c>
      <c r="OD11" s="122">
        <v>13119751</v>
      </c>
      <c r="OE11" s="122">
        <v>23239319</v>
      </c>
      <c r="OF11" s="123">
        <v>38279820</v>
      </c>
      <c r="OG11" s="124">
        <v>38279820</v>
      </c>
      <c r="OH11" s="159">
        <v>54644287</v>
      </c>
      <c r="OI11" s="122">
        <v>101384771</v>
      </c>
      <c r="OJ11" s="158">
        <v>156029058</v>
      </c>
      <c r="OK11" s="121">
        <v>0</v>
      </c>
      <c r="OL11" s="122">
        <v>1141142431</v>
      </c>
      <c r="OM11" s="122">
        <v>1300525398</v>
      </c>
      <c r="ON11" s="122">
        <v>1574387270</v>
      </c>
      <c r="OO11" s="122">
        <v>1789668083</v>
      </c>
      <c r="OP11" s="122">
        <v>1365580149</v>
      </c>
      <c r="OQ11" s="123">
        <v>7171303331</v>
      </c>
      <c r="OR11" s="160">
        <v>7327332389</v>
      </c>
    </row>
    <row r="12" spans="1:408" ht="18.75" customHeight="1" x14ac:dyDescent="0.2">
      <c r="A12" s="62" t="s">
        <v>14</v>
      </c>
      <c r="B12" s="112">
        <v>26642332</v>
      </c>
      <c r="C12" s="116">
        <v>69703370</v>
      </c>
      <c r="D12" s="115">
        <v>96345702</v>
      </c>
      <c r="E12" s="111">
        <v>0</v>
      </c>
      <c r="F12" s="116">
        <v>310377586</v>
      </c>
      <c r="G12" s="116">
        <v>446193226</v>
      </c>
      <c r="H12" s="116">
        <v>420371750</v>
      </c>
      <c r="I12" s="116">
        <v>394103679</v>
      </c>
      <c r="J12" s="116">
        <v>258755474</v>
      </c>
      <c r="K12" s="114">
        <v>1829801715</v>
      </c>
      <c r="L12" s="118">
        <v>1926147417</v>
      </c>
      <c r="M12" s="112">
        <v>4834639</v>
      </c>
      <c r="N12" s="116">
        <v>15996548</v>
      </c>
      <c r="O12" s="115">
        <v>20831187</v>
      </c>
      <c r="P12" s="112">
        <v>0</v>
      </c>
      <c r="Q12" s="116">
        <v>85855607</v>
      </c>
      <c r="R12" s="116">
        <v>137889802</v>
      </c>
      <c r="S12" s="116">
        <v>129611807</v>
      </c>
      <c r="T12" s="116">
        <v>138207775</v>
      </c>
      <c r="U12" s="116">
        <v>123215432</v>
      </c>
      <c r="V12" s="115">
        <v>614780423</v>
      </c>
      <c r="W12" s="118">
        <v>635611610</v>
      </c>
      <c r="X12" s="112">
        <v>0</v>
      </c>
      <c r="Y12" s="116">
        <v>0</v>
      </c>
      <c r="Z12" s="115">
        <v>0</v>
      </c>
      <c r="AA12" s="112">
        <v>0</v>
      </c>
      <c r="AB12" s="116">
        <v>45408806</v>
      </c>
      <c r="AC12" s="116">
        <v>73980124</v>
      </c>
      <c r="AD12" s="116">
        <v>75512016</v>
      </c>
      <c r="AE12" s="443">
        <v>79510170</v>
      </c>
      <c r="AF12" s="443">
        <v>69672637</v>
      </c>
      <c r="AG12" s="115">
        <v>344083753</v>
      </c>
      <c r="AH12" s="118">
        <v>344083753</v>
      </c>
      <c r="AI12" s="112">
        <v>0</v>
      </c>
      <c r="AJ12" s="116">
        <v>62924</v>
      </c>
      <c r="AK12" s="115">
        <v>62924</v>
      </c>
      <c r="AL12" s="112">
        <v>0</v>
      </c>
      <c r="AM12" s="116">
        <v>92329</v>
      </c>
      <c r="AN12" s="116">
        <v>1240204</v>
      </c>
      <c r="AO12" s="116">
        <v>2961274</v>
      </c>
      <c r="AP12" s="116">
        <v>8012525</v>
      </c>
      <c r="AQ12" s="116">
        <v>14369556</v>
      </c>
      <c r="AR12" s="115">
        <v>26675888</v>
      </c>
      <c r="AS12" s="118">
        <v>26738812</v>
      </c>
      <c r="AT12" s="112">
        <v>2357319</v>
      </c>
      <c r="AU12" s="116">
        <v>11265020</v>
      </c>
      <c r="AV12" s="115">
        <v>13622339</v>
      </c>
      <c r="AW12" s="112">
        <v>0</v>
      </c>
      <c r="AX12" s="116">
        <v>21748169</v>
      </c>
      <c r="AY12" s="116">
        <v>38819718</v>
      </c>
      <c r="AZ12" s="116">
        <v>27546321</v>
      </c>
      <c r="BA12" s="116">
        <v>29487846</v>
      </c>
      <c r="BB12" s="116">
        <v>24805739</v>
      </c>
      <c r="BC12" s="115">
        <v>142407793</v>
      </c>
      <c r="BD12" s="118">
        <v>156030132</v>
      </c>
      <c r="BE12" s="112">
        <v>130220</v>
      </c>
      <c r="BF12" s="116">
        <v>1248469</v>
      </c>
      <c r="BG12" s="114">
        <v>1378689</v>
      </c>
      <c r="BH12" s="113">
        <v>0</v>
      </c>
      <c r="BI12" s="116">
        <v>787654</v>
      </c>
      <c r="BJ12" s="116">
        <v>2055867</v>
      </c>
      <c r="BK12" s="116">
        <v>2481974</v>
      </c>
      <c r="BL12" s="116">
        <v>1458051</v>
      </c>
      <c r="BM12" s="116">
        <v>1017503</v>
      </c>
      <c r="BN12" s="115">
        <v>7801049</v>
      </c>
      <c r="BO12" s="118">
        <v>9179738</v>
      </c>
      <c r="BP12" s="112">
        <v>2347100</v>
      </c>
      <c r="BQ12" s="116">
        <v>3420135</v>
      </c>
      <c r="BR12" s="115">
        <v>5767235</v>
      </c>
      <c r="BS12" s="112">
        <v>0</v>
      </c>
      <c r="BT12" s="116">
        <v>17818649</v>
      </c>
      <c r="BU12" s="116">
        <v>21793889</v>
      </c>
      <c r="BV12" s="116">
        <v>21110222</v>
      </c>
      <c r="BW12" s="116">
        <v>19739183</v>
      </c>
      <c r="BX12" s="116">
        <v>13349997</v>
      </c>
      <c r="BY12" s="115">
        <v>93811940</v>
      </c>
      <c r="BZ12" s="118">
        <v>99579175</v>
      </c>
      <c r="CA12" s="112">
        <v>1779966</v>
      </c>
      <c r="CB12" s="116">
        <v>8169362</v>
      </c>
      <c r="CC12" s="115">
        <v>9949328</v>
      </c>
      <c r="CD12" s="112">
        <v>0</v>
      </c>
      <c r="CE12" s="443">
        <v>88823962</v>
      </c>
      <c r="CF12" s="443">
        <v>123576703</v>
      </c>
      <c r="CG12" s="443">
        <v>110038997</v>
      </c>
      <c r="CH12" s="116">
        <v>78592666</v>
      </c>
      <c r="CI12" s="116">
        <v>38217484</v>
      </c>
      <c r="CJ12" s="451">
        <v>439249812</v>
      </c>
      <c r="CK12" s="452">
        <v>449199140</v>
      </c>
      <c r="CL12" s="112">
        <v>0</v>
      </c>
      <c r="CM12" s="116">
        <v>0</v>
      </c>
      <c r="CN12" s="115">
        <v>0</v>
      </c>
      <c r="CO12" s="113">
        <v>0</v>
      </c>
      <c r="CP12" s="116">
        <v>82310174</v>
      </c>
      <c r="CQ12" s="116">
        <v>103156549</v>
      </c>
      <c r="CR12" s="116">
        <v>93832145</v>
      </c>
      <c r="CS12" s="116">
        <v>62312324</v>
      </c>
      <c r="CT12" s="116">
        <v>33983780</v>
      </c>
      <c r="CU12" s="115">
        <v>375594972</v>
      </c>
      <c r="CV12" s="118">
        <v>375594972</v>
      </c>
      <c r="CW12" s="112">
        <v>1779966</v>
      </c>
      <c r="CX12" s="116">
        <v>8169362</v>
      </c>
      <c r="CY12" s="115">
        <v>9949328</v>
      </c>
      <c r="CZ12" s="112">
        <v>0</v>
      </c>
      <c r="DA12" s="116">
        <v>6513788</v>
      </c>
      <c r="DB12" s="116">
        <v>20420154</v>
      </c>
      <c r="DC12" s="116">
        <v>16206852</v>
      </c>
      <c r="DD12" s="116">
        <v>16280342</v>
      </c>
      <c r="DE12" s="116">
        <v>4233704</v>
      </c>
      <c r="DF12" s="115">
        <v>63654840</v>
      </c>
      <c r="DG12" s="118">
        <v>73604168</v>
      </c>
      <c r="DH12" s="112">
        <v>27159</v>
      </c>
      <c r="DI12" s="116">
        <v>894927</v>
      </c>
      <c r="DJ12" s="114">
        <v>922086</v>
      </c>
      <c r="DK12" s="113">
        <v>0</v>
      </c>
      <c r="DL12" s="116">
        <v>8725858</v>
      </c>
      <c r="DM12" s="116">
        <v>20004891</v>
      </c>
      <c r="DN12" s="116">
        <v>43174368</v>
      </c>
      <c r="DO12" s="116">
        <v>41183789</v>
      </c>
      <c r="DP12" s="116">
        <v>18955613</v>
      </c>
      <c r="DQ12" s="115">
        <v>132044519</v>
      </c>
      <c r="DR12" s="118">
        <v>132966605</v>
      </c>
      <c r="DS12" s="112">
        <v>27159</v>
      </c>
      <c r="DT12" s="116">
        <v>894927</v>
      </c>
      <c r="DU12" s="115">
        <v>922086</v>
      </c>
      <c r="DV12" s="112">
        <v>0</v>
      </c>
      <c r="DW12" s="116">
        <v>8273442</v>
      </c>
      <c r="DX12" s="116">
        <v>19268736</v>
      </c>
      <c r="DY12" s="116">
        <v>42333889</v>
      </c>
      <c r="DZ12" s="116">
        <v>39963816</v>
      </c>
      <c r="EA12" s="116">
        <v>18185376</v>
      </c>
      <c r="EB12" s="115">
        <v>128025259</v>
      </c>
      <c r="EC12" s="118">
        <v>128947345</v>
      </c>
      <c r="ED12" s="112">
        <v>0</v>
      </c>
      <c r="EE12" s="114">
        <v>0</v>
      </c>
      <c r="EF12" s="115">
        <v>0</v>
      </c>
      <c r="EG12" s="112">
        <v>0</v>
      </c>
      <c r="EH12" s="116">
        <v>452416</v>
      </c>
      <c r="EI12" s="116">
        <v>736155</v>
      </c>
      <c r="EJ12" s="116">
        <v>840479</v>
      </c>
      <c r="EK12" s="116">
        <v>1219973</v>
      </c>
      <c r="EL12" s="116">
        <v>770237</v>
      </c>
      <c r="EM12" s="114">
        <v>4019260</v>
      </c>
      <c r="EN12" s="118">
        <v>4019260</v>
      </c>
      <c r="EO12" s="112">
        <v>0</v>
      </c>
      <c r="EP12" s="116">
        <v>0</v>
      </c>
      <c r="EQ12" s="114">
        <v>0</v>
      </c>
      <c r="ER12" s="113">
        <v>0</v>
      </c>
      <c r="ES12" s="116">
        <v>0</v>
      </c>
      <c r="ET12" s="116">
        <v>0</v>
      </c>
      <c r="EU12" s="116">
        <v>0</v>
      </c>
      <c r="EV12" s="116">
        <v>0</v>
      </c>
      <c r="EW12" s="116">
        <v>0</v>
      </c>
      <c r="EX12" s="115">
        <v>0</v>
      </c>
      <c r="EY12" s="118">
        <v>0</v>
      </c>
      <c r="EZ12" s="112">
        <v>0</v>
      </c>
      <c r="FA12" s="116">
        <v>0</v>
      </c>
      <c r="FB12" s="114">
        <v>0</v>
      </c>
      <c r="FC12" s="390"/>
      <c r="FD12" s="116">
        <v>0</v>
      </c>
      <c r="FE12" s="116">
        <v>0</v>
      </c>
      <c r="FF12" s="116">
        <v>0</v>
      </c>
      <c r="FG12" s="116">
        <v>0</v>
      </c>
      <c r="FH12" s="116">
        <v>0</v>
      </c>
      <c r="FI12" s="115">
        <v>0</v>
      </c>
      <c r="FJ12" s="118">
        <v>0</v>
      </c>
      <c r="FK12" s="112">
        <v>7057894</v>
      </c>
      <c r="FL12" s="116">
        <v>19928635</v>
      </c>
      <c r="FM12" s="115">
        <v>26986529</v>
      </c>
      <c r="FN12" s="112">
        <v>0</v>
      </c>
      <c r="FO12" s="116">
        <v>15654904</v>
      </c>
      <c r="FP12" s="116">
        <v>48823863</v>
      </c>
      <c r="FQ12" s="116">
        <v>37026616</v>
      </c>
      <c r="FR12" s="116">
        <v>35273064</v>
      </c>
      <c r="FS12" s="116">
        <v>22418587</v>
      </c>
      <c r="FT12" s="115">
        <v>159197034</v>
      </c>
      <c r="FU12" s="118">
        <v>186183563</v>
      </c>
      <c r="FV12" s="117">
        <v>4489133</v>
      </c>
      <c r="FW12" s="116">
        <v>16184291</v>
      </c>
      <c r="FX12" s="114">
        <v>20673424</v>
      </c>
      <c r="FY12" s="113">
        <v>0</v>
      </c>
      <c r="FZ12" s="116">
        <v>13220450</v>
      </c>
      <c r="GA12" s="116">
        <v>43823819</v>
      </c>
      <c r="GB12" s="116">
        <v>34637840</v>
      </c>
      <c r="GC12" s="116">
        <v>32283123</v>
      </c>
      <c r="GD12" s="116">
        <v>21268663</v>
      </c>
      <c r="GE12" s="115">
        <v>145233895</v>
      </c>
      <c r="GF12" s="354">
        <v>165907319</v>
      </c>
      <c r="GG12" s="117">
        <v>326929</v>
      </c>
      <c r="GH12" s="116">
        <v>1077209</v>
      </c>
      <c r="GI12" s="114">
        <v>1404138</v>
      </c>
      <c r="GJ12" s="113">
        <v>0</v>
      </c>
      <c r="GK12" s="116">
        <v>586726</v>
      </c>
      <c r="GL12" s="116">
        <v>1946691</v>
      </c>
      <c r="GM12" s="116">
        <v>1086776</v>
      </c>
      <c r="GN12" s="116">
        <v>1118796</v>
      </c>
      <c r="GO12" s="116">
        <v>351122</v>
      </c>
      <c r="GP12" s="115">
        <v>5090111</v>
      </c>
      <c r="GQ12" s="118">
        <v>6494249</v>
      </c>
      <c r="GR12" s="112">
        <v>2241832</v>
      </c>
      <c r="GS12" s="116">
        <v>2667135</v>
      </c>
      <c r="GT12" s="115">
        <v>4908967</v>
      </c>
      <c r="GU12" s="112">
        <v>0</v>
      </c>
      <c r="GV12" s="116">
        <v>1847728</v>
      </c>
      <c r="GW12" s="116">
        <v>3053353</v>
      </c>
      <c r="GX12" s="116">
        <v>1302000</v>
      </c>
      <c r="GY12" s="116">
        <v>1871145</v>
      </c>
      <c r="GZ12" s="116">
        <v>798802</v>
      </c>
      <c r="HA12" s="114">
        <v>8873028</v>
      </c>
      <c r="HB12" s="118">
        <v>13781995</v>
      </c>
      <c r="HC12" s="112">
        <v>8243363</v>
      </c>
      <c r="HD12" s="116">
        <v>12413755</v>
      </c>
      <c r="HE12" s="114">
        <v>20657118</v>
      </c>
      <c r="HF12" s="113">
        <v>0</v>
      </c>
      <c r="HG12" s="116">
        <v>56893593</v>
      </c>
      <c r="HH12" s="116">
        <v>52631393</v>
      </c>
      <c r="HI12" s="116">
        <v>53150274</v>
      </c>
      <c r="HJ12" s="116">
        <v>68465293</v>
      </c>
      <c r="HK12" s="116">
        <v>38525541</v>
      </c>
      <c r="HL12" s="115">
        <v>269666094</v>
      </c>
      <c r="HM12" s="111">
        <v>290323212</v>
      </c>
      <c r="HN12" s="117">
        <v>4699311</v>
      </c>
      <c r="HO12" s="116">
        <v>12300143</v>
      </c>
      <c r="HP12" s="115">
        <v>16999454</v>
      </c>
      <c r="HQ12" s="112">
        <v>0</v>
      </c>
      <c r="HR12" s="116">
        <v>54423662</v>
      </c>
      <c r="HS12" s="116">
        <v>63266574</v>
      </c>
      <c r="HT12" s="116">
        <v>47369688</v>
      </c>
      <c r="HU12" s="116">
        <v>32381092</v>
      </c>
      <c r="HV12" s="116">
        <v>17422817</v>
      </c>
      <c r="HW12" s="114">
        <v>214863833</v>
      </c>
      <c r="HX12" s="118">
        <v>231863287</v>
      </c>
      <c r="HY12" s="148">
        <v>609228</v>
      </c>
      <c r="HZ12" s="149">
        <v>3865101</v>
      </c>
      <c r="IA12" s="150">
        <v>4474329</v>
      </c>
      <c r="IB12" s="151">
        <v>0</v>
      </c>
      <c r="IC12" s="152">
        <v>134598849</v>
      </c>
      <c r="ID12" s="153">
        <v>167531102</v>
      </c>
      <c r="IE12" s="154">
        <v>185205897</v>
      </c>
      <c r="IF12" s="152">
        <v>123946352</v>
      </c>
      <c r="IG12" s="154">
        <v>80409139</v>
      </c>
      <c r="IH12" s="155">
        <v>691691339</v>
      </c>
      <c r="II12" s="156">
        <v>696165668</v>
      </c>
      <c r="IJ12" s="261">
        <v>0</v>
      </c>
      <c r="IK12" s="268">
        <v>0</v>
      </c>
      <c r="IL12" s="269">
        <v>0</v>
      </c>
      <c r="IM12" s="157"/>
      <c r="IN12" s="122">
        <v>1058937</v>
      </c>
      <c r="IO12" s="122">
        <v>1829364</v>
      </c>
      <c r="IP12" s="122">
        <v>3340367</v>
      </c>
      <c r="IQ12" s="122">
        <v>4911496</v>
      </c>
      <c r="IR12" s="122">
        <v>4376263</v>
      </c>
      <c r="IS12" s="158">
        <v>15516427</v>
      </c>
      <c r="IT12" s="357">
        <v>15516427</v>
      </c>
      <c r="IU12" s="159">
        <v>0</v>
      </c>
      <c r="IV12" s="122">
        <v>0</v>
      </c>
      <c r="IW12" s="123">
        <v>0</v>
      </c>
      <c r="IX12" s="161"/>
      <c r="IY12" s="122">
        <v>22730</v>
      </c>
      <c r="IZ12" s="122">
        <v>42934</v>
      </c>
      <c r="JA12" s="122">
        <v>22730</v>
      </c>
      <c r="JB12" s="122">
        <v>127548</v>
      </c>
      <c r="JC12" s="122">
        <v>121987</v>
      </c>
      <c r="JD12" s="123">
        <v>337929</v>
      </c>
      <c r="JE12" s="124">
        <v>337929</v>
      </c>
      <c r="JF12" s="159">
        <v>0</v>
      </c>
      <c r="JG12" s="122">
        <v>0</v>
      </c>
      <c r="JH12" s="158">
        <v>0</v>
      </c>
      <c r="JI12" s="121">
        <v>0</v>
      </c>
      <c r="JJ12" s="122">
        <v>46141587</v>
      </c>
      <c r="JK12" s="122">
        <v>57064944</v>
      </c>
      <c r="JL12" s="122">
        <v>48434053</v>
      </c>
      <c r="JM12" s="122">
        <v>26418449</v>
      </c>
      <c r="JN12" s="122">
        <v>14320192</v>
      </c>
      <c r="JO12" s="123">
        <v>192379225</v>
      </c>
      <c r="JP12" s="357">
        <v>192379225</v>
      </c>
      <c r="JQ12" s="159">
        <v>0</v>
      </c>
      <c r="JR12" s="122">
        <v>0</v>
      </c>
      <c r="JS12" s="158">
        <v>0</v>
      </c>
      <c r="JT12" s="121">
        <v>0</v>
      </c>
      <c r="JU12" s="122">
        <v>1170084</v>
      </c>
      <c r="JV12" s="122">
        <v>2022006</v>
      </c>
      <c r="JW12" s="122">
        <v>4424344</v>
      </c>
      <c r="JX12" s="122">
        <v>2175232</v>
      </c>
      <c r="JY12" s="122">
        <v>3828760</v>
      </c>
      <c r="JZ12" s="123">
        <v>13620426</v>
      </c>
      <c r="KA12" s="357">
        <v>13620426</v>
      </c>
      <c r="KB12" s="264">
        <v>609228</v>
      </c>
      <c r="KC12" s="258">
        <v>2521864</v>
      </c>
      <c r="KD12" s="123">
        <v>3131092</v>
      </c>
      <c r="KE12" s="121">
        <v>0</v>
      </c>
      <c r="KF12" s="122">
        <v>16570390</v>
      </c>
      <c r="KG12" s="122">
        <v>24999409</v>
      </c>
      <c r="KH12" s="122">
        <v>27654602</v>
      </c>
      <c r="KI12" s="122">
        <v>22080925</v>
      </c>
      <c r="KJ12" s="122">
        <v>9584666</v>
      </c>
      <c r="KK12" s="123">
        <v>100889992</v>
      </c>
      <c r="KL12" s="160">
        <v>104021084</v>
      </c>
      <c r="KM12" s="261">
        <v>0</v>
      </c>
      <c r="KN12" s="268">
        <v>1343237</v>
      </c>
      <c r="KO12" s="269">
        <v>1343237</v>
      </c>
      <c r="KP12" s="157"/>
      <c r="KQ12" s="122">
        <v>68411543</v>
      </c>
      <c r="KR12" s="122">
        <v>78800678</v>
      </c>
      <c r="KS12" s="122">
        <v>92046927</v>
      </c>
      <c r="KT12" s="122">
        <v>55333761</v>
      </c>
      <c r="KU12" s="122">
        <v>40821674</v>
      </c>
      <c r="KV12" s="123">
        <v>335414583</v>
      </c>
      <c r="KW12" s="357">
        <v>336757820</v>
      </c>
      <c r="KX12" s="159">
        <v>0</v>
      </c>
      <c r="KY12" s="122">
        <v>0</v>
      </c>
      <c r="KZ12" s="123">
        <v>0</v>
      </c>
      <c r="LA12" s="162"/>
      <c r="LB12" s="122">
        <v>0</v>
      </c>
      <c r="LC12" s="122">
        <v>0</v>
      </c>
      <c r="LD12" s="122">
        <v>0</v>
      </c>
      <c r="LE12" s="122">
        <v>0</v>
      </c>
      <c r="LF12" s="122">
        <v>0</v>
      </c>
      <c r="LG12" s="123">
        <v>0</v>
      </c>
      <c r="LH12" s="124">
        <v>0</v>
      </c>
      <c r="LI12" s="159">
        <v>0</v>
      </c>
      <c r="LJ12" s="122">
        <v>0</v>
      </c>
      <c r="LK12" s="123">
        <v>0</v>
      </c>
      <c r="LL12" s="162"/>
      <c r="LM12" s="122">
        <v>0</v>
      </c>
      <c r="LN12" s="122">
        <v>416135</v>
      </c>
      <c r="LO12" s="122">
        <v>4680176</v>
      </c>
      <c r="LP12" s="122">
        <v>8118327</v>
      </c>
      <c r="LQ12" s="122">
        <v>2180559</v>
      </c>
      <c r="LR12" s="123">
        <v>15395197</v>
      </c>
      <c r="LS12" s="357">
        <v>15395197</v>
      </c>
      <c r="LT12" s="159">
        <v>0</v>
      </c>
      <c r="LU12" s="122">
        <v>0</v>
      </c>
      <c r="LV12" s="123">
        <v>0</v>
      </c>
      <c r="LW12" s="162"/>
      <c r="LX12" s="122">
        <v>1223578</v>
      </c>
      <c r="LY12" s="122">
        <v>2355632</v>
      </c>
      <c r="LZ12" s="122">
        <v>4602698</v>
      </c>
      <c r="MA12" s="122">
        <v>4780614</v>
      </c>
      <c r="MB12" s="122">
        <v>5175038</v>
      </c>
      <c r="MC12" s="123">
        <v>18137560</v>
      </c>
      <c r="MD12" s="124">
        <v>18137560</v>
      </c>
      <c r="ME12" s="159">
        <v>0</v>
      </c>
      <c r="MF12" s="122">
        <v>0</v>
      </c>
      <c r="MG12" s="123">
        <v>0</v>
      </c>
      <c r="MH12" s="162"/>
      <c r="MI12" s="122">
        <v>26388754</v>
      </c>
      <c r="MJ12" s="122">
        <v>74182114</v>
      </c>
      <c r="MK12" s="122">
        <v>309739090</v>
      </c>
      <c r="ML12" s="122">
        <v>507498796</v>
      </c>
      <c r="MM12" s="122">
        <v>323603489</v>
      </c>
      <c r="MN12" s="123">
        <v>1241412243</v>
      </c>
      <c r="MO12" s="160">
        <v>1241412243</v>
      </c>
      <c r="MP12" s="159">
        <v>0</v>
      </c>
      <c r="MQ12" s="122">
        <v>0</v>
      </c>
      <c r="MR12" s="123">
        <v>0</v>
      </c>
      <c r="MS12" s="162"/>
      <c r="MT12" s="122">
        <v>2605777</v>
      </c>
      <c r="MU12" s="122">
        <v>14922834</v>
      </c>
      <c r="MV12" s="122">
        <v>219951928</v>
      </c>
      <c r="MW12" s="122">
        <v>359132812</v>
      </c>
      <c r="MX12" s="122">
        <v>218000820</v>
      </c>
      <c r="MY12" s="123">
        <v>814614171</v>
      </c>
      <c r="MZ12" s="160">
        <v>814614171</v>
      </c>
      <c r="NA12" s="159">
        <v>0</v>
      </c>
      <c r="NB12" s="122">
        <v>0</v>
      </c>
      <c r="NC12" s="123">
        <v>0</v>
      </c>
      <c r="ND12" s="162"/>
      <c r="NE12" s="122">
        <v>23782977</v>
      </c>
      <c r="NF12" s="122">
        <v>59259280</v>
      </c>
      <c r="NG12" s="122">
        <v>86630365</v>
      </c>
      <c r="NH12" s="122">
        <v>112903739</v>
      </c>
      <c r="NI12" s="122">
        <v>69468935</v>
      </c>
      <c r="NJ12" s="123">
        <v>352045296</v>
      </c>
      <c r="NK12" s="357">
        <v>352045296</v>
      </c>
      <c r="NL12" s="159">
        <v>0</v>
      </c>
      <c r="NM12" s="122">
        <v>0</v>
      </c>
      <c r="NN12" s="123">
        <v>0</v>
      </c>
      <c r="NO12" s="162"/>
      <c r="NP12" s="122">
        <v>0</v>
      </c>
      <c r="NQ12" s="122">
        <v>0</v>
      </c>
      <c r="NR12" s="122">
        <v>762421</v>
      </c>
      <c r="NS12" s="122">
        <v>6341309</v>
      </c>
      <c r="NT12" s="122">
        <v>8013499</v>
      </c>
      <c r="NU12" s="123">
        <v>15117229</v>
      </c>
      <c r="NV12" s="124">
        <v>15117229</v>
      </c>
      <c r="NW12" s="159">
        <v>0</v>
      </c>
      <c r="NX12" s="122">
        <v>0</v>
      </c>
      <c r="NY12" s="123">
        <v>0</v>
      </c>
      <c r="NZ12" s="162"/>
      <c r="OA12" s="122">
        <v>0</v>
      </c>
      <c r="OB12" s="122">
        <v>0</v>
      </c>
      <c r="OC12" s="122">
        <v>2394376</v>
      </c>
      <c r="OD12" s="122">
        <v>29120936</v>
      </c>
      <c r="OE12" s="122">
        <v>28120235</v>
      </c>
      <c r="OF12" s="123">
        <v>59635547</v>
      </c>
      <c r="OG12" s="124">
        <v>59635547</v>
      </c>
      <c r="OH12" s="159">
        <v>27251560</v>
      </c>
      <c r="OI12" s="122">
        <v>73568471</v>
      </c>
      <c r="OJ12" s="158">
        <v>100820031</v>
      </c>
      <c r="OK12" s="121">
        <v>0</v>
      </c>
      <c r="OL12" s="122">
        <v>471365189</v>
      </c>
      <c r="OM12" s="122">
        <v>687906442</v>
      </c>
      <c r="ON12" s="122">
        <v>915316737</v>
      </c>
      <c r="OO12" s="122">
        <v>1025548827</v>
      </c>
      <c r="OP12" s="122">
        <v>662768102</v>
      </c>
      <c r="OQ12" s="123">
        <v>3762905297</v>
      </c>
      <c r="OR12" s="160">
        <v>3863725328</v>
      </c>
    </row>
    <row r="13" spans="1:408" ht="18.75" customHeight="1" x14ac:dyDescent="0.2">
      <c r="A13" s="62" t="s">
        <v>7</v>
      </c>
      <c r="B13" s="112">
        <v>14557732</v>
      </c>
      <c r="C13" s="116">
        <v>17574489</v>
      </c>
      <c r="D13" s="115">
        <v>32132221</v>
      </c>
      <c r="E13" s="111">
        <v>0</v>
      </c>
      <c r="F13" s="116">
        <v>323833622</v>
      </c>
      <c r="G13" s="116">
        <v>307847391</v>
      </c>
      <c r="H13" s="116">
        <v>259986659</v>
      </c>
      <c r="I13" s="116">
        <v>265100665</v>
      </c>
      <c r="J13" s="116">
        <v>187321494</v>
      </c>
      <c r="K13" s="111">
        <v>1344089831</v>
      </c>
      <c r="L13" s="118">
        <v>1376222052</v>
      </c>
      <c r="M13" s="112">
        <v>1940218</v>
      </c>
      <c r="N13" s="116">
        <v>1987761</v>
      </c>
      <c r="O13" s="115">
        <v>3927979</v>
      </c>
      <c r="P13" s="112">
        <v>0</v>
      </c>
      <c r="Q13" s="116">
        <v>72212888</v>
      </c>
      <c r="R13" s="116">
        <v>83377663</v>
      </c>
      <c r="S13" s="116">
        <v>84267894</v>
      </c>
      <c r="T13" s="116">
        <v>108393608</v>
      </c>
      <c r="U13" s="116">
        <v>102298719</v>
      </c>
      <c r="V13" s="115">
        <v>450550772</v>
      </c>
      <c r="W13" s="118">
        <v>454478751</v>
      </c>
      <c r="X13" s="112">
        <v>0</v>
      </c>
      <c r="Y13" s="116">
        <v>0</v>
      </c>
      <c r="Z13" s="115">
        <v>0</v>
      </c>
      <c r="AA13" s="112">
        <v>0</v>
      </c>
      <c r="AB13" s="116">
        <v>39224118</v>
      </c>
      <c r="AC13" s="116">
        <v>46647713</v>
      </c>
      <c r="AD13" s="116">
        <v>53186398</v>
      </c>
      <c r="AE13" s="443">
        <v>71874442</v>
      </c>
      <c r="AF13" s="443">
        <v>64936008</v>
      </c>
      <c r="AG13" s="115">
        <v>275868679</v>
      </c>
      <c r="AH13" s="118">
        <v>275868679</v>
      </c>
      <c r="AI13" s="112">
        <v>0</v>
      </c>
      <c r="AJ13" s="116">
        <v>0</v>
      </c>
      <c r="AK13" s="115">
        <v>0</v>
      </c>
      <c r="AL13" s="112">
        <v>0</v>
      </c>
      <c r="AM13" s="116">
        <v>792101</v>
      </c>
      <c r="AN13" s="116">
        <v>2144298</v>
      </c>
      <c r="AO13" s="116">
        <v>3108313</v>
      </c>
      <c r="AP13" s="116">
        <v>6631896</v>
      </c>
      <c r="AQ13" s="116">
        <v>12137943</v>
      </c>
      <c r="AR13" s="115">
        <v>24814551</v>
      </c>
      <c r="AS13" s="118">
        <v>24814551</v>
      </c>
      <c r="AT13" s="112">
        <v>245757</v>
      </c>
      <c r="AU13" s="116">
        <v>662186</v>
      </c>
      <c r="AV13" s="115">
        <v>907943</v>
      </c>
      <c r="AW13" s="112">
        <v>0</v>
      </c>
      <c r="AX13" s="116">
        <v>16719363</v>
      </c>
      <c r="AY13" s="116">
        <v>20360154</v>
      </c>
      <c r="AZ13" s="116">
        <v>15054517</v>
      </c>
      <c r="BA13" s="116">
        <v>16316422</v>
      </c>
      <c r="BB13" s="116">
        <v>16168855</v>
      </c>
      <c r="BC13" s="115">
        <v>84619311</v>
      </c>
      <c r="BD13" s="118">
        <v>85527254</v>
      </c>
      <c r="BE13" s="112">
        <v>93712</v>
      </c>
      <c r="BF13" s="116">
        <v>157112</v>
      </c>
      <c r="BG13" s="114">
        <v>250824</v>
      </c>
      <c r="BH13" s="113">
        <v>0</v>
      </c>
      <c r="BI13" s="116">
        <v>1476769</v>
      </c>
      <c r="BJ13" s="116">
        <v>2256462</v>
      </c>
      <c r="BK13" s="116">
        <v>949581</v>
      </c>
      <c r="BL13" s="116">
        <v>1369957</v>
      </c>
      <c r="BM13" s="116">
        <v>1007017</v>
      </c>
      <c r="BN13" s="115">
        <v>7059786</v>
      </c>
      <c r="BO13" s="118">
        <v>7310610</v>
      </c>
      <c r="BP13" s="112">
        <v>1600749</v>
      </c>
      <c r="BQ13" s="116">
        <v>1168463</v>
      </c>
      <c r="BR13" s="115">
        <v>2769212</v>
      </c>
      <c r="BS13" s="112">
        <v>0</v>
      </c>
      <c r="BT13" s="116">
        <v>14000537</v>
      </c>
      <c r="BU13" s="116">
        <v>11969036</v>
      </c>
      <c r="BV13" s="116">
        <v>11969085</v>
      </c>
      <c r="BW13" s="116">
        <v>12200891</v>
      </c>
      <c r="BX13" s="116">
        <v>8048896</v>
      </c>
      <c r="BY13" s="115">
        <v>58188445</v>
      </c>
      <c r="BZ13" s="118">
        <v>60957657</v>
      </c>
      <c r="CA13" s="112">
        <v>949040</v>
      </c>
      <c r="CB13" s="116">
        <v>2375631</v>
      </c>
      <c r="CC13" s="115">
        <v>3324671</v>
      </c>
      <c r="CD13" s="112">
        <v>0</v>
      </c>
      <c r="CE13" s="443">
        <v>81812150</v>
      </c>
      <c r="CF13" s="443">
        <v>77555786</v>
      </c>
      <c r="CG13" s="443">
        <v>51418388</v>
      </c>
      <c r="CH13" s="116">
        <v>34224109</v>
      </c>
      <c r="CI13" s="116">
        <v>15366756</v>
      </c>
      <c r="CJ13" s="451">
        <v>260377189</v>
      </c>
      <c r="CK13" s="452">
        <v>263701860</v>
      </c>
      <c r="CL13" s="112">
        <v>0</v>
      </c>
      <c r="CM13" s="116">
        <v>0</v>
      </c>
      <c r="CN13" s="115">
        <v>0</v>
      </c>
      <c r="CO13" s="113">
        <v>0</v>
      </c>
      <c r="CP13" s="116">
        <v>69133907</v>
      </c>
      <c r="CQ13" s="116">
        <v>63587541</v>
      </c>
      <c r="CR13" s="116">
        <v>40545958</v>
      </c>
      <c r="CS13" s="116">
        <v>28385031</v>
      </c>
      <c r="CT13" s="116">
        <v>13405787</v>
      </c>
      <c r="CU13" s="115">
        <v>215058224</v>
      </c>
      <c r="CV13" s="118">
        <v>215058224</v>
      </c>
      <c r="CW13" s="112">
        <v>949040</v>
      </c>
      <c r="CX13" s="116">
        <v>2375631</v>
      </c>
      <c r="CY13" s="115">
        <v>3324671</v>
      </c>
      <c r="CZ13" s="112">
        <v>0</v>
      </c>
      <c r="DA13" s="116">
        <v>12678243</v>
      </c>
      <c r="DB13" s="116">
        <v>13968245</v>
      </c>
      <c r="DC13" s="116">
        <v>10872430</v>
      </c>
      <c r="DD13" s="116">
        <v>5839078</v>
      </c>
      <c r="DE13" s="116">
        <v>1960969</v>
      </c>
      <c r="DF13" s="115">
        <v>45318965</v>
      </c>
      <c r="DG13" s="118">
        <v>48643636</v>
      </c>
      <c r="DH13" s="112">
        <v>87753</v>
      </c>
      <c r="DI13" s="116">
        <v>53380</v>
      </c>
      <c r="DJ13" s="114">
        <v>141133</v>
      </c>
      <c r="DK13" s="113">
        <v>0</v>
      </c>
      <c r="DL13" s="116">
        <v>12841557</v>
      </c>
      <c r="DM13" s="116">
        <v>21535592</v>
      </c>
      <c r="DN13" s="116">
        <v>26333329</v>
      </c>
      <c r="DO13" s="116">
        <v>19718276</v>
      </c>
      <c r="DP13" s="116">
        <v>10969819</v>
      </c>
      <c r="DQ13" s="115">
        <v>91398573</v>
      </c>
      <c r="DR13" s="118">
        <v>91539706</v>
      </c>
      <c r="DS13" s="112">
        <v>87753</v>
      </c>
      <c r="DT13" s="116">
        <v>53380</v>
      </c>
      <c r="DU13" s="115">
        <v>141133</v>
      </c>
      <c r="DV13" s="112">
        <v>0</v>
      </c>
      <c r="DW13" s="116">
        <v>12285692</v>
      </c>
      <c r="DX13" s="116">
        <v>19794801</v>
      </c>
      <c r="DY13" s="116">
        <v>24177616</v>
      </c>
      <c r="DZ13" s="116">
        <v>18632745</v>
      </c>
      <c r="EA13" s="116">
        <v>10405609</v>
      </c>
      <c r="EB13" s="115">
        <v>85296463</v>
      </c>
      <c r="EC13" s="118">
        <v>85437596</v>
      </c>
      <c r="ED13" s="112">
        <v>0</v>
      </c>
      <c r="EE13" s="114">
        <v>0</v>
      </c>
      <c r="EF13" s="115">
        <v>0</v>
      </c>
      <c r="EG13" s="112">
        <v>0</v>
      </c>
      <c r="EH13" s="116">
        <v>555865</v>
      </c>
      <c r="EI13" s="116">
        <v>1740791</v>
      </c>
      <c r="EJ13" s="116">
        <v>2155713</v>
      </c>
      <c r="EK13" s="116">
        <v>1085531</v>
      </c>
      <c r="EL13" s="116">
        <v>564210</v>
      </c>
      <c r="EM13" s="114">
        <v>6102110</v>
      </c>
      <c r="EN13" s="118">
        <v>6102110</v>
      </c>
      <c r="EO13" s="112">
        <v>0</v>
      </c>
      <c r="EP13" s="116">
        <v>0</v>
      </c>
      <c r="EQ13" s="114">
        <v>0</v>
      </c>
      <c r="ER13" s="113">
        <v>0</v>
      </c>
      <c r="ES13" s="116">
        <v>0</v>
      </c>
      <c r="ET13" s="116">
        <v>0</v>
      </c>
      <c r="EU13" s="116">
        <v>0</v>
      </c>
      <c r="EV13" s="116">
        <v>0</v>
      </c>
      <c r="EW13" s="116">
        <v>0</v>
      </c>
      <c r="EX13" s="115">
        <v>0</v>
      </c>
      <c r="EY13" s="118">
        <v>0</v>
      </c>
      <c r="EZ13" s="112">
        <v>0</v>
      </c>
      <c r="FA13" s="116">
        <v>0</v>
      </c>
      <c r="FB13" s="114">
        <v>0</v>
      </c>
      <c r="FC13" s="390"/>
      <c r="FD13" s="116">
        <v>0</v>
      </c>
      <c r="FE13" s="116">
        <v>0</v>
      </c>
      <c r="FF13" s="116">
        <v>0</v>
      </c>
      <c r="FG13" s="116">
        <v>0</v>
      </c>
      <c r="FH13" s="116">
        <v>0</v>
      </c>
      <c r="FI13" s="115">
        <v>0</v>
      </c>
      <c r="FJ13" s="118">
        <v>0</v>
      </c>
      <c r="FK13" s="112">
        <v>3738656</v>
      </c>
      <c r="FL13" s="116">
        <v>4965748</v>
      </c>
      <c r="FM13" s="115">
        <v>8704404</v>
      </c>
      <c r="FN13" s="112">
        <v>0</v>
      </c>
      <c r="FO13" s="116">
        <v>13440316</v>
      </c>
      <c r="FP13" s="116">
        <v>31233839</v>
      </c>
      <c r="FQ13" s="116">
        <v>20448711</v>
      </c>
      <c r="FR13" s="116">
        <v>19483025</v>
      </c>
      <c r="FS13" s="116">
        <v>13166589</v>
      </c>
      <c r="FT13" s="115">
        <v>97772480</v>
      </c>
      <c r="FU13" s="118">
        <v>106476884</v>
      </c>
      <c r="FV13" s="117">
        <v>1183346</v>
      </c>
      <c r="FW13" s="116">
        <v>2942598</v>
      </c>
      <c r="FX13" s="114">
        <v>4125944</v>
      </c>
      <c r="FY13" s="113">
        <v>0</v>
      </c>
      <c r="FZ13" s="116">
        <v>10493403</v>
      </c>
      <c r="GA13" s="116">
        <v>28831056</v>
      </c>
      <c r="GB13" s="116">
        <v>19117005</v>
      </c>
      <c r="GC13" s="116">
        <v>18156298</v>
      </c>
      <c r="GD13" s="116">
        <v>12758250</v>
      </c>
      <c r="GE13" s="115">
        <v>89356012</v>
      </c>
      <c r="GF13" s="354">
        <v>93481956</v>
      </c>
      <c r="GG13" s="117">
        <v>175481</v>
      </c>
      <c r="GH13" s="116">
        <v>221664</v>
      </c>
      <c r="GI13" s="114">
        <v>397145</v>
      </c>
      <c r="GJ13" s="113">
        <v>0</v>
      </c>
      <c r="GK13" s="116">
        <v>735712</v>
      </c>
      <c r="GL13" s="116">
        <v>935483</v>
      </c>
      <c r="GM13" s="116">
        <v>467818</v>
      </c>
      <c r="GN13" s="116">
        <v>474827</v>
      </c>
      <c r="GO13" s="116">
        <v>119829</v>
      </c>
      <c r="GP13" s="115">
        <v>2733669</v>
      </c>
      <c r="GQ13" s="118">
        <v>3130814</v>
      </c>
      <c r="GR13" s="112">
        <v>2379829</v>
      </c>
      <c r="GS13" s="116">
        <v>1801486</v>
      </c>
      <c r="GT13" s="115">
        <v>4181315</v>
      </c>
      <c r="GU13" s="112">
        <v>0</v>
      </c>
      <c r="GV13" s="116">
        <v>2211201</v>
      </c>
      <c r="GW13" s="116">
        <v>1467300</v>
      </c>
      <c r="GX13" s="116">
        <v>863888</v>
      </c>
      <c r="GY13" s="116">
        <v>851900</v>
      </c>
      <c r="GZ13" s="116">
        <v>288510</v>
      </c>
      <c r="HA13" s="114">
        <v>5682799</v>
      </c>
      <c r="HB13" s="118">
        <v>9864114</v>
      </c>
      <c r="HC13" s="112">
        <v>6216436</v>
      </c>
      <c r="HD13" s="116">
        <v>4896554</v>
      </c>
      <c r="HE13" s="114">
        <v>11112990</v>
      </c>
      <c r="HF13" s="113">
        <v>0</v>
      </c>
      <c r="HG13" s="116">
        <v>80104021</v>
      </c>
      <c r="HH13" s="116">
        <v>48294354</v>
      </c>
      <c r="HI13" s="116">
        <v>48718651</v>
      </c>
      <c r="HJ13" s="116">
        <v>62762888</v>
      </c>
      <c r="HK13" s="116">
        <v>33844320</v>
      </c>
      <c r="HL13" s="115">
        <v>273724234</v>
      </c>
      <c r="HM13" s="111">
        <v>284837224</v>
      </c>
      <c r="HN13" s="117">
        <v>1625629</v>
      </c>
      <c r="HO13" s="116">
        <v>3295415</v>
      </c>
      <c r="HP13" s="115">
        <v>4921044</v>
      </c>
      <c r="HQ13" s="112">
        <v>0</v>
      </c>
      <c r="HR13" s="116">
        <v>63422690</v>
      </c>
      <c r="HS13" s="116">
        <v>45850157</v>
      </c>
      <c r="HT13" s="116">
        <v>28799686</v>
      </c>
      <c r="HU13" s="116">
        <v>20518759</v>
      </c>
      <c r="HV13" s="116">
        <v>11675291</v>
      </c>
      <c r="HW13" s="114">
        <v>170266583</v>
      </c>
      <c r="HX13" s="118">
        <v>175187627</v>
      </c>
      <c r="HY13" s="148">
        <v>324510</v>
      </c>
      <c r="HZ13" s="149">
        <v>1399853</v>
      </c>
      <c r="IA13" s="150">
        <v>1724363</v>
      </c>
      <c r="IB13" s="163">
        <v>0</v>
      </c>
      <c r="IC13" s="149">
        <v>87949019</v>
      </c>
      <c r="ID13" s="164">
        <v>91936272</v>
      </c>
      <c r="IE13" s="150">
        <v>103294364</v>
      </c>
      <c r="IF13" s="149">
        <v>61468553</v>
      </c>
      <c r="IG13" s="150">
        <v>40319830</v>
      </c>
      <c r="IH13" s="165">
        <v>384968038</v>
      </c>
      <c r="II13" s="156">
        <v>386692401</v>
      </c>
      <c r="IJ13" s="261">
        <v>0</v>
      </c>
      <c r="IK13" s="268">
        <v>0</v>
      </c>
      <c r="IL13" s="269">
        <v>0</v>
      </c>
      <c r="IM13" s="157"/>
      <c r="IN13" s="122">
        <v>290035</v>
      </c>
      <c r="IO13" s="122">
        <v>1190838</v>
      </c>
      <c r="IP13" s="122">
        <v>1350227</v>
      </c>
      <c r="IQ13" s="122">
        <v>1443957</v>
      </c>
      <c r="IR13" s="122">
        <v>2360004</v>
      </c>
      <c r="IS13" s="158">
        <v>6635061</v>
      </c>
      <c r="IT13" s="357">
        <v>6635061</v>
      </c>
      <c r="IU13" s="159">
        <v>0</v>
      </c>
      <c r="IV13" s="122">
        <v>0</v>
      </c>
      <c r="IW13" s="123">
        <v>0</v>
      </c>
      <c r="IX13" s="161"/>
      <c r="IY13" s="122">
        <v>0</v>
      </c>
      <c r="IZ13" s="122">
        <v>0</v>
      </c>
      <c r="JA13" s="122">
        <v>0</v>
      </c>
      <c r="JB13" s="122">
        <v>0</v>
      </c>
      <c r="JC13" s="122">
        <v>0</v>
      </c>
      <c r="JD13" s="123">
        <v>0</v>
      </c>
      <c r="JE13" s="124">
        <v>0</v>
      </c>
      <c r="JF13" s="159">
        <v>0</v>
      </c>
      <c r="JG13" s="122">
        <v>0</v>
      </c>
      <c r="JH13" s="158">
        <v>0</v>
      </c>
      <c r="JI13" s="121">
        <v>0</v>
      </c>
      <c r="JJ13" s="122">
        <v>42908161</v>
      </c>
      <c r="JK13" s="122">
        <v>35101441</v>
      </c>
      <c r="JL13" s="122">
        <v>25325105</v>
      </c>
      <c r="JM13" s="122">
        <v>11694932</v>
      </c>
      <c r="JN13" s="122">
        <v>5391398</v>
      </c>
      <c r="JO13" s="123">
        <v>120421037</v>
      </c>
      <c r="JP13" s="357">
        <v>120421037</v>
      </c>
      <c r="JQ13" s="159">
        <v>0</v>
      </c>
      <c r="JR13" s="122">
        <v>0</v>
      </c>
      <c r="JS13" s="158">
        <v>0</v>
      </c>
      <c r="JT13" s="121">
        <v>0</v>
      </c>
      <c r="JU13" s="122">
        <v>6951618</v>
      </c>
      <c r="JV13" s="122">
        <v>8228302</v>
      </c>
      <c r="JW13" s="122">
        <v>12390980</v>
      </c>
      <c r="JX13" s="122">
        <v>4421346</v>
      </c>
      <c r="JY13" s="122">
        <v>2103747</v>
      </c>
      <c r="JZ13" s="123">
        <v>34095993</v>
      </c>
      <c r="KA13" s="357">
        <v>34095993</v>
      </c>
      <c r="KB13" s="264">
        <v>324510</v>
      </c>
      <c r="KC13" s="258">
        <v>1149145</v>
      </c>
      <c r="KD13" s="123">
        <v>1473655</v>
      </c>
      <c r="KE13" s="121">
        <v>0</v>
      </c>
      <c r="KF13" s="122">
        <v>7011632</v>
      </c>
      <c r="KG13" s="122">
        <v>8596939</v>
      </c>
      <c r="KH13" s="122">
        <v>8655797</v>
      </c>
      <c r="KI13" s="122">
        <v>3380969</v>
      </c>
      <c r="KJ13" s="122">
        <v>2857067</v>
      </c>
      <c r="KK13" s="123">
        <v>30502404</v>
      </c>
      <c r="KL13" s="160">
        <v>31976059</v>
      </c>
      <c r="KM13" s="261">
        <v>0</v>
      </c>
      <c r="KN13" s="268">
        <v>250708</v>
      </c>
      <c r="KO13" s="269">
        <v>250708</v>
      </c>
      <c r="KP13" s="157"/>
      <c r="KQ13" s="122">
        <v>29576923</v>
      </c>
      <c r="KR13" s="122">
        <v>36366018</v>
      </c>
      <c r="KS13" s="122">
        <v>52384248</v>
      </c>
      <c r="KT13" s="122">
        <v>36419962</v>
      </c>
      <c r="KU13" s="122">
        <v>22014920</v>
      </c>
      <c r="KV13" s="123">
        <v>176762071</v>
      </c>
      <c r="KW13" s="357">
        <v>177012779</v>
      </c>
      <c r="KX13" s="159">
        <v>0</v>
      </c>
      <c r="KY13" s="122">
        <v>0</v>
      </c>
      <c r="KZ13" s="123">
        <v>0</v>
      </c>
      <c r="LA13" s="162"/>
      <c r="LB13" s="122">
        <v>0</v>
      </c>
      <c r="LC13" s="122">
        <v>0</v>
      </c>
      <c r="LD13" s="122">
        <v>0</v>
      </c>
      <c r="LE13" s="122">
        <v>0</v>
      </c>
      <c r="LF13" s="122">
        <v>0</v>
      </c>
      <c r="LG13" s="123">
        <v>0</v>
      </c>
      <c r="LH13" s="124">
        <v>0</v>
      </c>
      <c r="LI13" s="159">
        <v>0</v>
      </c>
      <c r="LJ13" s="122">
        <v>0</v>
      </c>
      <c r="LK13" s="123">
        <v>0</v>
      </c>
      <c r="LL13" s="162"/>
      <c r="LM13" s="122">
        <v>0</v>
      </c>
      <c r="LN13" s="122">
        <v>0</v>
      </c>
      <c r="LO13" s="122">
        <v>0</v>
      </c>
      <c r="LP13" s="122">
        <v>0</v>
      </c>
      <c r="LQ13" s="122">
        <v>0</v>
      </c>
      <c r="LR13" s="123">
        <v>0</v>
      </c>
      <c r="LS13" s="357">
        <v>0</v>
      </c>
      <c r="LT13" s="159">
        <v>0</v>
      </c>
      <c r="LU13" s="122">
        <v>0</v>
      </c>
      <c r="LV13" s="123">
        <v>0</v>
      </c>
      <c r="LW13" s="162"/>
      <c r="LX13" s="122">
        <v>1210650</v>
      </c>
      <c r="LY13" s="122">
        <v>2452734</v>
      </c>
      <c r="LZ13" s="122">
        <v>3188007</v>
      </c>
      <c r="MA13" s="122">
        <v>4107387</v>
      </c>
      <c r="MB13" s="122">
        <v>5592694</v>
      </c>
      <c r="MC13" s="123">
        <v>16551472</v>
      </c>
      <c r="MD13" s="124">
        <v>16551472</v>
      </c>
      <c r="ME13" s="159">
        <v>0</v>
      </c>
      <c r="MF13" s="122">
        <v>0</v>
      </c>
      <c r="MG13" s="123">
        <v>0</v>
      </c>
      <c r="MH13" s="162"/>
      <c r="MI13" s="122">
        <v>47289260</v>
      </c>
      <c r="MJ13" s="122">
        <v>77179028</v>
      </c>
      <c r="MK13" s="122">
        <v>216882638</v>
      </c>
      <c r="ML13" s="122">
        <v>348410815</v>
      </c>
      <c r="MM13" s="122">
        <v>214774296</v>
      </c>
      <c r="MN13" s="123">
        <v>904536037</v>
      </c>
      <c r="MO13" s="160">
        <v>904536037</v>
      </c>
      <c r="MP13" s="159">
        <v>0</v>
      </c>
      <c r="MQ13" s="122">
        <v>0</v>
      </c>
      <c r="MR13" s="123">
        <v>0</v>
      </c>
      <c r="MS13" s="162"/>
      <c r="MT13" s="122">
        <v>4798854</v>
      </c>
      <c r="MU13" s="122">
        <v>11756531</v>
      </c>
      <c r="MV13" s="122">
        <v>143003837</v>
      </c>
      <c r="MW13" s="122">
        <v>258960809</v>
      </c>
      <c r="MX13" s="122">
        <v>171342205</v>
      </c>
      <c r="MY13" s="123">
        <v>589862236</v>
      </c>
      <c r="MZ13" s="160">
        <v>589862236</v>
      </c>
      <c r="NA13" s="159">
        <v>0</v>
      </c>
      <c r="NB13" s="122">
        <v>0</v>
      </c>
      <c r="NC13" s="123">
        <v>0</v>
      </c>
      <c r="ND13" s="162"/>
      <c r="NE13" s="122">
        <v>42490406</v>
      </c>
      <c r="NF13" s="122">
        <v>65422497</v>
      </c>
      <c r="NG13" s="122">
        <v>73210436</v>
      </c>
      <c r="NH13" s="122">
        <v>88030576</v>
      </c>
      <c r="NI13" s="122">
        <v>40275060</v>
      </c>
      <c r="NJ13" s="123">
        <v>309428975</v>
      </c>
      <c r="NK13" s="357">
        <v>309428975</v>
      </c>
      <c r="NL13" s="159">
        <v>0</v>
      </c>
      <c r="NM13" s="122">
        <v>0</v>
      </c>
      <c r="NN13" s="123">
        <v>0</v>
      </c>
      <c r="NO13" s="162"/>
      <c r="NP13" s="122">
        <v>0</v>
      </c>
      <c r="NQ13" s="122">
        <v>0</v>
      </c>
      <c r="NR13" s="122">
        <v>0</v>
      </c>
      <c r="NS13" s="122">
        <v>1022323</v>
      </c>
      <c r="NT13" s="122">
        <v>1496025</v>
      </c>
      <c r="NU13" s="123">
        <v>2518348</v>
      </c>
      <c r="NV13" s="124">
        <v>2518348</v>
      </c>
      <c r="NW13" s="159">
        <v>0</v>
      </c>
      <c r="NX13" s="122">
        <v>0</v>
      </c>
      <c r="NY13" s="123">
        <v>0</v>
      </c>
      <c r="NZ13" s="162"/>
      <c r="OA13" s="122">
        <v>0</v>
      </c>
      <c r="OB13" s="122">
        <v>0</v>
      </c>
      <c r="OC13" s="122">
        <v>668365</v>
      </c>
      <c r="OD13" s="122">
        <v>397107</v>
      </c>
      <c r="OE13" s="122">
        <v>1661006</v>
      </c>
      <c r="OF13" s="123">
        <v>2726478</v>
      </c>
      <c r="OG13" s="124">
        <v>2726478</v>
      </c>
      <c r="OH13" s="159">
        <v>14882242</v>
      </c>
      <c r="OI13" s="122">
        <v>18974342</v>
      </c>
      <c r="OJ13" s="158">
        <v>33856584</v>
      </c>
      <c r="OK13" s="121">
        <v>0</v>
      </c>
      <c r="OL13" s="122">
        <v>459071901</v>
      </c>
      <c r="OM13" s="122">
        <v>476962691</v>
      </c>
      <c r="ON13" s="122">
        <v>580163661</v>
      </c>
      <c r="OO13" s="122">
        <v>674980033</v>
      </c>
      <c r="OP13" s="122">
        <v>442415620</v>
      </c>
      <c r="OQ13" s="123">
        <v>2633593906</v>
      </c>
      <c r="OR13" s="160">
        <v>2667450490</v>
      </c>
    </row>
    <row r="14" spans="1:408" ht="18.75" customHeight="1" x14ac:dyDescent="0.2">
      <c r="A14" s="62" t="s">
        <v>8</v>
      </c>
      <c r="B14" s="112">
        <v>12117202</v>
      </c>
      <c r="C14" s="116">
        <v>13848212</v>
      </c>
      <c r="D14" s="115">
        <v>25965414</v>
      </c>
      <c r="E14" s="111">
        <v>0</v>
      </c>
      <c r="F14" s="116">
        <v>135633133</v>
      </c>
      <c r="G14" s="116">
        <v>181527987</v>
      </c>
      <c r="H14" s="116">
        <v>168905610</v>
      </c>
      <c r="I14" s="116">
        <v>149380865</v>
      </c>
      <c r="J14" s="116">
        <v>121920794</v>
      </c>
      <c r="K14" s="111">
        <v>757368389</v>
      </c>
      <c r="L14" s="118">
        <v>783333803</v>
      </c>
      <c r="M14" s="112">
        <v>2055248</v>
      </c>
      <c r="N14" s="116">
        <v>2826384</v>
      </c>
      <c r="O14" s="115">
        <v>4881632</v>
      </c>
      <c r="P14" s="112">
        <v>0</v>
      </c>
      <c r="Q14" s="116">
        <v>34920548</v>
      </c>
      <c r="R14" s="116">
        <v>54437985</v>
      </c>
      <c r="S14" s="116">
        <v>53275499</v>
      </c>
      <c r="T14" s="116">
        <v>56278901</v>
      </c>
      <c r="U14" s="116">
        <v>58288232</v>
      </c>
      <c r="V14" s="115">
        <v>257201165</v>
      </c>
      <c r="W14" s="118">
        <v>262082797</v>
      </c>
      <c r="X14" s="112">
        <v>0</v>
      </c>
      <c r="Y14" s="116">
        <v>0</v>
      </c>
      <c r="Z14" s="115">
        <v>0</v>
      </c>
      <c r="AA14" s="112">
        <v>0</v>
      </c>
      <c r="AB14" s="116">
        <v>18735859</v>
      </c>
      <c r="AC14" s="116">
        <v>30884764</v>
      </c>
      <c r="AD14" s="116">
        <v>34246114</v>
      </c>
      <c r="AE14" s="443">
        <v>36392544</v>
      </c>
      <c r="AF14" s="443">
        <v>36434005</v>
      </c>
      <c r="AG14" s="115">
        <v>156693286</v>
      </c>
      <c r="AH14" s="118">
        <v>156693286</v>
      </c>
      <c r="AI14" s="112">
        <v>0</v>
      </c>
      <c r="AJ14" s="116">
        <v>0</v>
      </c>
      <c r="AK14" s="115">
        <v>0</v>
      </c>
      <c r="AL14" s="112">
        <v>0</v>
      </c>
      <c r="AM14" s="116">
        <v>185690</v>
      </c>
      <c r="AN14" s="116">
        <v>806270</v>
      </c>
      <c r="AO14" s="116">
        <v>1650237</v>
      </c>
      <c r="AP14" s="116">
        <v>2888282</v>
      </c>
      <c r="AQ14" s="116">
        <v>5431215</v>
      </c>
      <c r="AR14" s="115">
        <v>10961694</v>
      </c>
      <c r="AS14" s="118">
        <v>10961694</v>
      </c>
      <c r="AT14" s="112">
        <v>980767</v>
      </c>
      <c r="AU14" s="116">
        <v>1921025</v>
      </c>
      <c r="AV14" s="115">
        <v>2901792</v>
      </c>
      <c r="AW14" s="112">
        <v>0</v>
      </c>
      <c r="AX14" s="116">
        <v>8955275</v>
      </c>
      <c r="AY14" s="116">
        <v>13458284</v>
      </c>
      <c r="AZ14" s="116">
        <v>9187119</v>
      </c>
      <c r="BA14" s="116">
        <v>9769448</v>
      </c>
      <c r="BB14" s="116">
        <v>11085324</v>
      </c>
      <c r="BC14" s="115">
        <v>52455450</v>
      </c>
      <c r="BD14" s="118">
        <v>55357242</v>
      </c>
      <c r="BE14" s="112">
        <v>115344</v>
      </c>
      <c r="BF14" s="116">
        <v>426088</v>
      </c>
      <c r="BG14" s="114">
        <v>541432</v>
      </c>
      <c r="BH14" s="113">
        <v>0</v>
      </c>
      <c r="BI14" s="116">
        <v>1641602</v>
      </c>
      <c r="BJ14" s="116">
        <v>2918215</v>
      </c>
      <c r="BK14" s="116">
        <v>1918218</v>
      </c>
      <c r="BL14" s="116">
        <v>1070605</v>
      </c>
      <c r="BM14" s="116">
        <v>728015</v>
      </c>
      <c r="BN14" s="115">
        <v>8276655</v>
      </c>
      <c r="BO14" s="118">
        <v>8818087</v>
      </c>
      <c r="BP14" s="112">
        <v>959137</v>
      </c>
      <c r="BQ14" s="116">
        <v>479271</v>
      </c>
      <c r="BR14" s="115">
        <v>1438408</v>
      </c>
      <c r="BS14" s="112">
        <v>0</v>
      </c>
      <c r="BT14" s="116">
        <v>5402122</v>
      </c>
      <c r="BU14" s="116">
        <v>6370452</v>
      </c>
      <c r="BV14" s="116">
        <v>6273811</v>
      </c>
      <c r="BW14" s="116">
        <v>6158022</v>
      </c>
      <c r="BX14" s="116">
        <v>4609673</v>
      </c>
      <c r="BY14" s="115">
        <v>28814080</v>
      </c>
      <c r="BZ14" s="118">
        <v>30252488</v>
      </c>
      <c r="CA14" s="112">
        <v>923220</v>
      </c>
      <c r="CB14" s="116">
        <v>2058874</v>
      </c>
      <c r="CC14" s="115">
        <v>2982094</v>
      </c>
      <c r="CD14" s="112">
        <v>0</v>
      </c>
      <c r="CE14" s="443">
        <v>38258307</v>
      </c>
      <c r="CF14" s="443">
        <v>49039075</v>
      </c>
      <c r="CG14" s="443">
        <v>39479302</v>
      </c>
      <c r="CH14" s="116">
        <v>26044538</v>
      </c>
      <c r="CI14" s="116">
        <v>19888790</v>
      </c>
      <c r="CJ14" s="451">
        <v>172710012</v>
      </c>
      <c r="CK14" s="452">
        <v>175692106</v>
      </c>
      <c r="CL14" s="112">
        <v>0</v>
      </c>
      <c r="CM14" s="116">
        <v>0</v>
      </c>
      <c r="CN14" s="115">
        <v>0</v>
      </c>
      <c r="CO14" s="113">
        <v>0</v>
      </c>
      <c r="CP14" s="116">
        <v>33387341</v>
      </c>
      <c r="CQ14" s="116">
        <v>40051320</v>
      </c>
      <c r="CR14" s="116">
        <v>34333856</v>
      </c>
      <c r="CS14" s="116">
        <v>21235687</v>
      </c>
      <c r="CT14" s="116">
        <v>18577305</v>
      </c>
      <c r="CU14" s="115">
        <v>147585509</v>
      </c>
      <c r="CV14" s="118">
        <v>147585509</v>
      </c>
      <c r="CW14" s="112">
        <v>923220</v>
      </c>
      <c r="CX14" s="116">
        <v>2058874</v>
      </c>
      <c r="CY14" s="115">
        <v>2982094</v>
      </c>
      <c r="CZ14" s="112">
        <v>0</v>
      </c>
      <c r="DA14" s="116">
        <v>4870966</v>
      </c>
      <c r="DB14" s="116">
        <v>8987755</v>
      </c>
      <c r="DC14" s="116">
        <v>5145446</v>
      </c>
      <c r="DD14" s="116">
        <v>4808851</v>
      </c>
      <c r="DE14" s="116">
        <v>1311485</v>
      </c>
      <c r="DF14" s="115">
        <v>25124503</v>
      </c>
      <c r="DG14" s="118">
        <v>28106597</v>
      </c>
      <c r="DH14" s="112">
        <v>97257</v>
      </c>
      <c r="DI14" s="116">
        <v>296316</v>
      </c>
      <c r="DJ14" s="114">
        <v>393573</v>
      </c>
      <c r="DK14" s="113">
        <v>0</v>
      </c>
      <c r="DL14" s="116">
        <v>3655888</v>
      </c>
      <c r="DM14" s="116">
        <v>11619740</v>
      </c>
      <c r="DN14" s="116">
        <v>23225111</v>
      </c>
      <c r="DO14" s="116">
        <v>15685329</v>
      </c>
      <c r="DP14" s="116">
        <v>9358595</v>
      </c>
      <c r="DQ14" s="115">
        <v>63544663</v>
      </c>
      <c r="DR14" s="118">
        <v>63938236</v>
      </c>
      <c r="DS14" s="112">
        <v>97257</v>
      </c>
      <c r="DT14" s="116">
        <v>296316</v>
      </c>
      <c r="DU14" s="115">
        <v>393573</v>
      </c>
      <c r="DV14" s="112">
        <v>0</v>
      </c>
      <c r="DW14" s="116">
        <v>3465744</v>
      </c>
      <c r="DX14" s="116">
        <v>10881626</v>
      </c>
      <c r="DY14" s="116">
        <v>22133307</v>
      </c>
      <c r="DZ14" s="116">
        <v>15197871</v>
      </c>
      <c r="EA14" s="116">
        <v>9275438</v>
      </c>
      <c r="EB14" s="115">
        <v>60953986</v>
      </c>
      <c r="EC14" s="118">
        <v>61347559</v>
      </c>
      <c r="ED14" s="112">
        <v>0</v>
      </c>
      <c r="EE14" s="114">
        <v>0</v>
      </c>
      <c r="EF14" s="115">
        <v>0</v>
      </c>
      <c r="EG14" s="112">
        <v>0</v>
      </c>
      <c r="EH14" s="116">
        <v>190144</v>
      </c>
      <c r="EI14" s="116">
        <v>738114</v>
      </c>
      <c r="EJ14" s="116">
        <v>1091804</v>
      </c>
      <c r="EK14" s="116">
        <v>487458</v>
      </c>
      <c r="EL14" s="116">
        <v>83157</v>
      </c>
      <c r="EM14" s="114">
        <v>2590677</v>
      </c>
      <c r="EN14" s="118">
        <v>2590677</v>
      </c>
      <c r="EO14" s="112">
        <v>0</v>
      </c>
      <c r="EP14" s="116">
        <v>0</v>
      </c>
      <c r="EQ14" s="114">
        <v>0</v>
      </c>
      <c r="ER14" s="113">
        <v>0</v>
      </c>
      <c r="ES14" s="116">
        <v>0</v>
      </c>
      <c r="ET14" s="116">
        <v>0</v>
      </c>
      <c r="EU14" s="116">
        <v>0</v>
      </c>
      <c r="EV14" s="116">
        <v>0</v>
      </c>
      <c r="EW14" s="116">
        <v>0</v>
      </c>
      <c r="EX14" s="115">
        <v>0</v>
      </c>
      <c r="EY14" s="118">
        <v>0</v>
      </c>
      <c r="EZ14" s="112">
        <v>0</v>
      </c>
      <c r="FA14" s="116">
        <v>0</v>
      </c>
      <c r="FB14" s="114">
        <v>0</v>
      </c>
      <c r="FC14" s="390"/>
      <c r="FD14" s="116">
        <v>0</v>
      </c>
      <c r="FE14" s="116">
        <v>0</v>
      </c>
      <c r="FF14" s="116">
        <v>0</v>
      </c>
      <c r="FG14" s="116">
        <v>0</v>
      </c>
      <c r="FH14" s="116">
        <v>0</v>
      </c>
      <c r="FI14" s="115">
        <v>0</v>
      </c>
      <c r="FJ14" s="118">
        <v>0</v>
      </c>
      <c r="FK14" s="112">
        <v>3375169</v>
      </c>
      <c r="FL14" s="116">
        <v>4141887</v>
      </c>
      <c r="FM14" s="115">
        <v>7517056</v>
      </c>
      <c r="FN14" s="112">
        <v>0</v>
      </c>
      <c r="FO14" s="116">
        <v>8441422</v>
      </c>
      <c r="FP14" s="116">
        <v>18996790</v>
      </c>
      <c r="FQ14" s="116">
        <v>12985700</v>
      </c>
      <c r="FR14" s="116">
        <v>11045176</v>
      </c>
      <c r="FS14" s="116">
        <v>8713166</v>
      </c>
      <c r="FT14" s="115">
        <v>60182254</v>
      </c>
      <c r="FU14" s="118">
        <v>67699310</v>
      </c>
      <c r="FV14" s="117">
        <v>1760799</v>
      </c>
      <c r="FW14" s="116">
        <v>3340158</v>
      </c>
      <c r="FX14" s="114">
        <v>5100957</v>
      </c>
      <c r="FY14" s="113">
        <v>0</v>
      </c>
      <c r="FZ14" s="116">
        <v>6421151</v>
      </c>
      <c r="GA14" s="116">
        <v>17689524</v>
      </c>
      <c r="GB14" s="116">
        <v>12546223</v>
      </c>
      <c r="GC14" s="116">
        <v>10631555</v>
      </c>
      <c r="GD14" s="116">
        <v>8487294</v>
      </c>
      <c r="GE14" s="115">
        <v>55775747</v>
      </c>
      <c r="GF14" s="354">
        <v>60876704</v>
      </c>
      <c r="GG14" s="117">
        <v>308224</v>
      </c>
      <c r="GH14" s="116">
        <v>137718</v>
      </c>
      <c r="GI14" s="114">
        <v>445942</v>
      </c>
      <c r="GJ14" s="113">
        <v>0</v>
      </c>
      <c r="GK14" s="116">
        <v>375518</v>
      </c>
      <c r="GL14" s="116">
        <v>530939</v>
      </c>
      <c r="GM14" s="116">
        <v>158686</v>
      </c>
      <c r="GN14" s="116">
        <v>255160</v>
      </c>
      <c r="GO14" s="116">
        <v>75947</v>
      </c>
      <c r="GP14" s="115">
        <v>1396250</v>
      </c>
      <c r="GQ14" s="118">
        <v>1842192</v>
      </c>
      <c r="GR14" s="112">
        <v>1306146</v>
      </c>
      <c r="GS14" s="116">
        <v>664011</v>
      </c>
      <c r="GT14" s="115">
        <v>1970157</v>
      </c>
      <c r="GU14" s="112">
        <v>0</v>
      </c>
      <c r="GV14" s="116">
        <v>1644753</v>
      </c>
      <c r="GW14" s="116">
        <v>776327</v>
      </c>
      <c r="GX14" s="116">
        <v>280791</v>
      </c>
      <c r="GY14" s="116">
        <v>158461</v>
      </c>
      <c r="GZ14" s="116">
        <v>149925</v>
      </c>
      <c r="HA14" s="114">
        <v>3010257</v>
      </c>
      <c r="HB14" s="118">
        <v>4980414</v>
      </c>
      <c r="HC14" s="112">
        <v>3714105</v>
      </c>
      <c r="HD14" s="116">
        <v>1772142</v>
      </c>
      <c r="HE14" s="114">
        <v>5486247</v>
      </c>
      <c r="HF14" s="113">
        <v>0</v>
      </c>
      <c r="HG14" s="116">
        <v>25152852</v>
      </c>
      <c r="HH14" s="116">
        <v>20738536</v>
      </c>
      <c r="HI14" s="116">
        <v>22435111</v>
      </c>
      <c r="HJ14" s="116">
        <v>28996476</v>
      </c>
      <c r="HK14" s="116">
        <v>18216503</v>
      </c>
      <c r="HL14" s="115">
        <v>115539478</v>
      </c>
      <c r="HM14" s="111">
        <v>121025725</v>
      </c>
      <c r="HN14" s="117">
        <v>1952203</v>
      </c>
      <c r="HO14" s="116">
        <v>2752609</v>
      </c>
      <c r="HP14" s="115">
        <v>4704812</v>
      </c>
      <c r="HQ14" s="112">
        <v>0</v>
      </c>
      <c r="HR14" s="116">
        <v>25204116</v>
      </c>
      <c r="HS14" s="116">
        <v>26695861</v>
      </c>
      <c r="HT14" s="116">
        <v>17504887</v>
      </c>
      <c r="HU14" s="116">
        <v>11330445</v>
      </c>
      <c r="HV14" s="116">
        <v>7455508</v>
      </c>
      <c r="HW14" s="114">
        <v>88190817</v>
      </c>
      <c r="HX14" s="118">
        <v>92895629</v>
      </c>
      <c r="HY14" s="148">
        <v>368443</v>
      </c>
      <c r="HZ14" s="149">
        <v>1123809</v>
      </c>
      <c r="IA14" s="150">
        <v>1492252</v>
      </c>
      <c r="IB14" s="151">
        <v>0</v>
      </c>
      <c r="IC14" s="152">
        <v>59390570</v>
      </c>
      <c r="ID14" s="153">
        <v>71161212</v>
      </c>
      <c r="IE14" s="154">
        <v>69989963</v>
      </c>
      <c r="IF14" s="152">
        <v>44181105</v>
      </c>
      <c r="IG14" s="154">
        <v>27743097</v>
      </c>
      <c r="IH14" s="155">
        <v>272465947</v>
      </c>
      <c r="II14" s="156">
        <v>273958199</v>
      </c>
      <c r="IJ14" s="261">
        <v>0</v>
      </c>
      <c r="IK14" s="268">
        <v>0</v>
      </c>
      <c r="IL14" s="269">
        <v>0</v>
      </c>
      <c r="IM14" s="157"/>
      <c r="IN14" s="122">
        <v>348024</v>
      </c>
      <c r="IO14" s="122">
        <v>1097169</v>
      </c>
      <c r="IP14" s="122">
        <v>1003921</v>
      </c>
      <c r="IQ14" s="122">
        <v>1177250</v>
      </c>
      <c r="IR14" s="122">
        <v>1023038</v>
      </c>
      <c r="IS14" s="158">
        <v>4649402</v>
      </c>
      <c r="IT14" s="357">
        <v>4649402</v>
      </c>
      <c r="IU14" s="159">
        <v>0</v>
      </c>
      <c r="IV14" s="122">
        <v>0</v>
      </c>
      <c r="IW14" s="123">
        <v>0</v>
      </c>
      <c r="IX14" s="161"/>
      <c r="IY14" s="122">
        <v>18566</v>
      </c>
      <c r="IZ14" s="122">
        <v>25489</v>
      </c>
      <c r="JA14" s="122">
        <v>18566</v>
      </c>
      <c r="JB14" s="122">
        <v>35533</v>
      </c>
      <c r="JC14" s="122">
        <v>52214</v>
      </c>
      <c r="JD14" s="123">
        <v>150368</v>
      </c>
      <c r="JE14" s="124">
        <v>150368</v>
      </c>
      <c r="JF14" s="159">
        <v>0</v>
      </c>
      <c r="JG14" s="122">
        <v>0</v>
      </c>
      <c r="JH14" s="158">
        <v>0</v>
      </c>
      <c r="JI14" s="121">
        <v>0</v>
      </c>
      <c r="JJ14" s="122">
        <v>26876236</v>
      </c>
      <c r="JK14" s="122">
        <v>31509063</v>
      </c>
      <c r="JL14" s="122">
        <v>23263195</v>
      </c>
      <c r="JM14" s="122">
        <v>12150313</v>
      </c>
      <c r="JN14" s="122">
        <v>6363121</v>
      </c>
      <c r="JO14" s="123">
        <v>100161928</v>
      </c>
      <c r="JP14" s="357">
        <v>100161928</v>
      </c>
      <c r="JQ14" s="159">
        <v>0</v>
      </c>
      <c r="JR14" s="122">
        <v>0</v>
      </c>
      <c r="JS14" s="158">
        <v>0</v>
      </c>
      <c r="JT14" s="121">
        <v>0</v>
      </c>
      <c r="JU14" s="122">
        <v>581871</v>
      </c>
      <c r="JV14" s="122">
        <v>1557630</v>
      </c>
      <c r="JW14" s="122">
        <v>1265952</v>
      </c>
      <c r="JX14" s="122">
        <v>560439</v>
      </c>
      <c r="JY14" s="122">
        <v>846865</v>
      </c>
      <c r="JZ14" s="123">
        <v>4812757</v>
      </c>
      <c r="KA14" s="357">
        <v>4812757</v>
      </c>
      <c r="KB14" s="264">
        <v>368443</v>
      </c>
      <c r="KC14" s="258">
        <v>1123809</v>
      </c>
      <c r="KD14" s="123">
        <v>1492252</v>
      </c>
      <c r="KE14" s="121">
        <v>0</v>
      </c>
      <c r="KF14" s="122">
        <v>10699257</v>
      </c>
      <c r="KG14" s="122">
        <v>10379148</v>
      </c>
      <c r="KH14" s="122">
        <v>11715501</v>
      </c>
      <c r="KI14" s="122">
        <v>4372707</v>
      </c>
      <c r="KJ14" s="122">
        <v>2426083</v>
      </c>
      <c r="KK14" s="123">
        <v>39592696</v>
      </c>
      <c r="KL14" s="160">
        <v>41084948</v>
      </c>
      <c r="KM14" s="261">
        <v>0</v>
      </c>
      <c r="KN14" s="268">
        <v>0</v>
      </c>
      <c r="KO14" s="269">
        <v>0</v>
      </c>
      <c r="KP14" s="157"/>
      <c r="KQ14" s="122">
        <v>18084432</v>
      </c>
      <c r="KR14" s="122">
        <v>20834770</v>
      </c>
      <c r="KS14" s="122">
        <v>23634136</v>
      </c>
      <c r="KT14" s="122">
        <v>15226226</v>
      </c>
      <c r="KU14" s="122">
        <v>8734925</v>
      </c>
      <c r="KV14" s="123">
        <v>86514489</v>
      </c>
      <c r="KW14" s="357">
        <v>86514489</v>
      </c>
      <c r="KX14" s="159">
        <v>0</v>
      </c>
      <c r="KY14" s="122">
        <v>0</v>
      </c>
      <c r="KZ14" s="123">
        <v>0</v>
      </c>
      <c r="LA14" s="162"/>
      <c r="LB14" s="122">
        <v>525173</v>
      </c>
      <c r="LC14" s="122">
        <v>2227979</v>
      </c>
      <c r="LD14" s="122">
        <v>2125055</v>
      </c>
      <c r="LE14" s="122">
        <v>3175045</v>
      </c>
      <c r="LF14" s="122">
        <v>737781</v>
      </c>
      <c r="LG14" s="123">
        <v>8791033</v>
      </c>
      <c r="LH14" s="124">
        <v>8791033</v>
      </c>
      <c r="LI14" s="159">
        <v>0</v>
      </c>
      <c r="LJ14" s="122">
        <v>0</v>
      </c>
      <c r="LK14" s="123">
        <v>0</v>
      </c>
      <c r="LL14" s="162"/>
      <c r="LM14" s="122">
        <v>0</v>
      </c>
      <c r="LN14" s="122">
        <v>691491</v>
      </c>
      <c r="LO14" s="122">
        <v>4438469</v>
      </c>
      <c r="LP14" s="122">
        <v>4478970</v>
      </c>
      <c r="LQ14" s="122">
        <v>3621777</v>
      </c>
      <c r="LR14" s="123">
        <v>13230707</v>
      </c>
      <c r="LS14" s="357">
        <v>13230707</v>
      </c>
      <c r="LT14" s="159">
        <v>0</v>
      </c>
      <c r="LU14" s="122">
        <v>0</v>
      </c>
      <c r="LV14" s="123">
        <v>0</v>
      </c>
      <c r="LW14" s="162"/>
      <c r="LX14" s="122">
        <v>2257011</v>
      </c>
      <c r="LY14" s="122">
        <v>2838473</v>
      </c>
      <c r="LZ14" s="122">
        <v>2525168</v>
      </c>
      <c r="MA14" s="122">
        <v>3004622</v>
      </c>
      <c r="MB14" s="122">
        <v>3937293</v>
      </c>
      <c r="MC14" s="123">
        <v>14562567</v>
      </c>
      <c r="MD14" s="124">
        <v>14562567</v>
      </c>
      <c r="ME14" s="159">
        <v>0</v>
      </c>
      <c r="MF14" s="122">
        <v>0</v>
      </c>
      <c r="MG14" s="123">
        <v>0</v>
      </c>
      <c r="MH14" s="162"/>
      <c r="MI14" s="122">
        <v>17553871</v>
      </c>
      <c r="MJ14" s="122">
        <v>42630327</v>
      </c>
      <c r="MK14" s="122">
        <v>133183631</v>
      </c>
      <c r="ML14" s="122">
        <v>147521158</v>
      </c>
      <c r="MM14" s="122">
        <v>89673670</v>
      </c>
      <c r="MN14" s="123">
        <v>430562657</v>
      </c>
      <c r="MO14" s="160">
        <v>430562657</v>
      </c>
      <c r="MP14" s="159">
        <v>0</v>
      </c>
      <c r="MQ14" s="122">
        <v>0</v>
      </c>
      <c r="MR14" s="123">
        <v>0</v>
      </c>
      <c r="MS14" s="162"/>
      <c r="MT14" s="122">
        <v>6083122</v>
      </c>
      <c r="MU14" s="122">
        <v>13961913</v>
      </c>
      <c r="MV14" s="122">
        <v>86703358</v>
      </c>
      <c r="MW14" s="122">
        <v>102300977</v>
      </c>
      <c r="MX14" s="122">
        <v>66352049</v>
      </c>
      <c r="MY14" s="123">
        <v>275401419</v>
      </c>
      <c r="MZ14" s="160">
        <v>275401419</v>
      </c>
      <c r="NA14" s="159">
        <v>0</v>
      </c>
      <c r="NB14" s="122">
        <v>0</v>
      </c>
      <c r="NC14" s="123">
        <v>0</v>
      </c>
      <c r="ND14" s="162"/>
      <c r="NE14" s="122">
        <v>11251653</v>
      </c>
      <c r="NF14" s="122">
        <v>28668414</v>
      </c>
      <c r="NG14" s="122">
        <v>46180124</v>
      </c>
      <c r="NH14" s="122">
        <v>41771175</v>
      </c>
      <c r="NI14" s="122">
        <v>20503400</v>
      </c>
      <c r="NJ14" s="123">
        <v>148374766</v>
      </c>
      <c r="NK14" s="357">
        <v>148374766</v>
      </c>
      <c r="NL14" s="159">
        <v>0</v>
      </c>
      <c r="NM14" s="122">
        <v>0</v>
      </c>
      <c r="NN14" s="123">
        <v>0</v>
      </c>
      <c r="NO14" s="162"/>
      <c r="NP14" s="122">
        <v>0</v>
      </c>
      <c r="NQ14" s="122">
        <v>0</v>
      </c>
      <c r="NR14" s="122">
        <v>0</v>
      </c>
      <c r="NS14" s="122">
        <v>1333336</v>
      </c>
      <c r="NT14" s="122">
        <v>720494</v>
      </c>
      <c r="NU14" s="123">
        <v>2053830</v>
      </c>
      <c r="NV14" s="124">
        <v>2053830</v>
      </c>
      <c r="NW14" s="159">
        <v>0</v>
      </c>
      <c r="NX14" s="122">
        <v>0</v>
      </c>
      <c r="NY14" s="123">
        <v>0</v>
      </c>
      <c r="NZ14" s="162"/>
      <c r="OA14" s="122">
        <v>219096</v>
      </c>
      <c r="OB14" s="122">
        <v>0</v>
      </c>
      <c r="OC14" s="122">
        <v>300149</v>
      </c>
      <c r="OD14" s="122">
        <v>2115670</v>
      </c>
      <c r="OE14" s="122">
        <v>2097727</v>
      </c>
      <c r="OF14" s="123">
        <v>4732642</v>
      </c>
      <c r="OG14" s="124">
        <v>4732642</v>
      </c>
      <c r="OH14" s="159">
        <v>12485645</v>
      </c>
      <c r="OI14" s="122">
        <v>14972021</v>
      </c>
      <c r="OJ14" s="158">
        <v>27457666</v>
      </c>
      <c r="OK14" s="121">
        <v>0</v>
      </c>
      <c r="OL14" s="122">
        <v>212577574</v>
      </c>
      <c r="OM14" s="122">
        <v>295319526</v>
      </c>
      <c r="ON14" s="122">
        <v>372079204</v>
      </c>
      <c r="OO14" s="122">
        <v>341083128</v>
      </c>
      <c r="OP14" s="122">
        <v>239337561</v>
      </c>
      <c r="OQ14" s="123">
        <v>1460396993</v>
      </c>
      <c r="OR14" s="160">
        <v>1487854659</v>
      </c>
    </row>
    <row r="15" spans="1:408" ht="18.75" customHeight="1" x14ac:dyDescent="0.2">
      <c r="A15" s="62" t="s">
        <v>9</v>
      </c>
      <c r="B15" s="112">
        <v>11186316</v>
      </c>
      <c r="C15" s="116">
        <v>14009556</v>
      </c>
      <c r="D15" s="115">
        <v>25195872</v>
      </c>
      <c r="E15" s="113">
        <v>0</v>
      </c>
      <c r="F15" s="116">
        <v>134779599</v>
      </c>
      <c r="G15" s="116">
        <v>147933831</v>
      </c>
      <c r="H15" s="116">
        <v>144813322</v>
      </c>
      <c r="I15" s="116">
        <v>161849236</v>
      </c>
      <c r="J15" s="116">
        <v>123317190</v>
      </c>
      <c r="K15" s="111">
        <v>712693178</v>
      </c>
      <c r="L15" s="118">
        <v>737889050</v>
      </c>
      <c r="M15" s="112">
        <v>1764645</v>
      </c>
      <c r="N15" s="116">
        <v>2760078</v>
      </c>
      <c r="O15" s="115">
        <v>4524723</v>
      </c>
      <c r="P15" s="112">
        <v>0</v>
      </c>
      <c r="Q15" s="116">
        <v>39331445</v>
      </c>
      <c r="R15" s="116">
        <v>47431287</v>
      </c>
      <c r="S15" s="116">
        <v>50870292</v>
      </c>
      <c r="T15" s="116">
        <v>70511966</v>
      </c>
      <c r="U15" s="116">
        <v>66810308</v>
      </c>
      <c r="V15" s="115">
        <v>274955298</v>
      </c>
      <c r="W15" s="118">
        <v>279480021</v>
      </c>
      <c r="X15" s="112">
        <v>0</v>
      </c>
      <c r="Y15" s="116">
        <v>0</v>
      </c>
      <c r="Z15" s="115">
        <v>0</v>
      </c>
      <c r="AA15" s="112">
        <v>0</v>
      </c>
      <c r="AB15" s="116">
        <v>18880853</v>
      </c>
      <c r="AC15" s="116">
        <v>25038556</v>
      </c>
      <c r="AD15" s="116">
        <v>30413862</v>
      </c>
      <c r="AE15" s="443">
        <v>46276854</v>
      </c>
      <c r="AF15" s="443">
        <v>43473305</v>
      </c>
      <c r="AG15" s="115">
        <v>164083430</v>
      </c>
      <c r="AH15" s="118">
        <v>164083430</v>
      </c>
      <c r="AI15" s="112">
        <v>0</v>
      </c>
      <c r="AJ15" s="116">
        <v>0</v>
      </c>
      <c r="AK15" s="115">
        <v>0</v>
      </c>
      <c r="AL15" s="112">
        <v>0</v>
      </c>
      <c r="AM15" s="116">
        <v>396240</v>
      </c>
      <c r="AN15" s="116">
        <v>905501</v>
      </c>
      <c r="AO15" s="116">
        <v>782296</v>
      </c>
      <c r="AP15" s="116">
        <v>3808563</v>
      </c>
      <c r="AQ15" s="116">
        <v>6597530</v>
      </c>
      <c r="AR15" s="115">
        <v>12490130</v>
      </c>
      <c r="AS15" s="118">
        <v>12490130</v>
      </c>
      <c r="AT15" s="112">
        <v>620485</v>
      </c>
      <c r="AU15" s="116">
        <v>1712645</v>
      </c>
      <c r="AV15" s="115">
        <v>2333130</v>
      </c>
      <c r="AW15" s="112">
        <v>0</v>
      </c>
      <c r="AX15" s="116">
        <v>12136633</v>
      </c>
      <c r="AY15" s="116">
        <v>13112053</v>
      </c>
      <c r="AZ15" s="116">
        <v>10362945</v>
      </c>
      <c r="BA15" s="116">
        <v>11197795</v>
      </c>
      <c r="BB15" s="116">
        <v>9860008</v>
      </c>
      <c r="BC15" s="115">
        <v>56669434</v>
      </c>
      <c r="BD15" s="118">
        <v>59002564</v>
      </c>
      <c r="BE15" s="112">
        <v>149825</v>
      </c>
      <c r="BF15" s="116">
        <v>329478</v>
      </c>
      <c r="BG15" s="114">
        <v>479303</v>
      </c>
      <c r="BH15" s="113">
        <v>0</v>
      </c>
      <c r="BI15" s="116">
        <v>1629739</v>
      </c>
      <c r="BJ15" s="116">
        <v>1641228</v>
      </c>
      <c r="BK15" s="116">
        <v>1581206</v>
      </c>
      <c r="BL15" s="116">
        <v>1582926</v>
      </c>
      <c r="BM15" s="116">
        <v>1454192</v>
      </c>
      <c r="BN15" s="115">
        <v>7889291</v>
      </c>
      <c r="BO15" s="118">
        <v>8368594</v>
      </c>
      <c r="BP15" s="112">
        <v>994335</v>
      </c>
      <c r="BQ15" s="116">
        <v>717955</v>
      </c>
      <c r="BR15" s="115">
        <v>1712290</v>
      </c>
      <c r="BS15" s="112">
        <v>0</v>
      </c>
      <c r="BT15" s="116">
        <v>6287980</v>
      </c>
      <c r="BU15" s="116">
        <v>6733949</v>
      </c>
      <c r="BV15" s="116">
        <v>7729983</v>
      </c>
      <c r="BW15" s="116">
        <v>7645828</v>
      </c>
      <c r="BX15" s="116">
        <v>5425273</v>
      </c>
      <c r="BY15" s="115">
        <v>33823013</v>
      </c>
      <c r="BZ15" s="118">
        <v>35535303</v>
      </c>
      <c r="CA15" s="112">
        <v>837292</v>
      </c>
      <c r="CB15" s="116">
        <v>2313266</v>
      </c>
      <c r="CC15" s="115">
        <v>3150558</v>
      </c>
      <c r="CD15" s="112">
        <v>0</v>
      </c>
      <c r="CE15" s="443">
        <v>26987572</v>
      </c>
      <c r="CF15" s="443">
        <v>28638855</v>
      </c>
      <c r="CG15" s="443">
        <v>23191654</v>
      </c>
      <c r="CH15" s="116">
        <v>18941158</v>
      </c>
      <c r="CI15" s="116">
        <v>7331658</v>
      </c>
      <c r="CJ15" s="451">
        <v>105090897</v>
      </c>
      <c r="CK15" s="452">
        <v>108241455</v>
      </c>
      <c r="CL15" s="112">
        <v>0</v>
      </c>
      <c r="CM15" s="116">
        <v>0</v>
      </c>
      <c r="CN15" s="115">
        <v>0</v>
      </c>
      <c r="CO15" s="113">
        <v>0</v>
      </c>
      <c r="CP15" s="116">
        <v>23087877</v>
      </c>
      <c r="CQ15" s="116">
        <v>22892573</v>
      </c>
      <c r="CR15" s="116">
        <v>19065516</v>
      </c>
      <c r="CS15" s="116">
        <v>13423520</v>
      </c>
      <c r="CT15" s="116">
        <v>5910987</v>
      </c>
      <c r="CU15" s="115">
        <v>84380473</v>
      </c>
      <c r="CV15" s="118">
        <v>84380473</v>
      </c>
      <c r="CW15" s="112">
        <v>837292</v>
      </c>
      <c r="CX15" s="116">
        <v>2313266</v>
      </c>
      <c r="CY15" s="115">
        <v>3150558</v>
      </c>
      <c r="CZ15" s="112">
        <v>0</v>
      </c>
      <c r="DA15" s="116">
        <v>3899695</v>
      </c>
      <c r="DB15" s="116">
        <v>5746282</v>
      </c>
      <c r="DC15" s="116">
        <v>4126138</v>
      </c>
      <c r="DD15" s="116">
        <v>5517638</v>
      </c>
      <c r="DE15" s="116">
        <v>1420671</v>
      </c>
      <c r="DF15" s="115">
        <v>20710424</v>
      </c>
      <c r="DG15" s="118">
        <v>23860982</v>
      </c>
      <c r="DH15" s="112">
        <v>60676</v>
      </c>
      <c r="DI15" s="116">
        <v>47243</v>
      </c>
      <c r="DJ15" s="114">
        <v>107919</v>
      </c>
      <c r="DK15" s="113">
        <v>0</v>
      </c>
      <c r="DL15" s="116">
        <v>3010763</v>
      </c>
      <c r="DM15" s="116">
        <v>7615072</v>
      </c>
      <c r="DN15" s="116">
        <v>16010215</v>
      </c>
      <c r="DO15" s="116">
        <v>15612531</v>
      </c>
      <c r="DP15" s="116">
        <v>8824451</v>
      </c>
      <c r="DQ15" s="115">
        <v>51073032</v>
      </c>
      <c r="DR15" s="118">
        <v>51180951</v>
      </c>
      <c r="DS15" s="112">
        <v>60676</v>
      </c>
      <c r="DT15" s="116">
        <v>47243</v>
      </c>
      <c r="DU15" s="115">
        <v>107919</v>
      </c>
      <c r="DV15" s="112">
        <v>0</v>
      </c>
      <c r="DW15" s="116">
        <v>2683739</v>
      </c>
      <c r="DX15" s="116">
        <v>5836953</v>
      </c>
      <c r="DY15" s="116">
        <v>14037669</v>
      </c>
      <c r="DZ15" s="116">
        <v>13764782</v>
      </c>
      <c r="EA15" s="116">
        <v>7927891</v>
      </c>
      <c r="EB15" s="115">
        <v>44251034</v>
      </c>
      <c r="EC15" s="118">
        <v>44358953</v>
      </c>
      <c r="ED15" s="112">
        <v>0</v>
      </c>
      <c r="EE15" s="114">
        <v>0</v>
      </c>
      <c r="EF15" s="115">
        <v>0</v>
      </c>
      <c r="EG15" s="112">
        <v>0</v>
      </c>
      <c r="EH15" s="116">
        <v>327024</v>
      </c>
      <c r="EI15" s="116">
        <v>1778119</v>
      </c>
      <c r="EJ15" s="116">
        <v>1972546</v>
      </c>
      <c r="EK15" s="116">
        <v>1847749</v>
      </c>
      <c r="EL15" s="116">
        <v>896560</v>
      </c>
      <c r="EM15" s="114">
        <v>6821998</v>
      </c>
      <c r="EN15" s="118">
        <v>6821998</v>
      </c>
      <c r="EO15" s="112">
        <v>0</v>
      </c>
      <c r="EP15" s="116">
        <v>0</v>
      </c>
      <c r="EQ15" s="114">
        <v>0</v>
      </c>
      <c r="ER15" s="113">
        <v>0</v>
      </c>
      <c r="ES15" s="116">
        <v>0</v>
      </c>
      <c r="ET15" s="116">
        <v>0</v>
      </c>
      <c r="EU15" s="116">
        <v>0</v>
      </c>
      <c r="EV15" s="116">
        <v>0</v>
      </c>
      <c r="EW15" s="116">
        <v>0</v>
      </c>
      <c r="EX15" s="115">
        <v>0</v>
      </c>
      <c r="EY15" s="118">
        <v>0</v>
      </c>
      <c r="EZ15" s="112">
        <v>0</v>
      </c>
      <c r="FA15" s="116">
        <v>0</v>
      </c>
      <c r="FB15" s="114">
        <v>0</v>
      </c>
      <c r="FC15" s="390"/>
      <c r="FD15" s="116">
        <v>0</v>
      </c>
      <c r="FE15" s="116">
        <v>0</v>
      </c>
      <c r="FF15" s="116">
        <v>0</v>
      </c>
      <c r="FG15" s="116">
        <v>0</v>
      </c>
      <c r="FH15" s="116">
        <v>0</v>
      </c>
      <c r="FI15" s="115">
        <v>0</v>
      </c>
      <c r="FJ15" s="118">
        <v>0</v>
      </c>
      <c r="FK15" s="112">
        <v>3603427</v>
      </c>
      <c r="FL15" s="116">
        <v>3353904</v>
      </c>
      <c r="FM15" s="115">
        <v>6957331</v>
      </c>
      <c r="FN15" s="112">
        <v>0</v>
      </c>
      <c r="FO15" s="116">
        <v>8591415</v>
      </c>
      <c r="FP15" s="116">
        <v>13413712</v>
      </c>
      <c r="FQ15" s="116">
        <v>10623701</v>
      </c>
      <c r="FR15" s="116">
        <v>11745903</v>
      </c>
      <c r="FS15" s="116">
        <v>8299156</v>
      </c>
      <c r="FT15" s="115">
        <v>52673887</v>
      </c>
      <c r="FU15" s="118">
        <v>59631218</v>
      </c>
      <c r="FV15" s="117">
        <v>1670756</v>
      </c>
      <c r="FW15" s="116">
        <v>2761024</v>
      </c>
      <c r="FX15" s="114">
        <v>4431780</v>
      </c>
      <c r="FY15" s="113">
        <v>0</v>
      </c>
      <c r="FZ15" s="116">
        <v>7317224</v>
      </c>
      <c r="GA15" s="116">
        <v>12020552</v>
      </c>
      <c r="GB15" s="116">
        <v>9839513</v>
      </c>
      <c r="GC15" s="116">
        <v>10946620</v>
      </c>
      <c r="GD15" s="116">
        <v>8030722</v>
      </c>
      <c r="GE15" s="115">
        <v>48154631</v>
      </c>
      <c r="GF15" s="354">
        <v>52586411</v>
      </c>
      <c r="GG15" s="117">
        <v>274309</v>
      </c>
      <c r="GH15" s="116">
        <v>128778</v>
      </c>
      <c r="GI15" s="114">
        <v>403087</v>
      </c>
      <c r="GJ15" s="113">
        <v>0</v>
      </c>
      <c r="GK15" s="116">
        <v>287223</v>
      </c>
      <c r="GL15" s="116">
        <v>472174</v>
      </c>
      <c r="GM15" s="116">
        <v>317792</v>
      </c>
      <c r="GN15" s="116">
        <v>485615</v>
      </c>
      <c r="GO15" s="116">
        <v>260334</v>
      </c>
      <c r="GP15" s="115">
        <v>1823138</v>
      </c>
      <c r="GQ15" s="118">
        <v>2226225</v>
      </c>
      <c r="GR15" s="112">
        <v>1658362</v>
      </c>
      <c r="GS15" s="116">
        <v>464102</v>
      </c>
      <c r="GT15" s="115">
        <v>2122464</v>
      </c>
      <c r="GU15" s="112">
        <v>0</v>
      </c>
      <c r="GV15" s="116">
        <v>986968</v>
      </c>
      <c r="GW15" s="116">
        <v>920986</v>
      </c>
      <c r="GX15" s="116">
        <v>466396</v>
      </c>
      <c r="GY15" s="116">
        <v>313668</v>
      </c>
      <c r="GZ15" s="116">
        <v>8100</v>
      </c>
      <c r="HA15" s="114">
        <v>2696118</v>
      </c>
      <c r="HB15" s="118">
        <v>4818582</v>
      </c>
      <c r="HC15" s="112">
        <v>2988789</v>
      </c>
      <c r="HD15" s="116">
        <v>2878778</v>
      </c>
      <c r="HE15" s="114">
        <v>5867567</v>
      </c>
      <c r="HF15" s="113">
        <v>0</v>
      </c>
      <c r="HG15" s="116">
        <v>31772741</v>
      </c>
      <c r="HH15" s="116">
        <v>31881592</v>
      </c>
      <c r="HI15" s="116">
        <v>30034955</v>
      </c>
      <c r="HJ15" s="116">
        <v>33551901</v>
      </c>
      <c r="HK15" s="116">
        <v>25216946</v>
      </c>
      <c r="HL15" s="115">
        <v>152458135</v>
      </c>
      <c r="HM15" s="111">
        <v>158325702</v>
      </c>
      <c r="HN15" s="117">
        <v>1931487</v>
      </c>
      <c r="HO15" s="116">
        <v>2656287</v>
      </c>
      <c r="HP15" s="115">
        <v>4587774</v>
      </c>
      <c r="HQ15" s="112">
        <v>0</v>
      </c>
      <c r="HR15" s="116">
        <v>25085663</v>
      </c>
      <c r="HS15" s="116">
        <v>18953313</v>
      </c>
      <c r="HT15" s="116">
        <v>14082505</v>
      </c>
      <c r="HU15" s="116">
        <v>11485777</v>
      </c>
      <c r="HV15" s="116">
        <v>6834671</v>
      </c>
      <c r="HW15" s="114">
        <v>76441929</v>
      </c>
      <c r="HX15" s="118">
        <v>81029703</v>
      </c>
      <c r="HY15" s="131">
        <v>229995</v>
      </c>
      <c r="HZ15" s="166">
        <v>863391</v>
      </c>
      <c r="IA15" s="133">
        <v>1093386</v>
      </c>
      <c r="IB15" s="163">
        <v>0</v>
      </c>
      <c r="IC15" s="149">
        <v>30645419</v>
      </c>
      <c r="ID15" s="164">
        <v>38069684</v>
      </c>
      <c r="IE15" s="150">
        <v>50641313</v>
      </c>
      <c r="IF15" s="149">
        <v>32999429</v>
      </c>
      <c r="IG15" s="150">
        <v>18195613</v>
      </c>
      <c r="IH15" s="165">
        <v>170551458</v>
      </c>
      <c r="II15" s="137">
        <v>171644844</v>
      </c>
      <c r="IJ15" s="261">
        <v>0</v>
      </c>
      <c r="IK15" s="268">
        <v>0</v>
      </c>
      <c r="IL15" s="269">
        <v>0</v>
      </c>
      <c r="IM15" s="157"/>
      <c r="IN15" s="122">
        <v>255100</v>
      </c>
      <c r="IO15" s="122">
        <v>634748</v>
      </c>
      <c r="IP15" s="122">
        <v>627261</v>
      </c>
      <c r="IQ15" s="122">
        <v>1554750</v>
      </c>
      <c r="IR15" s="122">
        <v>950389</v>
      </c>
      <c r="IS15" s="158">
        <v>4022248</v>
      </c>
      <c r="IT15" s="357">
        <v>4022248</v>
      </c>
      <c r="IU15" s="159">
        <v>0</v>
      </c>
      <c r="IV15" s="122">
        <v>0</v>
      </c>
      <c r="IW15" s="123">
        <v>0</v>
      </c>
      <c r="IX15" s="161"/>
      <c r="IY15" s="122">
        <v>0</v>
      </c>
      <c r="IZ15" s="122">
        <v>0</v>
      </c>
      <c r="JA15" s="122">
        <v>0</v>
      </c>
      <c r="JB15" s="122">
        <v>0</v>
      </c>
      <c r="JC15" s="122">
        <v>0</v>
      </c>
      <c r="JD15" s="123">
        <v>0</v>
      </c>
      <c r="JE15" s="124">
        <v>0</v>
      </c>
      <c r="JF15" s="159">
        <v>0</v>
      </c>
      <c r="JG15" s="122">
        <v>0</v>
      </c>
      <c r="JH15" s="158">
        <v>0</v>
      </c>
      <c r="JI15" s="121">
        <v>0</v>
      </c>
      <c r="JJ15" s="122">
        <v>16014926</v>
      </c>
      <c r="JK15" s="122">
        <v>15673145</v>
      </c>
      <c r="JL15" s="122">
        <v>14058213</v>
      </c>
      <c r="JM15" s="122">
        <v>9174277</v>
      </c>
      <c r="JN15" s="122">
        <v>2744637</v>
      </c>
      <c r="JO15" s="123">
        <v>57665198</v>
      </c>
      <c r="JP15" s="357">
        <v>57665198</v>
      </c>
      <c r="JQ15" s="159">
        <v>0</v>
      </c>
      <c r="JR15" s="122">
        <v>0</v>
      </c>
      <c r="JS15" s="158">
        <v>0</v>
      </c>
      <c r="JT15" s="121">
        <v>0</v>
      </c>
      <c r="JU15" s="122">
        <v>424833</v>
      </c>
      <c r="JV15" s="122">
        <v>708752</v>
      </c>
      <c r="JW15" s="122">
        <v>519730</v>
      </c>
      <c r="JX15" s="122">
        <v>633840</v>
      </c>
      <c r="JY15" s="122">
        <v>599355</v>
      </c>
      <c r="JZ15" s="123">
        <v>2886510</v>
      </c>
      <c r="KA15" s="357">
        <v>2886510</v>
      </c>
      <c r="KB15" s="264">
        <v>229995</v>
      </c>
      <c r="KC15" s="258">
        <v>609875</v>
      </c>
      <c r="KD15" s="123">
        <v>839870</v>
      </c>
      <c r="KE15" s="121">
        <v>0</v>
      </c>
      <c r="KF15" s="122">
        <v>5109658</v>
      </c>
      <c r="KG15" s="122">
        <v>5977510</v>
      </c>
      <c r="KH15" s="122">
        <v>5950360</v>
      </c>
      <c r="KI15" s="122">
        <v>5480811</v>
      </c>
      <c r="KJ15" s="122">
        <v>884909</v>
      </c>
      <c r="KK15" s="123">
        <v>23403248</v>
      </c>
      <c r="KL15" s="160">
        <v>24243118</v>
      </c>
      <c r="KM15" s="261">
        <v>0</v>
      </c>
      <c r="KN15" s="268">
        <v>253516</v>
      </c>
      <c r="KO15" s="269">
        <v>253516</v>
      </c>
      <c r="KP15" s="157"/>
      <c r="KQ15" s="122">
        <v>7236270</v>
      </c>
      <c r="KR15" s="122">
        <v>13419849</v>
      </c>
      <c r="KS15" s="122">
        <v>25428387</v>
      </c>
      <c r="KT15" s="122">
        <v>11228669</v>
      </c>
      <c r="KU15" s="122">
        <v>7234099</v>
      </c>
      <c r="KV15" s="123">
        <v>64547274</v>
      </c>
      <c r="KW15" s="357">
        <v>64800790</v>
      </c>
      <c r="KX15" s="159">
        <v>0</v>
      </c>
      <c r="KY15" s="122">
        <v>0</v>
      </c>
      <c r="KZ15" s="123">
        <v>0</v>
      </c>
      <c r="LA15" s="162"/>
      <c r="LB15" s="122">
        <v>523481</v>
      </c>
      <c r="LC15" s="122">
        <v>1105456</v>
      </c>
      <c r="LD15" s="122">
        <v>1195461</v>
      </c>
      <c r="LE15" s="122">
        <v>933326</v>
      </c>
      <c r="LF15" s="122">
        <v>1342504</v>
      </c>
      <c r="LG15" s="123">
        <v>5100228</v>
      </c>
      <c r="LH15" s="124">
        <v>5100228</v>
      </c>
      <c r="LI15" s="159">
        <v>0</v>
      </c>
      <c r="LJ15" s="122">
        <v>0</v>
      </c>
      <c r="LK15" s="123">
        <v>0</v>
      </c>
      <c r="LL15" s="162"/>
      <c r="LM15" s="122">
        <v>0</v>
      </c>
      <c r="LN15" s="122">
        <v>0</v>
      </c>
      <c r="LO15" s="122">
        <v>0</v>
      </c>
      <c r="LP15" s="122">
        <v>321517</v>
      </c>
      <c r="LQ15" s="122">
        <v>0</v>
      </c>
      <c r="LR15" s="123">
        <v>321517</v>
      </c>
      <c r="LS15" s="357">
        <v>321517</v>
      </c>
      <c r="LT15" s="159">
        <v>0</v>
      </c>
      <c r="LU15" s="122">
        <v>0</v>
      </c>
      <c r="LV15" s="123">
        <v>0</v>
      </c>
      <c r="LW15" s="162"/>
      <c r="LX15" s="122">
        <v>1081151</v>
      </c>
      <c r="LY15" s="122">
        <v>550224</v>
      </c>
      <c r="LZ15" s="122">
        <v>2861901</v>
      </c>
      <c r="MA15" s="122">
        <v>3672239</v>
      </c>
      <c r="MB15" s="122">
        <v>4439720</v>
      </c>
      <c r="MC15" s="123">
        <v>12605235</v>
      </c>
      <c r="MD15" s="124">
        <v>12605235</v>
      </c>
      <c r="ME15" s="159">
        <v>0</v>
      </c>
      <c r="MF15" s="122">
        <v>0</v>
      </c>
      <c r="MG15" s="123">
        <v>0</v>
      </c>
      <c r="MH15" s="162"/>
      <c r="MI15" s="122">
        <v>8268202</v>
      </c>
      <c r="MJ15" s="122">
        <v>17492698</v>
      </c>
      <c r="MK15" s="122">
        <v>83418367</v>
      </c>
      <c r="ML15" s="122">
        <v>156056009</v>
      </c>
      <c r="MM15" s="122">
        <v>120923185</v>
      </c>
      <c r="MN15" s="123">
        <v>386158461</v>
      </c>
      <c r="MO15" s="160">
        <v>386158461</v>
      </c>
      <c r="MP15" s="159">
        <v>0</v>
      </c>
      <c r="MQ15" s="122">
        <v>0</v>
      </c>
      <c r="MR15" s="123">
        <v>0</v>
      </c>
      <c r="MS15" s="162"/>
      <c r="MT15" s="122">
        <v>1362087</v>
      </c>
      <c r="MU15" s="122">
        <v>733891</v>
      </c>
      <c r="MV15" s="122">
        <v>54434292</v>
      </c>
      <c r="MW15" s="122">
        <v>114453137</v>
      </c>
      <c r="MX15" s="122">
        <v>95087958</v>
      </c>
      <c r="MY15" s="123">
        <v>266071365</v>
      </c>
      <c r="MZ15" s="160">
        <v>266071365</v>
      </c>
      <c r="NA15" s="159">
        <v>0</v>
      </c>
      <c r="NB15" s="122">
        <v>0</v>
      </c>
      <c r="NC15" s="123">
        <v>0</v>
      </c>
      <c r="ND15" s="162"/>
      <c r="NE15" s="122">
        <v>6906115</v>
      </c>
      <c r="NF15" s="122">
        <v>16758807</v>
      </c>
      <c r="NG15" s="122">
        <v>28300952</v>
      </c>
      <c r="NH15" s="122">
        <v>40205745</v>
      </c>
      <c r="NI15" s="122">
        <v>23537367</v>
      </c>
      <c r="NJ15" s="123">
        <v>115708986</v>
      </c>
      <c r="NK15" s="357">
        <v>115708986</v>
      </c>
      <c r="NL15" s="159">
        <v>0</v>
      </c>
      <c r="NM15" s="122">
        <v>0</v>
      </c>
      <c r="NN15" s="123">
        <v>0</v>
      </c>
      <c r="NO15" s="162"/>
      <c r="NP15" s="122">
        <v>0</v>
      </c>
      <c r="NQ15" s="122">
        <v>0</v>
      </c>
      <c r="NR15" s="122">
        <v>0</v>
      </c>
      <c r="NS15" s="122">
        <v>1017964</v>
      </c>
      <c r="NT15" s="122">
        <v>351607</v>
      </c>
      <c r="NU15" s="123">
        <v>1369571</v>
      </c>
      <c r="NV15" s="124">
        <v>1369571</v>
      </c>
      <c r="NW15" s="159">
        <v>0</v>
      </c>
      <c r="NX15" s="122">
        <v>0</v>
      </c>
      <c r="NY15" s="123">
        <v>0</v>
      </c>
      <c r="NZ15" s="162"/>
      <c r="OA15" s="122">
        <v>0</v>
      </c>
      <c r="OB15" s="122">
        <v>0</v>
      </c>
      <c r="OC15" s="122">
        <v>683123</v>
      </c>
      <c r="OD15" s="122">
        <v>379163</v>
      </c>
      <c r="OE15" s="122">
        <v>1946253</v>
      </c>
      <c r="OF15" s="123">
        <v>3008539</v>
      </c>
      <c r="OG15" s="124">
        <v>3008539</v>
      </c>
      <c r="OH15" s="159">
        <v>11416311</v>
      </c>
      <c r="OI15" s="122">
        <v>14872947</v>
      </c>
      <c r="OJ15" s="158">
        <v>26289258</v>
      </c>
      <c r="OK15" s="121">
        <v>0</v>
      </c>
      <c r="OL15" s="122">
        <v>173693220</v>
      </c>
      <c r="OM15" s="122">
        <v>203496213</v>
      </c>
      <c r="ON15" s="122">
        <v>278873002</v>
      </c>
      <c r="OO15" s="122">
        <v>350904674</v>
      </c>
      <c r="OP15" s="122">
        <v>262435988</v>
      </c>
      <c r="OQ15" s="123">
        <v>1269403097</v>
      </c>
      <c r="OR15" s="160">
        <v>1295692355</v>
      </c>
    </row>
    <row r="16" spans="1:408" ht="18.75" customHeight="1" x14ac:dyDescent="0.2">
      <c r="A16" s="62" t="s">
        <v>10</v>
      </c>
      <c r="B16" s="112">
        <v>22418421</v>
      </c>
      <c r="C16" s="116">
        <v>43805291</v>
      </c>
      <c r="D16" s="115">
        <v>66223712</v>
      </c>
      <c r="E16" s="190">
        <v>0</v>
      </c>
      <c r="F16" s="116">
        <v>305979903</v>
      </c>
      <c r="G16" s="116">
        <v>247727847</v>
      </c>
      <c r="H16" s="116">
        <v>227363346</v>
      </c>
      <c r="I16" s="116">
        <v>213081695</v>
      </c>
      <c r="J16" s="116">
        <v>183134158</v>
      </c>
      <c r="K16" s="111">
        <v>1177286949</v>
      </c>
      <c r="L16" s="118">
        <v>1243510661</v>
      </c>
      <c r="M16" s="112">
        <v>4953839</v>
      </c>
      <c r="N16" s="116">
        <v>12986060</v>
      </c>
      <c r="O16" s="115">
        <v>17939899</v>
      </c>
      <c r="P16" s="112">
        <v>0</v>
      </c>
      <c r="Q16" s="116">
        <v>95882206</v>
      </c>
      <c r="R16" s="116">
        <v>78599387</v>
      </c>
      <c r="S16" s="116">
        <v>76236202</v>
      </c>
      <c r="T16" s="116">
        <v>91860095</v>
      </c>
      <c r="U16" s="116">
        <v>95860469</v>
      </c>
      <c r="V16" s="115">
        <v>438438359</v>
      </c>
      <c r="W16" s="118">
        <v>456378258</v>
      </c>
      <c r="X16" s="112">
        <v>0</v>
      </c>
      <c r="Y16" s="116">
        <v>0</v>
      </c>
      <c r="Z16" s="115">
        <v>0</v>
      </c>
      <c r="AA16" s="112">
        <v>0</v>
      </c>
      <c r="AB16" s="116">
        <v>47826240</v>
      </c>
      <c r="AC16" s="116">
        <v>41623888</v>
      </c>
      <c r="AD16" s="116">
        <v>48433312</v>
      </c>
      <c r="AE16" s="443">
        <v>58603251</v>
      </c>
      <c r="AF16" s="443">
        <v>59308075</v>
      </c>
      <c r="AG16" s="115">
        <v>255794766</v>
      </c>
      <c r="AH16" s="118">
        <v>255794766</v>
      </c>
      <c r="AI16" s="112">
        <v>0</v>
      </c>
      <c r="AJ16" s="116">
        <v>0</v>
      </c>
      <c r="AK16" s="115">
        <v>0</v>
      </c>
      <c r="AL16" s="112">
        <v>0</v>
      </c>
      <c r="AM16" s="116">
        <v>716561</v>
      </c>
      <c r="AN16" s="116">
        <v>1177337</v>
      </c>
      <c r="AO16" s="116">
        <v>1546674</v>
      </c>
      <c r="AP16" s="116">
        <v>5330141</v>
      </c>
      <c r="AQ16" s="116">
        <v>9295368</v>
      </c>
      <c r="AR16" s="115">
        <v>18066081</v>
      </c>
      <c r="AS16" s="118">
        <v>18066081</v>
      </c>
      <c r="AT16" s="112">
        <v>2724505</v>
      </c>
      <c r="AU16" s="116">
        <v>8801259</v>
      </c>
      <c r="AV16" s="115">
        <v>11525764</v>
      </c>
      <c r="AW16" s="112">
        <v>0</v>
      </c>
      <c r="AX16" s="116">
        <v>28839395</v>
      </c>
      <c r="AY16" s="116">
        <v>19836742</v>
      </c>
      <c r="AZ16" s="116">
        <v>13908272</v>
      </c>
      <c r="BA16" s="116">
        <v>14456520</v>
      </c>
      <c r="BB16" s="116">
        <v>15090950</v>
      </c>
      <c r="BC16" s="115">
        <v>92131879</v>
      </c>
      <c r="BD16" s="118">
        <v>103657643</v>
      </c>
      <c r="BE16" s="112">
        <v>414010</v>
      </c>
      <c r="BF16" s="116">
        <v>1203731</v>
      </c>
      <c r="BG16" s="114">
        <v>1617741</v>
      </c>
      <c r="BH16" s="113">
        <v>0</v>
      </c>
      <c r="BI16" s="116">
        <v>3228837</v>
      </c>
      <c r="BJ16" s="116">
        <v>2948798</v>
      </c>
      <c r="BK16" s="116">
        <v>1865204</v>
      </c>
      <c r="BL16" s="116">
        <v>1905575</v>
      </c>
      <c r="BM16" s="116">
        <v>1965138</v>
      </c>
      <c r="BN16" s="115">
        <v>11913552</v>
      </c>
      <c r="BO16" s="118">
        <v>13531293</v>
      </c>
      <c r="BP16" s="112">
        <v>1815324</v>
      </c>
      <c r="BQ16" s="116">
        <v>2981070</v>
      </c>
      <c r="BR16" s="115">
        <v>4796394</v>
      </c>
      <c r="BS16" s="112">
        <v>0</v>
      </c>
      <c r="BT16" s="116">
        <v>15271173</v>
      </c>
      <c r="BU16" s="116">
        <v>13012622</v>
      </c>
      <c r="BV16" s="116">
        <v>10482740</v>
      </c>
      <c r="BW16" s="116">
        <v>11564608</v>
      </c>
      <c r="BX16" s="116">
        <v>10200938</v>
      </c>
      <c r="BY16" s="115">
        <v>60532081</v>
      </c>
      <c r="BZ16" s="118">
        <v>65328475</v>
      </c>
      <c r="CA16" s="112">
        <v>1619694</v>
      </c>
      <c r="CB16" s="116">
        <v>3497040</v>
      </c>
      <c r="CC16" s="115">
        <v>5116734</v>
      </c>
      <c r="CD16" s="112">
        <v>0</v>
      </c>
      <c r="CE16" s="443">
        <v>87401337</v>
      </c>
      <c r="CF16" s="443">
        <v>65133526</v>
      </c>
      <c r="CG16" s="443">
        <v>45406162</v>
      </c>
      <c r="CH16" s="116">
        <v>29008549</v>
      </c>
      <c r="CI16" s="116">
        <v>14878588</v>
      </c>
      <c r="CJ16" s="451">
        <v>241828162</v>
      </c>
      <c r="CK16" s="452">
        <v>246944896</v>
      </c>
      <c r="CL16" s="112">
        <v>0</v>
      </c>
      <c r="CM16" s="116">
        <v>0</v>
      </c>
      <c r="CN16" s="115">
        <v>0</v>
      </c>
      <c r="CO16" s="113">
        <v>0</v>
      </c>
      <c r="CP16" s="116">
        <v>75461979</v>
      </c>
      <c r="CQ16" s="116">
        <v>55345908</v>
      </c>
      <c r="CR16" s="116">
        <v>39375016</v>
      </c>
      <c r="CS16" s="116">
        <v>24043153</v>
      </c>
      <c r="CT16" s="116">
        <v>13310207</v>
      </c>
      <c r="CU16" s="115">
        <v>207536263</v>
      </c>
      <c r="CV16" s="118">
        <v>207536263</v>
      </c>
      <c r="CW16" s="112">
        <v>1619694</v>
      </c>
      <c r="CX16" s="116">
        <v>3497040</v>
      </c>
      <c r="CY16" s="115">
        <v>5116734</v>
      </c>
      <c r="CZ16" s="112">
        <v>0</v>
      </c>
      <c r="DA16" s="116">
        <v>11939358</v>
      </c>
      <c r="DB16" s="116">
        <v>9787618</v>
      </c>
      <c r="DC16" s="116">
        <v>6031146</v>
      </c>
      <c r="DD16" s="116">
        <v>4965396</v>
      </c>
      <c r="DE16" s="116">
        <v>1568381</v>
      </c>
      <c r="DF16" s="115">
        <v>34291899</v>
      </c>
      <c r="DG16" s="118">
        <v>39408633</v>
      </c>
      <c r="DH16" s="112">
        <v>168258</v>
      </c>
      <c r="DI16" s="116">
        <v>1106018</v>
      </c>
      <c r="DJ16" s="114">
        <v>1274276</v>
      </c>
      <c r="DK16" s="113">
        <v>0</v>
      </c>
      <c r="DL16" s="116">
        <v>9988960</v>
      </c>
      <c r="DM16" s="116">
        <v>13077232</v>
      </c>
      <c r="DN16" s="116">
        <v>28879388</v>
      </c>
      <c r="DO16" s="116">
        <v>16957031</v>
      </c>
      <c r="DP16" s="116">
        <v>12189946</v>
      </c>
      <c r="DQ16" s="115">
        <v>81092557</v>
      </c>
      <c r="DR16" s="118">
        <v>82366833</v>
      </c>
      <c r="DS16" s="112">
        <v>168258</v>
      </c>
      <c r="DT16" s="116">
        <v>1031156</v>
      </c>
      <c r="DU16" s="115">
        <v>1199414</v>
      </c>
      <c r="DV16" s="112">
        <v>0</v>
      </c>
      <c r="DW16" s="116">
        <v>9640283</v>
      </c>
      <c r="DX16" s="116">
        <v>11928864</v>
      </c>
      <c r="DY16" s="116">
        <v>26719159</v>
      </c>
      <c r="DZ16" s="116">
        <v>16312935</v>
      </c>
      <c r="EA16" s="116">
        <v>11560576</v>
      </c>
      <c r="EB16" s="115">
        <v>76161817</v>
      </c>
      <c r="EC16" s="118">
        <v>77361231</v>
      </c>
      <c r="ED16" s="112">
        <v>0</v>
      </c>
      <c r="EE16" s="114">
        <v>74862</v>
      </c>
      <c r="EF16" s="115">
        <v>74862</v>
      </c>
      <c r="EG16" s="112">
        <v>0</v>
      </c>
      <c r="EH16" s="116">
        <v>348677</v>
      </c>
      <c r="EI16" s="116">
        <v>1148368</v>
      </c>
      <c r="EJ16" s="116">
        <v>2160229</v>
      </c>
      <c r="EK16" s="116">
        <v>644096</v>
      </c>
      <c r="EL16" s="116">
        <v>629370</v>
      </c>
      <c r="EM16" s="114">
        <v>4930740</v>
      </c>
      <c r="EN16" s="118">
        <v>5005602</v>
      </c>
      <c r="EO16" s="112">
        <v>0</v>
      </c>
      <c r="EP16" s="116">
        <v>0</v>
      </c>
      <c r="EQ16" s="114">
        <v>0</v>
      </c>
      <c r="ER16" s="113">
        <v>0</v>
      </c>
      <c r="ES16" s="116">
        <v>0</v>
      </c>
      <c r="ET16" s="116">
        <v>0</v>
      </c>
      <c r="EU16" s="116">
        <v>0</v>
      </c>
      <c r="EV16" s="116">
        <v>0</v>
      </c>
      <c r="EW16" s="116">
        <v>0</v>
      </c>
      <c r="EX16" s="115">
        <v>0</v>
      </c>
      <c r="EY16" s="118">
        <v>0</v>
      </c>
      <c r="EZ16" s="112">
        <v>0</v>
      </c>
      <c r="FA16" s="116">
        <v>0</v>
      </c>
      <c r="FB16" s="114">
        <v>0</v>
      </c>
      <c r="FC16" s="390"/>
      <c r="FD16" s="116">
        <v>0</v>
      </c>
      <c r="FE16" s="116">
        <v>0</v>
      </c>
      <c r="FF16" s="116">
        <v>0</v>
      </c>
      <c r="FG16" s="116">
        <v>0</v>
      </c>
      <c r="FH16" s="116">
        <v>0</v>
      </c>
      <c r="FI16" s="115">
        <v>0</v>
      </c>
      <c r="FJ16" s="118">
        <v>0</v>
      </c>
      <c r="FK16" s="112">
        <v>6256377</v>
      </c>
      <c r="FL16" s="116">
        <v>10130042</v>
      </c>
      <c r="FM16" s="115">
        <v>16386419</v>
      </c>
      <c r="FN16" s="112">
        <v>0</v>
      </c>
      <c r="FO16" s="116">
        <v>18273898</v>
      </c>
      <c r="FP16" s="116">
        <v>22979011</v>
      </c>
      <c r="FQ16" s="116">
        <v>17716145</v>
      </c>
      <c r="FR16" s="116">
        <v>15862723</v>
      </c>
      <c r="FS16" s="116">
        <v>13025835</v>
      </c>
      <c r="FT16" s="115">
        <v>87857612</v>
      </c>
      <c r="FU16" s="118">
        <v>104244031</v>
      </c>
      <c r="FV16" s="117">
        <v>4257773</v>
      </c>
      <c r="FW16" s="116">
        <v>7884932</v>
      </c>
      <c r="FX16" s="114">
        <v>12142705</v>
      </c>
      <c r="FY16" s="113">
        <v>0</v>
      </c>
      <c r="FZ16" s="116">
        <v>15380408</v>
      </c>
      <c r="GA16" s="116">
        <v>21711658</v>
      </c>
      <c r="GB16" s="116">
        <v>16661166</v>
      </c>
      <c r="GC16" s="116">
        <v>15282253</v>
      </c>
      <c r="GD16" s="116">
        <v>12629454</v>
      </c>
      <c r="GE16" s="115">
        <v>81664939</v>
      </c>
      <c r="GF16" s="354">
        <v>93807644</v>
      </c>
      <c r="GG16" s="117">
        <v>506098</v>
      </c>
      <c r="GH16" s="116">
        <v>747561</v>
      </c>
      <c r="GI16" s="114">
        <v>1253659</v>
      </c>
      <c r="GJ16" s="113">
        <v>0</v>
      </c>
      <c r="GK16" s="116">
        <v>1021433</v>
      </c>
      <c r="GL16" s="116">
        <v>563193</v>
      </c>
      <c r="GM16" s="116">
        <v>340684</v>
      </c>
      <c r="GN16" s="116">
        <v>226509</v>
      </c>
      <c r="GO16" s="116">
        <v>205864</v>
      </c>
      <c r="GP16" s="115">
        <v>2357683</v>
      </c>
      <c r="GQ16" s="118">
        <v>3611342</v>
      </c>
      <c r="GR16" s="112">
        <v>1492506</v>
      </c>
      <c r="GS16" s="116">
        <v>1497549</v>
      </c>
      <c r="GT16" s="115">
        <v>2990055</v>
      </c>
      <c r="GU16" s="112">
        <v>0</v>
      </c>
      <c r="GV16" s="116">
        <v>1872057</v>
      </c>
      <c r="GW16" s="116">
        <v>704160</v>
      </c>
      <c r="GX16" s="116">
        <v>714295</v>
      </c>
      <c r="GY16" s="116">
        <v>353961</v>
      </c>
      <c r="GZ16" s="116">
        <v>190517</v>
      </c>
      <c r="HA16" s="114">
        <v>3834990</v>
      </c>
      <c r="HB16" s="118">
        <v>6825045</v>
      </c>
      <c r="HC16" s="112">
        <v>4157214</v>
      </c>
      <c r="HD16" s="116">
        <v>9114252</v>
      </c>
      <c r="HE16" s="114">
        <v>13271466</v>
      </c>
      <c r="HF16" s="113">
        <v>0</v>
      </c>
      <c r="HG16" s="116">
        <v>44397467</v>
      </c>
      <c r="HH16" s="116">
        <v>40718292</v>
      </c>
      <c r="HI16" s="116">
        <v>39565931</v>
      </c>
      <c r="HJ16" s="116">
        <v>45309924</v>
      </c>
      <c r="HK16" s="116">
        <v>37565047</v>
      </c>
      <c r="HL16" s="115">
        <v>207556661</v>
      </c>
      <c r="HM16" s="111">
        <v>220828127</v>
      </c>
      <c r="HN16" s="117">
        <v>5263039</v>
      </c>
      <c r="HO16" s="116">
        <v>6971879</v>
      </c>
      <c r="HP16" s="115">
        <v>12234918</v>
      </c>
      <c r="HQ16" s="112">
        <v>0</v>
      </c>
      <c r="HR16" s="116">
        <v>50036035</v>
      </c>
      <c r="HS16" s="116">
        <v>27220399</v>
      </c>
      <c r="HT16" s="116">
        <v>19559518</v>
      </c>
      <c r="HU16" s="116">
        <v>14083373</v>
      </c>
      <c r="HV16" s="116">
        <v>9614273</v>
      </c>
      <c r="HW16" s="114">
        <v>120513598</v>
      </c>
      <c r="HX16" s="118">
        <v>132748516</v>
      </c>
      <c r="HY16" s="167">
        <v>390425</v>
      </c>
      <c r="HZ16" s="152">
        <v>3298502</v>
      </c>
      <c r="IA16" s="167">
        <v>3688927</v>
      </c>
      <c r="IB16" s="151">
        <v>0</v>
      </c>
      <c r="IC16" s="152">
        <v>78746673</v>
      </c>
      <c r="ID16" s="153">
        <v>79779157</v>
      </c>
      <c r="IE16" s="154">
        <v>73888899</v>
      </c>
      <c r="IF16" s="152">
        <v>69666558</v>
      </c>
      <c r="IG16" s="154">
        <v>58458166</v>
      </c>
      <c r="IH16" s="155">
        <v>360539453</v>
      </c>
      <c r="II16" s="167">
        <v>364228380</v>
      </c>
      <c r="IJ16" s="261">
        <v>0</v>
      </c>
      <c r="IK16" s="268">
        <v>0</v>
      </c>
      <c r="IL16" s="269">
        <v>0</v>
      </c>
      <c r="IM16" s="157"/>
      <c r="IN16" s="122">
        <v>1637184</v>
      </c>
      <c r="IO16" s="122">
        <v>1364454</v>
      </c>
      <c r="IP16" s="122">
        <v>2215131</v>
      </c>
      <c r="IQ16" s="122">
        <v>3127432</v>
      </c>
      <c r="IR16" s="122">
        <v>2703631</v>
      </c>
      <c r="IS16" s="158">
        <v>11047832</v>
      </c>
      <c r="IT16" s="357">
        <v>11047832</v>
      </c>
      <c r="IU16" s="159">
        <v>0</v>
      </c>
      <c r="IV16" s="122">
        <v>0</v>
      </c>
      <c r="IW16" s="123">
        <v>0</v>
      </c>
      <c r="IX16" s="161"/>
      <c r="IY16" s="122">
        <v>150081</v>
      </c>
      <c r="IZ16" s="122">
        <v>116773</v>
      </c>
      <c r="JA16" s="122">
        <v>454298</v>
      </c>
      <c r="JB16" s="122">
        <v>273446</v>
      </c>
      <c r="JC16" s="122">
        <v>154728</v>
      </c>
      <c r="JD16" s="123">
        <v>1149326</v>
      </c>
      <c r="JE16" s="124">
        <v>1149326</v>
      </c>
      <c r="JF16" s="159">
        <v>0</v>
      </c>
      <c r="JG16" s="122">
        <v>0</v>
      </c>
      <c r="JH16" s="158">
        <v>0</v>
      </c>
      <c r="JI16" s="121">
        <v>0</v>
      </c>
      <c r="JJ16" s="122">
        <v>23759770</v>
      </c>
      <c r="JK16" s="122">
        <v>15000248</v>
      </c>
      <c r="JL16" s="122">
        <v>10018700</v>
      </c>
      <c r="JM16" s="122">
        <v>5276223</v>
      </c>
      <c r="JN16" s="122">
        <v>3304994</v>
      </c>
      <c r="JO16" s="123">
        <v>57359935</v>
      </c>
      <c r="JP16" s="357">
        <v>57359935</v>
      </c>
      <c r="JQ16" s="159">
        <v>0</v>
      </c>
      <c r="JR16" s="122">
        <v>45331</v>
      </c>
      <c r="JS16" s="158">
        <v>45331</v>
      </c>
      <c r="JT16" s="121">
        <v>0</v>
      </c>
      <c r="JU16" s="122">
        <v>1158198</v>
      </c>
      <c r="JV16" s="122">
        <v>1740838</v>
      </c>
      <c r="JW16" s="122">
        <v>1802329</v>
      </c>
      <c r="JX16" s="122">
        <v>1088092</v>
      </c>
      <c r="JY16" s="122">
        <v>949104</v>
      </c>
      <c r="JZ16" s="123">
        <v>6738561</v>
      </c>
      <c r="KA16" s="357">
        <v>6783892</v>
      </c>
      <c r="KB16" s="264">
        <v>390425</v>
      </c>
      <c r="KC16" s="258">
        <v>2006001</v>
      </c>
      <c r="KD16" s="123">
        <v>2396426</v>
      </c>
      <c r="KE16" s="121">
        <v>0</v>
      </c>
      <c r="KF16" s="122">
        <v>13169943</v>
      </c>
      <c r="KG16" s="122">
        <v>17535224</v>
      </c>
      <c r="KH16" s="122">
        <v>21819227</v>
      </c>
      <c r="KI16" s="122">
        <v>17042688</v>
      </c>
      <c r="KJ16" s="122">
        <v>9485932</v>
      </c>
      <c r="KK16" s="123">
        <v>79053014</v>
      </c>
      <c r="KL16" s="160">
        <v>81449440</v>
      </c>
      <c r="KM16" s="261">
        <v>0</v>
      </c>
      <c r="KN16" s="268">
        <v>1247170</v>
      </c>
      <c r="KO16" s="269">
        <v>1247170</v>
      </c>
      <c r="KP16" s="157"/>
      <c r="KQ16" s="122">
        <v>32347263</v>
      </c>
      <c r="KR16" s="122">
        <v>33726040</v>
      </c>
      <c r="KS16" s="122">
        <v>21352172</v>
      </c>
      <c r="KT16" s="122">
        <v>22989226</v>
      </c>
      <c r="KU16" s="122">
        <v>22248220</v>
      </c>
      <c r="KV16" s="123">
        <v>132662921</v>
      </c>
      <c r="KW16" s="357">
        <v>133910091</v>
      </c>
      <c r="KX16" s="159">
        <v>0</v>
      </c>
      <c r="KY16" s="122">
        <v>0</v>
      </c>
      <c r="KZ16" s="123">
        <v>0</v>
      </c>
      <c r="LA16" s="162"/>
      <c r="LB16" s="122">
        <v>4293112</v>
      </c>
      <c r="LC16" s="122">
        <v>6386211</v>
      </c>
      <c r="LD16" s="122">
        <v>7068067</v>
      </c>
      <c r="LE16" s="122">
        <v>6069638</v>
      </c>
      <c r="LF16" s="122">
        <v>6664472</v>
      </c>
      <c r="LG16" s="123">
        <v>30481500</v>
      </c>
      <c r="LH16" s="124">
        <v>30481500</v>
      </c>
      <c r="LI16" s="159">
        <v>0</v>
      </c>
      <c r="LJ16" s="122">
        <v>0</v>
      </c>
      <c r="LK16" s="123">
        <v>0</v>
      </c>
      <c r="LL16" s="162"/>
      <c r="LM16" s="122">
        <v>213671</v>
      </c>
      <c r="LN16" s="122">
        <v>0</v>
      </c>
      <c r="LO16" s="122">
        <v>1042821</v>
      </c>
      <c r="LP16" s="122">
        <v>5407648</v>
      </c>
      <c r="LQ16" s="122">
        <v>5833790</v>
      </c>
      <c r="LR16" s="123">
        <v>12497930</v>
      </c>
      <c r="LS16" s="357">
        <v>12497930</v>
      </c>
      <c r="LT16" s="159">
        <v>0</v>
      </c>
      <c r="LU16" s="122">
        <v>0</v>
      </c>
      <c r="LV16" s="123">
        <v>0</v>
      </c>
      <c r="LW16" s="162"/>
      <c r="LX16" s="122">
        <v>2017451</v>
      </c>
      <c r="LY16" s="122">
        <v>3909369</v>
      </c>
      <c r="LZ16" s="122">
        <v>8116154</v>
      </c>
      <c r="MA16" s="122">
        <v>8392165</v>
      </c>
      <c r="MB16" s="122">
        <v>7113295</v>
      </c>
      <c r="MC16" s="123">
        <v>29548434</v>
      </c>
      <c r="MD16" s="124">
        <v>29548434</v>
      </c>
      <c r="ME16" s="159">
        <v>0</v>
      </c>
      <c r="MF16" s="122">
        <v>0</v>
      </c>
      <c r="MG16" s="123">
        <v>0</v>
      </c>
      <c r="MH16" s="162"/>
      <c r="MI16" s="122">
        <v>32621403</v>
      </c>
      <c r="MJ16" s="122">
        <v>50988902</v>
      </c>
      <c r="MK16" s="122">
        <v>148937653</v>
      </c>
      <c r="ML16" s="122">
        <v>203929738</v>
      </c>
      <c r="MM16" s="122">
        <v>186888663</v>
      </c>
      <c r="MN16" s="123">
        <v>623366359</v>
      </c>
      <c r="MO16" s="160">
        <v>623366359</v>
      </c>
      <c r="MP16" s="159">
        <v>0</v>
      </c>
      <c r="MQ16" s="122">
        <v>0</v>
      </c>
      <c r="MR16" s="123">
        <v>0</v>
      </c>
      <c r="MS16" s="162"/>
      <c r="MT16" s="122">
        <v>3726611</v>
      </c>
      <c r="MU16" s="122">
        <v>11878547</v>
      </c>
      <c r="MV16" s="122">
        <v>103249936</v>
      </c>
      <c r="MW16" s="122">
        <v>149478981</v>
      </c>
      <c r="MX16" s="122">
        <v>135670463</v>
      </c>
      <c r="MY16" s="123">
        <v>404004538</v>
      </c>
      <c r="MZ16" s="160">
        <v>404004538</v>
      </c>
      <c r="NA16" s="159">
        <v>0</v>
      </c>
      <c r="NB16" s="122">
        <v>0</v>
      </c>
      <c r="NC16" s="123">
        <v>0</v>
      </c>
      <c r="ND16" s="162"/>
      <c r="NE16" s="122">
        <v>28688998</v>
      </c>
      <c r="NF16" s="122">
        <v>39110355</v>
      </c>
      <c r="NG16" s="122">
        <v>45310953</v>
      </c>
      <c r="NH16" s="122">
        <v>52791183</v>
      </c>
      <c r="NI16" s="122">
        <v>36501701</v>
      </c>
      <c r="NJ16" s="123">
        <v>202403190</v>
      </c>
      <c r="NK16" s="357">
        <v>202403190</v>
      </c>
      <c r="NL16" s="159">
        <v>0</v>
      </c>
      <c r="NM16" s="122">
        <v>0</v>
      </c>
      <c r="NN16" s="123">
        <v>0</v>
      </c>
      <c r="NO16" s="162"/>
      <c r="NP16" s="122">
        <v>0</v>
      </c>
      <c r="NQ16" s="122">
        <v>0</v>
      </c>
      <c r="NR16" s="122">
        <v>0</v>
      </c>
      <c r="NS16" s="122">
        <v>576592</v>
      </c>
      <c r="NT16" s="122">
        <v>3227599</v>
      </c>
      <c r="NU16" s="123">
        <v>3804191</v>
      </c>
      <c r="NV16" s="124">
        <v>3804191</v>
      </c>
      <c r="NW16" s="159">
        <v>0</v>
      </c>
      <c r="NX16" s="122">
        <v>0</v>
      </c>
      <c r="NY16" s="123">
        <v>0</v>
      </c>
      <c r="NZ16" s="162"/>
      <c r="OA16" s="122">
        <v>205794</v>
      </c>
      <c r="OB16" s="122">
        <v>0</v>
      </c>
      <c r="OC16" s="122">
        <v>376764</v>
      </c>
      <c r="OD16" s="122">
        <v>1082982</v>
      </c>
      <c r="OE16" s="122">
        <v>11488900</v>
      </c>
      <c r="OF16" s="123">
        <v>13154440</v>
      </c>
      <c r="OG16" s="124">
        <v>13154440</v>
      </c>
      <c r="OH16" s="159">
        <v>22808846</v>
      </c>
      <c r="OI16" s="122">
        <v>47103793</v>
      </c>
      <c r="OJ16" s="158">
        <v>69912639</v>
      </c>
      <c r="OK16" s="121">
        <v>0</v>
      </c>
      <c r="OL16" s="122">
        <v>417347979</v>
      </c>
      <c r="OM16" s="122">
        <v>378495906</v>
      </c>
      <c r="ON16" s="122">
        <v>450189898</v>
      </c>
      <c r="OO16" s="122">
        <v>486677991</v>
      </c>
      <c r="OP16" s="122">
        <v>428480987</v>
      </c>
      <c r="OQ16" s="123">
        <v>2161192761</v>
      </c>
      <c r="OR16" s="160">
        <v>2231105400</v>
      </c>
    </row>
    <row r="17" spans="1:408" ht="18.75" customHeight="1" x14ac:dyDescent="0.2">
      <c r="A17" s="62" t="s">
        <v>11</v>
      </c>
      <c r="B17" s="112">
        <v>10957743</v>
      </c>
      <c r="C17" s="116">
        <v>14276566</v>
      </c>
      <c r="D17" s="188">
        <v>25234309</v>
      </c>
      <c r="E17" s="113">
        <v>0</v>
      </c>
      <c r="F17" s="116">
        <v>157443948</v>
      </c>
      <c r="G17" s="116">
        <v>128640156</v>
      </c>
      <c r="H17" s="116">
        <v>120445003</v>
      </c>
      <c r="I17" s="116">
        <v>122010164</v>
      </c>
      <c r="J17" s="116">
        <v>91442189</v>
      </c>
      <c r="K17" s="111">
        <v>619981460</v>
      </c>
      <c r="L17" s="118">
        <v>645215769</v>
      </c>
      <c r="M17" s="112">
        <v>1633090</v>
      </c>
      <c r="N17" s="116">
        <v>2610709</v>
      </c>
      <c r="O17" s="115">
        <v>4243799</v>
      </c>
      <c r="P17" s="112">
        <v>0</v>
      </c>
      <c r="Q17" s="116">
        <v>36545845</v>
      </c>
      <c r="R17" s="116">
        <v>34905330</v>
      </c>
      <c r="S17" s="116">
        <v>36745146</v>
      </c>
      <c r="T17" s="116">
        <v>41653411</v>
      </c>
      <c r="U17" s="116">
        <v>42650774</v>
      </c>
      <c r="V17" s="115">
        <v>192500506</v>
      </c>
      <c r="W17" s="118">
        <v>196744305</v>
      </c>
      <c r="X17" s="112">
        <v>2792</v>
      </c>
      <c r="Y17" s="116">
        <v>0</v>
      </c>
      <c r="Z17" s="115">
        <v>2792</v>
      </c>
      <c r="AA17" s="112">
        <v>0</v>
      </c>
      <c r="AB17" s="116">
        <v>19112063</v>
      </c>
      <c r="AC17" s="116">
        <v>20372348</v>
      </c>
      <c r="AD17" s="116">
        <v>22216685</v>
      </c>
      <c r="AE17" s="443">
        <v>25895054</v>
      </c>
      <c r="AF17" s="443">
        <v>25720130</v>
      </c>
      <c r="AG17" s="115">
        <v>113316280</v>
      </c>
      <c r="AH17" s="118">
        <v>113319072</v>
      </c>
      <c r="AI17" s="112">
        <v>0</v>
      </c>
      <c r="AJ17" s="116">
        <v>35216</v>
      </c>
      <c r="AK17" s="115">
        <v>35216</v>
      </c>
      <c r="AL17" s="112">
        <v>0</v>
      </c>
      <c r="AM17" s="116">
        <v>181148</v>
      </c>
      <c r="AN17" s="116">
        <v>624620</v>
      </c>
      <c r="AO17" s="116">
        <v>1315334</v>
      </c>
      <c r="AP17" s="116">
        <v>2517820</v>
      </c>
      <c r="AQ17" s="116">
        <v>3891344</v>
      </c>
      <c r="AR17" s="115">
        <v>8530266</v>
      </c>
      <c r="AS17" s="118">
        <v>8565482</v>
      </c>
      <c r="AT17" s="112">
        <v>943733</v>
      </c>
      <c r="AU17" s="116">
        <v>1797738</v>
      </c>
      <c r="AV17" s="115">
        <v>2741471</v>
      </c>
      <c r="AW17" s="112">
        <v>0</v>
      </c>
      <c r="AX17" s="116">
        <v>10771507</v>
      </c>
      <c r="AY17" s="116">
        <v>7768326</v>
      </c>
      <c r="AZ17" s="116">
        <v>7803447</v>
      </c>
      <c r="BA17" s="116">
        <v>7408744</v>
      </c>
      <c r="BB17" s="116">
        <v>9327603</v>
      </c>
      <c r="BC17" s="115">
        <v>43079627</v>
      </c>
      <c r="BD17" s="118">
        <v>45821098</v>
      </c>
      <c r="BE17" s="112">
        <v>155052</v>
      </c>
      <c r="BF17" s="116">
        <v>263924</v>
      </c>
      <c r="BG17" s="114">
        <v>418976</v>
      </c>
      <c r="BH17" s="113">
        <v>0</v>
      </c>
      <c r="BI17" s="116">
        <v>1090294</v>
      </c>
      <c r="BJ17" s="116">
        <v>809221</v>
      </c>
      <c r="BK17" s="116">
        <v>721888</v>
      </c>
      <c r="BL17" s="116">
        <v>828545</v>
      </c>
      <c r="BM17" s="116">
        <v>140716</v>
      </c>
      <c r="BN17" s="115">
        <v>3590664</v>
      </c>
      <c r="BO17" s="118">
        <v>4009640</v>
      </c>
      <c r="BP17" s="112">
        <v>531513</v>
      </c>
      <c r="BQ17" s="116">
        <v>513831</v>
      </c>
      <c r="BR17" s="115">
        <v>1045344</v>
      </c>
      <c r="BS17" s="112">
        <v>0</v>
      </c>
      <c r="BT17" s="116">
        <v>5390833</v>
      </c>
      <c r="BU17" s="116">
        <v>5330815</v>
      </c>
      <c r="BV17" s="116">
        <v>4687792</v>
      </c>
      <c r="BW17" s="116">
        <v>5003248</v>
      </c>
      <c r="BX17" s="116">
        <v>3570981</v>
      </c>
      <c r="BY17" s="115">
        <v>23983669</v>
      </c>
      <c r="BZ17" s="118">
        <v>25029013</v>
      </c>
      <c r="CA17" s="112">
        <v>1703974</v>
      </c>
      <c r="CB17" s="116">
        <v>2467065</v>
      </c>
      <c r="CC17" s="115">
        <v>4171039</v>
      </c>
      <c r="CD17" s="112">
        <v>0</v>
      </c>
      <c r="CE17" s="443">
        <v>48335773</v>
      </c>
      <c r="CF17" s="443">
        <v>34856740</v>
      </c>
      <c r="CG17" s="443">
        <v>27744989</v>
      </c>
      <c r="CH17" s="116">
        <v>19495444</v>
      </c>
      <c r="CI17" s="116">
        <v>11487257</v>
      </c>
      <c r="CJ17" s="451">
        <v>141920203</v>
      </c>
      <c r="CK17" s="452">
        <v>146091242</v>
      </c>
      <c r="CL17" s="112">
        <v>0</v>
      </c>
      <c r="CM17" s="116">
        <v>0</v>
      </c>
      <c r="CN17" s="115">
        <v>0</v>
      </c>
      <c r="CO17" s="113">
        <v>0</v>
      </c>
      <c r="CP17" s="116">
        <v>39352953</v>
      </c>
      <c r="CQ17" s="116">
        <v>28127524</v>
      </c>
      <c r="CR17" s="116">
        <v>22339494</v>
      </c>
      <c r="CS17" s="116">
        <v>14914210</v>
      </c>
      <c r="CT17" s="116">
        <v>9894890</v>
      </c>
      <c r="CU17" s="115">
        <v>114629071</v>
      </c>
      <c r="CV17" s="118">
        <v>114629071</v>
      </c>
      <c r="CW17" s="112">
        <v>1703974</v>
      </c>
      <c r="CX17" s="116">
        <v>2467065</v>
      </c>
      <c r="CY17" s="115">
        <v>4171039</v>
      </c>
      <c r="CZ17" s="112">
        <v>0</v>
      </c>
      <c r="DA17" s="116">
        <v>8982820</v>
      </c>
      <c r="DB17" s="116">
        <v>6729216</v>
      </c>
      <c r="DC17" s="116">
        <v>5405495</v>
      </c>
      <c r="DD17" s="116">
        <v>4581234</v>
      </c>
      <c r="DE17" s="116">
        <v>1592367</v>
      </c>
      <c r="DF17" s="115">
        <v>27291132</v>
      </c>
      <c r="DG17" s="118">
        <v>31462171</v>
      </c>
      <c r="DH17" s="112">
        <v>109628</v>
      </c>
      <c r="DI17" s="116">
        <v>242732</v>
      </c>
      <c r="DJ17" s="114">
        <v>352360</v>
      </c>
      <c r="DK17" s="113">
        <v>0</v>
      </c>
      <c r="DL17" s="116">
        <v>5226141</v>
      </c>
      <c r="DM17" s="116">
        <v>6644080</v>
      </c>
      <c r="DN17" s="116">
        <v>11277396</v>
      </c>
      <c r="DO17" s="116">
        <v>9721011</v>
      </c>
      <c r="DP17" s="116">
        <v>3885537</v>
      </c>
      <c r="DQ17" s="115">
        <v>36754165</v>
      </c>
      <c r="DR17" s="118">
        <v>37106525</v>
      </c>
      <c r="DS17" s="112">
        <v>61406</v>
      </c>
      <c r="DT17" s="116">
        <v>242732</v>
      </c>
      <c r="DU17" s="115">
        <v>304138</v>
      </c>
      <c r="DV17" s="112">
        <v>0</v>
      </c>
      <c r="DW17" s="116">
        <v>4539850</v>
      </c>
      <c r="DX17" s="116">
        <v>6133034</v>
      </c>
      <c r="DY17" s="116">
        <v>10099035</v>
      </c>
      <c r="DZ17" s="116">
        <v>8484334</v>
      </c>
      <c r="EA17" s="116">
        <v>3327453</v>
      </c>
      <c r="EB17" s="115">
        <v>32583706</v>
      </c>
      <c r="EC17" s="118">
        <v>32887844</v>
      </c>
      <c r="ED17" s="112">
        <v>48222</v>
      </c>
      <c r="EE17" s="114">
        <v>0</v>
      </c>
      <c r="EF17" s="115">
        <v>48222</v>
      </c>
      <c r="EG17" s="112">
        <v>0</v>
      </c>
      <c r="EH17" s="116">
        <v>686291</v>
      </c>
      <c r="EI17" s="116">
        <v>511046</v>
      </c>
      <c r="EJ17" s="116">
        <v>1178361</v>
      </c>
      <c r="EK17" s="116">
        <v>1236677</v>
      </c>
      <c r="EL17" s="116">
        <v>558084</v>
      </c>
      <c r="EM17" s="114">
        <v>4170459</v>
      </c>
      <c r="EN17" s="118">
        <v>4218681</v>
      </c>
      <c r="EO17" s="112">
        <v>0</v>
      </c>
      <c r="EP17" s="116">
        <v>0</v>
      </c>
      <c r="EQ17" s="114">
        <v>0</v>
      </c>
      <c r="ER17" s="113">
        <v>0</v>
      </c>
      <c r="ES17" s="116">
        <v>0</v>
      </c>
      <c r="ET17" s="116">
        <v>0</v>
      </c>
      <c r="EU17" s="116">
        <v>0</v>
      </c>
      <c r="EV17" s="116">
        <v>0</v>
      </c>
      <c r="EW17" s="116">
        <v>0</v>
      </c>
      <c r="EX17" s="115">
        <v>0</v>
      </c>
      <c r="EY17" s="118">
        <v>0</v>
      </c>
      <c r="EZ17" s="112">
        <v>0</v>
      </c>
      <c r="FA17" s="116">
        <v>0</v>
      </c>
      <c r="FB17" s="114">
        <v>0</v>
      </c>
      <c r="FC17" s="390"/>
      <c r="FD17" s="116">
        <v>0</v>
      </c>
      <c r="FE17" s="116">
        <v>0</v>
      </c>
      <c r="FF17" s="116">
        <v>0</v>
      </c>
      <c r="FG17" s="116">
        <v>0</v>
      </c>
      <c r="FH17" s="116">
        <v>0</v>
      </c>
      <c r="FI17" s="115">
        <v>0</v>
      </c>
      <c r="FJ17" s="118">
        <v>0</v>
      </c>
      <c r="FK17" s="112">
        <v>2841824</v>
      </c>
      <c r="FL17" s="116">
        <v>3039322</v>
      </c>
      <c r="FM17" s="115">
        <v>5881146</v>
      </c>
      <c r="FN17" s="112">
        <v>0</v>
      </c>
      <c r="FO17" s="116">
        <v>7327447</v>
      </c>
      <c r="FP17" s="116">
        <v>11023306</v>
      </c>
      <c r="FQ17" s="116">
        <v>9366021</v>
      </c>
      <c r="FR17" s="116">
        <v>8441869</v>
      </c>
      <c r="FS17" s="116">
        <v>6055031</v>
      </c>
      <c r="FT17" s="115">
        <v>42213674</v>
      </c>
      <c r="FU17" s="118">
        <v>48094820</v>
      </c>
      <c r="FV17" s="117">
        <v>1809043</v>
      </c>
      <c r="FW17" s="116">
        <v>2661558</v>
      </c>
      <c r="FX17" s="114">
        <v>4470601</v>
      </c>
      <c r="FY17" s="113">
        <v>0</v>
      </c>
      <c r="FZ17" s="116">
        <v>6496881</v>
      </c>
      <c r="GA17" s="116">
        <v>10355891</v>
      </c>
      <c r="GB17" s="116">
        <v>8901432</v>
      </c>
      <c r="GC17" s="116">
        <v>8295061</v>
      </c>
      <c r="GD17" s="116">
        <v>5965031</v>
      </c>
      <c r="GE17" s="115">
        <v>40014296</v>
      </c>
      <c r="GF17" s="354">
        <v>44484897</v>
      </c>
      <c r="GG17" s="117">
        <v>167260</v>
      </c>
      <c r="GH17" s="116">
        <v>67032</v>
      </c>
      <c r="GI17" s="114">
        <v>234292</v>
      </c>
      <c r="GJ17" s="113">
        <v>0</v>
      </c>
      <c r="GK17" s="116">
        <v>450676</v>
      </c>
      <c r="GL17" s="116">
        <v>310315</v>
      </c>
      <c r="GM17" s="116">
        <v>150777</v>
      </c>
      <c r="GN17" s="116">
        <v>89208</v>
      </c>
      <c r="GO17" s="116">
        <v>90000</v>
      </c>
      <c r="GP17" s="115">
        <v>1090976</v>
      </c>
      <c r="GQ17" s="118">
        <v>1325268</v>
      </c>
      <c r="GR17" s="112">
        <v>865521</v>
      </c>
      <c r="GS17" s="116">
        <v>310732</v>
      </c>
      <c r="GT17" s="115">
        <v>1176253</v>
      </c>
      <c r="GU17" s="112">
        <v>0</v>
      </c>
      <c r="GV17" s="116">
        <v>379890</v>
      </c>
      <c r="GW17" s="116">
        <v>357100</v>
      </c>
      <c r="GX17" s="116">
        <v>313812</v>
      </c>
      <c r="GY17" s="116">
        <v>57600</v>
      </c>
      <c r="GZ17" s="116">
        <v>0</v>
      </c>
      <c r="HA17" s="114">
        <v>1108402</v>
      </c>
      <c r="HB17" s="118">
        <v>2284655</v>
      </c>
      <c r="HC17" s="112">
        <v>2352364</v>
      </c>
      <c r="HD17" s="116">
        <v>3413688</v>
      </c>
      <c r="HE17" s="114">
        <v>5766052</v>
      </c>
      <c r="HF17" s="113">
        <v>0</v>
      </c>
      <c r="HG17" s="116">
        <v>32389553</v>
      </c>
      <c r="HH17" s="116">
        <v>25923191</v>
      </c>
      <c r="HI17" s="116">
        <v>23042579</v>
      </c>
      <c r="HJ17" s="116">
        <v>34417924</v>
      </c>
      <c r="HK17" s="116">
        <v>22051871</v>
      </c>
      <c r="HL17" s="115">
        <v>137825118</v>
      </c>
      <c r="HM17" s="111">
        <v>143591170</v>
      </c>
      <c r="HN17" s="117">
        <v>2316863</v>
      </c>
      <c r="HO17" s="116">
        <v>2503050</v>
      </c>
      <c r="HP17" s="115">
        <v>4819913</v>
      </c>
      <c r="HQ17" s="112">
        <v>0</v>
      </c>
      <c r="HR17" s="116">
        <v>27619189</v>
      </c>
      <c r="HS17" s="116">
        <v>15287509</v>
      </c>
      <c r="HT17" s="116">
        <v>12268872</v>
      </c>
      <c r="HU17" s="116">
        <v>8280505</v>
      </c>
      <c r="HV17" s="116">
        <v>5311719</v>
      </c>
      <c r="HW17" s="114">
        <v>68767794</v>
      </c>
      <c r="HX17" s="118">
        <v>73587707</v>
      </c>
      <c r="HY17" s="148">
        <v>272311</v>
      </c>
      <c r="HZ17" s="149">
        <v>1548753</v>
      </c>
      <c r="IA17" s="150">
        <v>1821064</v>
      </c>
      <c r="IB17" s="163">
        <v>0</v>
      </c>
      <c r="IC17" s="149">
        <v>50070307</v>
      </c>
      <c r="ID17" s="164">
        <v>52794869</v>
      </c>
      <c r="IE17" s="150">
        <v>41475409</v>
      </c>
      <c r="IF17" s="149">
        <v>31649172</v>
      </c>
      <c r="IG17" s="150">
        <v>18557078</v>
      </c>
      <c r="IH17" s="165">
        <v>194546835</v>
      </c>
      <c r="II17" s="156">
        <v>196367899</v>
      </c>
      <c r="IJ17" s="261">
        <v>0</v>
      </c>
      <c r="IK17" s="268">
        <v>0</v>
      </c>
      <c r="IL17" s="269">
        <v>0</v>
      </c>
      <c r="IM17" s="157"/>
      <c r="IN17" s="122">
        <v>661274</v>
      </c>
      <c r="IO17" s="122">
        <v>761910</v>
      </c>
      <c r="IP17" s="122">
        <v>789000</v>
      </c>
      <c r="IQ17" s="122">
        <v>782234</v>
      </c>
      <c r="IR17" s="122">
        <v>1857799</v>
      </c>
      <c r="IS17" s="158">
        <v>4852217</v>
      </c>
      <c r="IT17" s="357">
        <v>4852217</v>
      </c>
      <c r="IU17" s="159">
        <v>0</v>
      </c>
      <c r="IV17" s="122">
        <v>0</v>
      </c>
      <c r="IW17" s="123">
        <v>0</v>
      </c>
      <c r="IX17" s="161"/>
      <c r="IY17" s="122">
        <v>187773</v>
      </c>
      <c r="IZ17" s="122">
        <v>220047</v>
      </c>
      <c r="JA17" s="122">
        <v>209051</v>
      </c>
      <c r="JB17" s="122">
        <v>178564</v>
      </c>
      <c r="JC17" s="122">
        <v>74244</v>
      </c>
      <c r="JD17" s="123">
        <v>869679</v>
      </c>
      <c r="JE17" s="124">
        <v>869679</v>
      </c>
      <c r="JF17" s="159">
        <v>0</v>
      </c>
      <c r="JG17" s="122">
        <v>0</v>
      </c>
      <c r="JH17" s="158">
        <v>0</v>
      </c>
      <c r="JI17" s="121">
        <v>0</v>
      </c>
      <c r="JJ17" s="122">
        <v>27924110</v>
      </c>
      <c r="JK17" s="122">
        <v>19838023</v>
      </c>
      <c r="JL17" s="122">
        <v>15511019</v>
      </c>
      <c r="JM17" s="122">
        <v>9120814</v>
      </c>
      <c r="JN17" s="122">
        <v>3825148</v>
      </c>
      <c r="JO17" s="123">
        <v>76219114</v>
      </c>
      <c r="JP17" s="357">
        <v>76219114</v>
      </c>
      <c r="JQ17" s="159">
        <v>0</v>
      </c>
      <c r="JR17" s="122">
        <v>146411</v>
      </c>
      <c r="JS17" s="158">
        <v>146411</v>
      </c>
      <c r="JT17" s="121">
        <v>0</v>
      </c>
      <c r="JU17" s="122">
        <v>1258253</v>
      </c>
      <c r="JV17" s="122">
        <v>991244</v>
      </c>
      <c r="JW17" s="122">
        <v>686650</v>
      </c>
      <c r="JX17" s="122">
        <v>112391</v>
      </c>
      <c r="JY17" s="122">
        <v>104194</v>
      </c>
      <c r="JZ17" s="123">
        <v>3152732</v>
      </c>
      <c r="KA17" s="357">
        <v>3299143</v>
      </c>
      <c r="KB17" s="264">
        <v>272311</v>
      </c>
      <c r="KC17" s="258">
        <v>398597</v>
      </c>
      <c r="KD17" s="123">
        <v>670908</v>
      </c>
      <c r="KE17" s="121">
        <v>0</v>
      </c>
      <c r="KF17" s="122">
        <v>4869980</v>
      </c>
      <c r="KG17" s="122">
        <v>8348533</v>
      </c>
      <c r="KH17" s="122">
        <v>6096883</v>
      </c>
      <c r="KI17" s="122">
        <v>4865338</v>
      </c>
      <c r="KJ17" s="122">
        <v>1933530</v>
      </c>
      <c r="KK17" s="123">
        <v>26114264</v>
      </c>
      <c r="KL17" s="160">
        <v>26785172</v>
      </c>
      <c r="KM17" s="261">
        <v>0</v>
      </c>
      <c r="KN17" s="268">
        <v>1003745</v>
      </c>
      <c r="KO17" s="269">
        <v>1003745</v>
      </c>
      <c r="KP17" s="157"/>
      <c r="KQ17" s="122">
        <v>14669265</v>
      </c>
      <c r="KR17" s="122">
        <v>21803991</v>
      </c>
      <c r="KS17" s="122">
        <v>17389115</v>
      </c>
      <c r="KT17" s="122">
        <v>15319165</v>
      </c>
      <c r="KU17" s="122">
        <v>9668741</v>
      </c>
      <c r="KV17" s="123">
        <v>78850277</v>
      </c>
      <c r="KW17" s="357">
        <v>79854022</v>
      </c>
      <c r="KX17" s="159">
        <v>0</v>
      </c>
      <c r="KY17" s="122">
        <v>0</v>
      </c>
      <c r="KZ17" s="123">
        <v>0</v>
      </c>
      <c r="LA17" s="162"/>
      <c r="LB17" s="122">
        <v>0</v>
      </c>
      <c r="LC17" s="122">
        <v>0</v>
      </c>
      <c r="LD17" s="122">
        <v>0</v>
      </c>
      <c r="LE17" s="122">
        <v>0</v>
      </c>
      <c r="LF17" s="122">
        <v>0</v>
      </c>
      <c r="LG17" s="123">
        <v>0</v>
      </c>
      <c r="LH17" s="124">
        <v>0</v>
      </c>
      <c r="LI17" s="159">
        <v>0</v>
      </c>
      <c r="LJ17" s="122">
        <v>0</v>
      </c>
      <c r="LK17" s="123">
        <v>0</v>
      </c>
      <c r="LL17" s="162"/>
      <c r="LM17" s="122">
        <v>0</v>
      </c>
      <c r="LN17" s="122">
        <v>228960</v>
      </c>
      <c r="LO17" s="122">
        <v>224640</v>
      </c>
      <c r="LP17" s="122">
        <v>0</v>
      </c>
      <c r="LQ17" s="122">
        <v>0</v>
      </c>
      <c r="LR17" s="123">
        <v>453600</v>
      </c>
      <c r="LS17" s="357">
        <v>453600</v>
      </c>
      <c r="LT17" s="159">
        <v>0</v>
      </c>
      <c r="LU17" s="122">
        <v>0</v>
      </c>
      <c r="LV17" s="123">
        <v>0</v>
      </c>
      <c r="LW17" s="162"/>
      <c r="LX17" s="122">
        <v>499652</v>
      </c>
      <c r="LY17" s="122">
        <v>602161</v>
      </c>
      <c r="LZ17" s="122">
        <v>569051</v>
      </c>
      <c r="MA17" s="122">
        <v>1270666</v>
      </c>
      <c r="MB17" s="122">
        <v>1093422</v>
      </c>
      <c r="MC17" s="123">
        <v>4034952</v>
      </c>
      <c r="MD17" s="124">
        <v>4034952</v>
      </c>
      <c r="ME17" s="159">
        <v>0</v>
      </c>
      <c r="MF17" s="122">
        <v>0</v>
      </c>
      <c r="MG17" s="123">
        <v>0</v>
      </c>
      <c r="MH17" s="162"/>
      <c r="MI17" s="122">
        <v>22273490</v>
      </c>
      <c r="MJ17" s="122">
        <v>27802933</v>
      </c>
      <c r="MK17" s="122">
        <v>95008635</v>
      </c>
      <c r="ML17" s="122">
        <v>145781460</v>
      </c>
      <c r="MM17" s="122">
        <v>83018266</v>
      </c>
      <c r="MN17" s="123">
        <v>373884784</v>
      </c>
      <c r="MO17" s="160">
        <v>373884784</v>
      </c>
      <c r="MP17" s="159">
        <v>0</v>
      </c>
      <c r="MQ17" s="122">
        <v>0</v>
      </c>
      <c r="MR17" s="123">
        <v>0</v>
      </c>
      <c r="MS17" s="162"/>
      <c r="MT17" s="122">
        <v>401954</v>
      </c>
      <c r="MU17" s="122">
        <v>1383487</v>
      </c>
      <c r="MV17" s="122">
        <v>54388577</v>
      </c>
      <c r="MW17" s="122">
        <v>96004352</v>
      </c>
      <c r="MX17" s="122">
        <v>53104578</v>
      </c>
      <c r="MY17" s="123">
        <v>205282948</v>
      </c>
      <c r="MZ17" s="160">
        <v>205282948</v>
      </c>
      <c r="NA17" s="159">
        <v>0</v>
      </c>
      <c r="NB17" s="122">
        <v>0</v>
      </c>
      <c r="NC17" s="123">
        <v>0</v>
      </c>
      <c r="ND17" s="162"/>
      <c r="NE17" s="122">
        <v>21080188</v>
      </c>
      <c r="NF17" s="122">
        <v>25059118</v>
      </c>
      <c r="NG17" s="122">
        <v>37931312</v>
      </c>
      <c r="NH17" s="122">
        <v>46795157</v>
      </c>
      <c r="NI17" s="122">
        <v>22064914</v>
      </c>
      <c r="NJ17" s="123">
        <v>152930689</v>
      </c>
      <c r="NK17" s="357">
        <v>152930689</v>
      </c>
      <c r="NL17" s="159">
        <v>0</v>
      </c>
      <c r="NM17" s="122">
        <v>0</v>
      </c>
      <c r="NN17" s="123">
        <v>0</v>
      </c>
      <c r="NO17" s="162"/>
      <c r="NP17" s="122">
        <v>0</v>
      </c>
      <c r="NQ17" s="122">
        <v>0</v>
      </c>
      <c r="NR17" s="122">
        <v>0</v>
      </c>
      <c r="NS17" s="122">
        <v>0</v>
      </c>
      <c r="NT17" s="122">
        <v>367649</v>
      </c>
      <c r="NU17" s="123">
        <v>367649</v>
      </c>
      <c r="NV17" s="124">
        <v>367649</v>
      </c>
      <c r="NW17" s="159">
        <v>0</v>
      </c>
      <c r="NX17" s="122">
        <v>0</v>
      </c>
      <c r="NY17" s="123">
        <v>0</v>
      </c>
      <c r="NZ17" s="162"/>
      <c r="OA17" s="122">
        <v>791348</v>
      </c>
      <c r="OB17" s="122">
        <v>1360328</v>
      </c>
      <c r="OC17" s="122">
        <v>2688746</v>
      </c>
      <c r="OD17" s="122">
        <v>2981951</v>
      </c>
      <c r="OE17" s="122">
        <v>7481125</v>
      </c>
      <c r="OF17" s="123">
        <v>15303498</v>
      </c>
      <c r="OG17" s="124">
        <v>15303498</v>
      </c>
      <c r="OH17" s="159">
        <v>11230054</v>
      </c>
      <c r="OI17" s="122">
        <v>15825319</v>
      </c>
      <c r="OJ17" s="158">
        <v>27055373</v>
      </c>
      <c r="OK17" s="121">
        <v>0</v>
      </c>
      <c r="OL17" s="122">
        <v>229787745</v>
      </c>
      <c r="OM17" s="122">
        <v>209237958</v>
      </c>
      <c r="ON17" s="122">
        <v>256929047</v>
      </c>
      <c r="OO17" s="122">
        <v>299440796</v>
      </c>
      <c r="OP17" s="122">
        <v>193017533</v>
      </c>
      <c r="OQ17" s="123">
        <v>1188413079</v>
      </c>
      <c r="OR17" s="160">
        <v>1215468452</v>
      </c>
    </row>
    <row r="18" spans="1:408" ht="18.75" customHeight="1" x14ac:dyDescent="0.2">
      <c r="A18" s="62" t="s">
        <v>12</v>
      </c>
      <c r="B18" s="112">
        <v>15285508</v>
      </c>
      <c r="C18" s="116">
        <v>29022997</v>
      </c>
      <c r="D18" s="115">
        <v>44308505</v>
      </c>
      <c r="E18" s="111">
        <v>0</v>
      </c>
      <c r="F18" s="116">
        <v>117432199</v>
      </c>
      <c r="G18" s="187">
        <v>128816468</v>
      </c>
      <c r="H18" s="187">
        <v>127285823</v>
      </c>
      <c r="I18" s="187">
        <v>139016432</v>
      </c>
      <c r="J18" s="187">
        <v>104821073</v>
      </c>
      <c r="K18" s="114">
        <v>617371995</v>
      </c>
      <c r="L18" s="118">
        <v>661680500</v>
      </c>
      <c r="M18" s="112">
        <v>3022795</v>
      </c>
      <c r="N18" s="116">
        <v>6761562</v>
      </c>
      <c r="O18" s="115">
        <v>9784357</v>
      </c>
      <c r="P18" s="112">
        <v>0</v>
      </c>
      <c r="Q18" s="116">
        <v>32187141</v>
      </c>
      <c r="R18" s="116">
        <v>39477113</v>
      </c>
      <c r="S18" s="116">
        <v>37868619</v>
      </c>
      <c r="T18" s="116">
        <v>49884350</v>
      </c>
      <c r="U18" s="116">
        <v>51735748</v>
      </c>
      <c r="V18" s="115">
        <v>211152971</v>
      </c>
      <c r="W18" s="118">
        <v>220937328</v>
      </c>
      <c r="X18" s="112">
        <v>0</v>
      </c>
      <c r="Y18" s="116">
        <v>0</v>
      </c>
      <c r="Z18" s="115">
        <v>0</v>
      </c>
      <c r="AA18" s="112">
        <v>0</v>
      </c>
      <c r="AB18" s="116">
        <v>18943506</v>
      </c>
      <c r="AC18" s="116">
        <v>23141419</v>
      </c>
      <c r="AD18" s="116">
        <v>24445319</v>
      </c>
      <c r="AE18" s="443">
        <v>32881578</v>
      </c>
      <c r="AF18" s="443">
        <v>33613475</v>
      </c>
      <c r="AG18" s="115">
        <v>133025297</v>
      </c>
      <c r="AH18" s="118">
        <v>133025297</v>
      </c>
      <c r="AI18" s="112">
        <v>0</v>
      </c>
      <c r="AJ18" s="116">
        <v>149055</v>
      </c>
      <c r="AK18" s="115">
        <v>149055</v>
      </c>
      <c r="AL18" s="112">
        <v>0</v>
      </c>
      <c r="AM18" s="116">
        <v>67167</v>
      </c>
      <c r="AN18" s="116">
        <v>1249081</v>
      </c>
      <c r="AO18" s="116">
        <v>1360847</v>
      </c>
      <c r="AP18" s="116">
        <v>3262521</v>
      </c>
      <c r="AQ18" s="116">
        <v>5121478</v>
      </c>
      <c r="AR18" s="115">
        <v>11061094</v>
      </c>
      <c r="AS18" s="118">
        <v>11210149</v>
      </c>
      <c r="AT18" s="112">
        <v>2155558</v>
      </c>
      <c r="AU18" s="116">
        <v>4992124</v>
      </c>
      <c r="AV18" s="115">
        <v>7147682</v>
      </c>
      <c r="AW18" s="112">
        <v>0</v>
      </c>
      <c r="AX18" s="116">
        <v>8873230</v>
      </c>
      <c r="AY18" s="116">
        <v>9943841</v>
      </c>
      <c r="AZ18" s="116">
        <v>7364888</v>
      </c>
      <c r="BA18" s="116">
        <v>8132813</v>
      </c>
      <c r="BB18" s="116">
        <v>8459790</v>
      </c>
      <c r="BC18" s="115">
        <v>42774562</v>
      </c>
      <c r="BD18" s="118">
        <v>49922244</v>
      </c>
      <c r="BE18" s="112">
        <v>53322</v>
      </c>
      <c r="BF18" s="116">
        <v>600086</v>
      </c>
      <c r="BG18" s="114">
        <v>653408</v>
      </c>
      <c r="BH18" s="113">
        <v>0</v>
      </c>
      <c r="BI18" s="116">
        <v>306891</v>
      </c>
      <c r="BJ18" s="116">
        <v>1083190</v>
      </c>
      <c r="BK18" s="116">
        <v>743498</v>
      </c>
      <c r="BL18" s="116">
        <v>740946</v>
      </c>
      <c r="BM18" s="116">
        <v>522530</v>
      </c>
      <c r="BN18" s="115">
        <v>3397055</v>
      </c>
      <c r="BO18" s="118">
        <v>4050463</v>
      </c>
      <c r="BP18" s="112">
        <v>813915</v>
      </c>
      <c r="BQ18" s="116">
        <v>1020297</v>
      </c>
      <c r="BR18" s="115">
        <v>1834212</v>
      </c>
      <c r="BS18" s="112">
        <v>0</v>
      </c>
      <c r="BT18" s="116">
        <v>3996347</v>
      </c>
      <c r="BU18" s="116">
        <v>4059582</v>
      </c>
      <c r="BV18" s="116">
        <v>3954067</v>
      </c>
      <c r="BW18" s="116">
        <v>4866492</v>
      </c>
      <c r="BX18" s="116">
        <v>4018475</v>
      </c>
      <c r="BY18" s="115">
        <v>20894963</v>
      </c>
      <c r="BZ18" s="118">
        <v>22729175</v>
      </c>
      <c r="CA18" s="112">
        <v>3048835</v>
      </c>
      <c r="CB18" s="116">
        <v>5437174</v>
      </c>
      <c r="CC18" s="115">
        <v>8486009</v>
      </c>
      <c r="CD18" s="112">
        <v>0</v>
      </c>
      <c r="CE18" s="443">
        <v>36892529</v>
      </c>
      <c r="CF18" s="443">
        <v>35055485</v>
      </c>
      <c r="CG18" s="443">
        <v>34109722</v>
      </c>
      <c r="CH18" s="116">
        <v>25664071</v>
      </c>
      <c r="CI18" s="116">
        <v>12751172</v>
      </c>
      <c r="CJ18" s="451">
        <v>144472979</v>
      </c>
      <c r="CK18" s="452">
        <v>152958988</v>
      </c>
      <c r="CL18" s="112">
        <v>0</v>
      </c>
      <c r="CM18" s="116">
        <v>0</v>
      </c>
      <c r="CN18" s="115">
        <v>0</v>
      </c>
      <c r="CO18" s="113">
        <v>0</v>
      </c>
      <c r="CP18" s="116">
        <v>32043625</v>
      </c>
      <c r="CQ18" s="116">
        <v>26627185</v>
      </c>
      <c r="CR18" s="116">
        <v>26932827</v>
      </c>
      <c r="CS18" s="116">
        <v>19662927</v>
      </c>
      <c r="CT18" s="116">
        <v>9907080</v>
      </c>
      <c r="CU18" s="115">
        <v>115173644</v>
      </c>
      <c r="CV18" s="118">
        <v>115173644</v>
      </c>
      <c r="CW18" s="112">
        <v>3048835</v>
      </c>
      <c r="CX18" s="116">
        <v>5437174</v>
      </c>
      <c r="CY18" s="115">
        <v>8486009</v>
      </c>
      <c r="CZ18" s="112">
        <v>0</v>
      </c>
      <c r="DA18" s="116">
        <v>4848904</v>
      </c>
      <c r="DB18" s="116">
        <v>8428300</v>
      </c>
      <c r="DC18" s="116">
        <v>7176895</v>
      </c>
      <c r="DD18" s="116">
        <v>6001144</v>
      </c>
      <c r="DE18" s="116">
        <v>2844092</v>
      </c>
      <c r="DF18" s="115">
        <v>29299335</v>
      </c>
      <c r="DG18" s="118">
        <v>37785344</v>
      </c>
      <c r="DH18" s="112">
        <v>9959</v>
      </c>
      <c r="DI18" s="116">
        <v>460633</v>
      </c>
      <c r="DJ18" s="114">
        <v>470592</v>
      </c>
      <c r="DK18" s="113">
        <v>0</v>
      </c>
      <c r="DL18" s="116">
        <v>4429777</v>
      </c>
      <c r="DM18" s="116">
        <v>6180652</v>
      </c>
      <c r="DN18" s="116">
        <v>12852947</v>
      </c>
      <c r="DO18" s="116">
        <v>11110204</v>
      </c>
      <c r="DP18" s="116">
        <v>6159923</v>
      </c>
      <c r="DQ18" s="115">
        <v>40733503</v>
      </c>
      <c r="DR18" s="118">
        <v>41204095</v>
      </c>
      <c r="DS18" s="112">
        <v>9959</v>
      </c>
      <c r="DT18" s="116">
        <v>460633</v>
      </c>
      <c r="DU18" s="115">
        <v>470592</v>
      </c>
      <c r="DV18" s="112">
        <v>0</v>
      </c>
      <c r="DW18" s="116">
        <v>4305416</v>
      </c>
      <c r="DX18" s="116">
        <v>5866548</v>
      </c>
      <c r="DY18" s="116">
        <v>12705705</v>
      </c>
      <c r="DZ18" s="116">
        <v>10785058</v>
      </c>
      <c r="EA18" s="116">
        <v>5910312</v>
      </c>
      <c r="EB18" s="115">
        <v>39573039</v>
      </c>
      <c r="EC18" s="118">
        <v>40043631</v>
      </c>
      <c r="ED18" s="112">
        <v>0</v>
      </c>
      <c r="EE18" s="114">
        <v>0</v>
      </c>
      <c r="EF18" s="115">
        <v>0</v>
      </c>
      <c r="EG18" s="112">
        <v>0</v>
      </c>
      <c r="EH18" s="116">
        <v>124361</v>
      </c>
      <c r="EI18" s="116">
        <v>314104</v>
      </c>
      <c r="EJ18" s="116">
        <v>147242</v>
      </c>
      <c r="EK18" s="116">
        <v>325146</v>
      </c>
      <c r="EL18" s="116">
        <v>249611</v>
      </c>
      <c r="EM18" s="114">
        <v>1160464</v>
      </c>
      <c r="EN18" s="118">
        <v>1160464</v>
      </c>
      <c r="EO18" s="112">
        <v>0</v>
      </c>
      <c r="EP18" s="116">
        <v>0</v>
      </c>
      <c r="EQ18" s="114">
        <v>0</v>
      </c>
      <c r="ER18" s="113">
        <v>0</v>
      </c>
      <c r="ES18" s="116">
        <v>0</v>
      </c>
      <c r="ET18" s="116">
        <v>0</v>
      </c>
      <c r="EU18" s="116">
        <v>0</v>
      </c>
      <c r="EV18" s="116">
        <v>0</v>
      </c>
      <c r="EW18" s="116">
        <v>0</v>
      </c>
      <c r="EX18" s="115">
        <v>0</v>
      </c>
      <c r="EY18" s="118">
        <v>0</v>
      </c>
      <c r="EZ18" s="112">
        <v>0</v>
      </c>
      <c r="FA18" s="116">
        <v>0</v>
      </c>
      <c r="FB18" s="114">
        <v>0</v>
      </c>
      <c r="FC18" s="390"/>
      <c r="FD18" s="116">
        <v>0</v>
      </c>
      <c r="FE18" s="116">
        <v>0</v>
      </c>
      <c r="FF18" s="116">
        <v>0</v>
      </c>
      <c r="FG18" s="116">
        <v>0</v>
      </c>
      <c r="FH18" s="116">
        <v>0</v>
      </c>
      <c r="FI18" s="115">
        <v>0</v>
      </c>
      <c r="FJ18" s="118">
        <v>0</v>
      </c>
      <c r="FK18" s="112">
        <v>3495740</v>
      </c>
      <c r="FL18" s="116">
        <v>6990260</v>
      </c>
      <c r="FM18" s="115">
        <v>10486000</v>
      </c>
      <c r="FN18" s="112">
        <v>0</v>
      </c>
      <c r="FO18" s="116">
        <v>4520858</v>
      </c>
      <c r="FP18" s="116">
        <v>13259866</v>
      </c>
      <c r="FQ18" s="116">
        <v>11483646</v>
      </c>
      <c r="FR18" s="116">
        <v>12667559</v>
      </c>
      <c r="FS18" s="116">
        <v>8148170</v>
      </c>
      <c r="FT18" s="115">
        <v>50080099</v>
      </c>
      <c r="FU18" s="118">
        <v>60566099</v>
      </c>
      <c r="FV18" s="117">
        <v>2325050</v>
      </c>
      <c r="FW18" s="116">
        <v>4903563</v>
      </c>
      <c r="FX18" s="114">
        <v>7228613</v>
      </c>
      <c r="FY18" s="113">
        <v>0</v>
      </c>
      <c r="FZ18" s="116">
        <v>3547878</v>
      </c>
      <c r="GA18" s="116">
        <v>12140032</v>
      </c>
      <c r="GB18" s="116">
        <v>10519238</v>
      </c>
      <c r="GC18" s="116">
        <v>11460693</v>
      </c>
      <c r="GD18" s="116">
        <v>7678680</v>
      </c>
      <c r="GE18" s="115">
        <v>45346521</v>
      </c>
      <c r="GF18" s="354">
        <v>52575134</v>
      </c>
      <c r="GG18" s="117">
        <v>106605</v>
      </c>
      <c r="GH18" s="116">
        <v>475954</v>
      </c>
      <c r="GI18" s="114">
        <v>582559</v>
      </c>
      <c r="GJ18" s="113">
        <v>0</v>
      </c>
      <c r="GK18" s="116">
        <v>252658</v>
      </c>
      <c r="GL18" s="116">
        <v>236164</v>
      </c>
      <c r="GM18" s="116">
        <v>320008</v>
      </c>
      <c r="GN18" s="116">
        <v>458477</v>
      </c>
      <c r="GO18" s="116">
        <v>124650</v>
      </c>
      <c r="GP18" s="115">
        <v>1391957</v>
      </c>
      <c r="GQ18" s="118">
        <v>1974516</v>
      </c>
      <c r="GR18" s="112">
        <v>1064085</v>
      </c>
      <c r="GS18" s="116">
        <v>1610743</v>
      </c>
      <c r="GT18" s="115">
        <v>2674828</v>
      </c>
      <c r="GU18" s="112">
        <v>0</v>
      </c>
      <c r="GV18" s="116">
        <v>720322</v>
      </c>
      <c r="GW18" s="116">
        <v>883670</v>
      </c>
      <c r="GX18" s="116">
        <v>644400</v>
      </c>
      <c r="GY18" s="116">
        <v>748389</v>
      </c>
      <c r="GZ18" s="116">
        <v>344840</v>
      </c>
      <c r="HA18" s="114">
        <v>3341621</v>
      </c>
      <c r="HB18" s="118">
        <v>6016449</v>
      </c>
      <c r="HC18" s="112">
        <v>2521292</v>
      </c>
      <c r="HD18" s="116">
        <v>4725864</v>
      </c>
      <c r="HE18" s="114">
        <v>7247156</v>
      </c>
      <c r="HF18" s="113">
        <v>0</v>
      </c>
      <c r="HG18" s="116">
        <v>18838312</v>
      </c>
      <c r="HH18" s="116">
        <v>17947476</v>
      </c>
      <c r="HI18" s="116">
        <v>17483160</v>
      </c>
      <c r="HJ18" s="116">
        <v>29048414</v>
      </c>
      <c r="HK18" s="116">
        <v>19867718</v>
      </c>
      <c r="HL18" s="115">
        <v>103185080</v>
      </c>
      <c r="HM18" s="111">
        <v>110432236</v>
      </c>
      <c r="HN18" s="117">
        <v>3186887</v>
      </c>
      <c r="HO18" s="116">
        <v>4647504</v>
      </c>
      <c r="HP18" s="115">
        <v>7834391</v>
      </c>
      <c r="HQ18" s="112">
        <v>0</v>
      </c>
      <c r="HR18" s="116">
        <v>20563582</v>
      </c>
      <c r="HS18" s="116">
        <v>16895876</v>
      </c>
      <c r="HT18" s="116">
        <v>13487729</v>
      </c>
      <c r="HU18" s="116">
        <v>10641834</v>
      </c>
      <c r="HV18" s="116">
        <v>6158342</v>
      </c>
      <c r="HW18" s="114">
        <v>67747363</v>
      </c>
      <c r="HX18" s="118">
        <v>75581754</v>
      </c>
      <c r="HY18" s="167">
        <v>69433</v>
      </c>
      <c r="HZ18" s="152">
        <v>0</v>
      </c>
      <c r="IA18" s="167">
        <v>69433</v>
      </c>
      <c r="IB18" s="151">
        <v>0</v>
      </c>
      <c r="IC18" s="152">
        <v>38383957</v>
      </c>
      <c r="ID18" s="153">
        <v>35533016</v>
      </c>
      <c r="IE18" s="154">
        <v>44858338</v>
      </c>
      <c r="IF18" s="152">
        <v>39280373</v>
      </c>
      <c r="IG18" s="154">
        <v>31945947</v>
      </c>
      <c r="IH18" s="155">
        <v>190001631</v>
      </c>
      <c r="II18" s="167">
        <v>190071064</v>
      </c>
      <c r="IJ18" s="261">
        <v>0</v>
      </c>
      <c r="IK18" s="268">
        <v>0</v>
      </c>
      <c r="IL18" s="269">
        <v>0</v>
      </c>
      <c r="IM18" s="157"/>
      <c r="IN18" s="122">
        <v>949508</v>
      </c>
      <c r="IO18" s="122">
        <v>679867</v>
      </c>
      <c r="IP18" s="122">
        <v>615644</v>
      </c>
      <c r="IQ18" s="122">
        <v>1752058</v>
      </c>
      <c r="IR18" s="122">
        <v>576556</v>
      </c>
      <c r="IS18" s="158">
        <v>4573633</v>
      </c>
      <c r="IT18" s="357">
        <v>4573633</v>
      </c>
      <c r="IU18" s="159">
        <v>0</v>
      </c>
      <c r="IV18" s="122">
        <v>0</v>
      </c>
      <c r="IW18" s="123">
        <v>0</v>
      </c>
      <c r="IX18" s="161"/>
      <c r="IY18" s="122">
        <v>0</v>
      </c>
      <c r="IZ18" s="122">
        <v>0</v>
      </c>
      <c r="JA18" s="122">
        <v>0</v>
      </c>
      <c r="JB18" s="122">
        <v>0</v>
      </c>
      <c r="JC18" s="122">
        <v>0</v>
      </c>
      <c r="JD18" s="123">
        <v>0</v>
      </c>
      <c r="JE18" s="124">
        <v>0</v>
      </c>
      <c r="JF18" s="159">
        <v>0</v>
      </c>
      <c r="JG18" s="122">
        <v>0</v>
      </c>
      <c r="JH18" s="158">
        <v>0</v>
      </c>
      <c r="JI18" s="121">
        <v>0</v>
      </c>
      <c r="JJ18" s="122">
        <v>20515496</v>
      </c>
      <c r="JK18" s="122">
        <v>14569443</v>
      </c>
      <c r="JL18" s="122">
        <v>10532056</v>
      </c>
      <c r="JM18" s="122">
        <v>4855175</v>
      </c>
      <c r="JN18" s="122">
        <v>4634691</v>
      </c>
      <c r="JO18" s="123">
        <v>55106861</v>
      </c>
      <c r="JP18" s="357">
        <v>55106861</v>
      </c>
      <c r="JQ18" s="159">
        <v>0</v>
      </c>
      <c r="JR18" s="122">
        <v>0</v>
      </c>
      <c r="JS18" s="158">
        <v>0</v>
      </c>
      <c r="JT18" s="121">
        <v>0</v>
      </c>
      <c r="JU18" s="122">
        <v>270045</v>
      </c>
      <c r="JV18" s="122">
        <v>512173</v>
      </c>
      <c r="JW18" s="122">
        <v>0</v>
      </c>
      <c r="JX18" s="122">
        <v>0</v>
      </c>
      <c r="JY18" s="122">
        <v>0</v>
      </c>
      <c r="JZ18" s="123">
        <v>782218</v>
      </c>
      <c r="KA18" s="357">
        <v>782218</v>
      </c>
      <c r="KB18" s="264">
        <v>69433</v>
      </c>
      <c r="KC18" s="258">
        <v>0</v>
      </c>
      <c r="KD18" s="123">
        <v>69433</v>
      </c>
      <c r="KE18" s="121">
        <v>0</v>
      </c>
      <c r="KF18" s="122">
        <v>2591914</v>
      </c>
      <c r="KG18" s="122">
        <v>6652739</v>
      </c>
      <c r="KH18" s="122">
        <v>12412712</v>
      </c>
      <c r="KI18" s="122">
        <v>10531376</v>
      </c>
      <c r="KJ18" s="122">
        <v>9293943</v>
      </c>
      <c r="KK18" s="123">
        <v>41482684</v>
      </c>
      <c r="KL18" s="160">
        <v>41552117</v>
      </c>
      <c r="KM18" s="261">
        <v>0</v>
      </c>
      <c r="KN18" s="268">
        <v>0</v>
      </c>
      <c r="KO18" s="269">
        <v>0</v>
      </c>
      <c r="KP18" s="157"/>
      <c r="KQ18" s="122">
        <v>11855523</v>
      </c>
      <c r="KR18" s="122">
        <v>9966331</v>
      </c>
      <c r="KS18" s="122">
        <v>12067299</v>
      </c>
      <c r="KT18" s="122">
        <v>9551818</v>
      </c>
      <c r="KU18" s="122">
        <v>9965195</v>
      </c>
      <c r="KV18" s="123">
        <v>53406166</v>
      </c>
      <c r="KW18" s="357">
        <v>53406166</v>
      </c>
      <c r="KX18" s="159">
        <v>0</v>
      </c>
      <c r="KY18" s="122">
        <v>0</v>
      </c>
      <c r="KZ18" s="123">
        <v>0</v>
      </c>
      <c r="LA18" s="162"/>
      <c r="LB18" s="122">
        <v>321273</v>
      </c>
      <c r="LC18" s="122">
        <v>1302383</v>
      </c>
      <c r="LD18" s="122">
        <v>448842</v>
      </c>
      <c r="LE18" s="122">
        <v>2778366</v>
      </c>
      <c r="LF18" s="122">
        <v>909023</v>
      </c>
      <c r="LG18" s="123">
        <v>5759887</v>
      </c>
      <c r="LH18" s="124">
        <v>5759887</v>
      </c>
      <c r="LI18" s="159">
        <v>0</v>
      </c>
      <c r="LJ18" s="122">
        <v>0</v>
      </c>
      <c r="LK18" s="123">
        <v>0</v>
      </c>
      <c r="LL18" s="162"/>
      <c r="LM18" s="122">
        <v>241745</v>
      </c>
      <c r="LN18" s="122">
        <v>0</v>
      </c>
      <c r="LO18" s="122">
        <v>4321301</v>
      </c>
      <c r="LP18" s="122">
        <v>2453144</v>
      </c>
      <c r="LQ18" s="122">
        <v>1219833</v>
      </c>
      <c r="LR18" s="123">
        <v>8236023</v>
      </c>
      <c r="LS18" s="357">
        <v>8236023</v>
      </c>
      <c r="LT18" s="159">
        <v>0</v>
      </c>
      <c r="LU18" s="122">
        <v>0</v>
      </c>
      <c r="LV18" s="123">
        <v>0</v>
      </c>
      <c r="LW18" s="162"/>
      <c r="LX18" s="122">
        <v>1638453</v>
      </c>
      <c r="LY18" s="122">
        <v>1850080</v>
      </c>
      <c r="LZ18" s="122">
        <v>4460484</v>
      </c>
      <c r="MA18" s="122">
        <v>7358436</v>
      </c>
      <c r="MB18" s="122">
        <v>5346706</v>
      </c>
      <c r="MC18" s="123">
        <v>20654159</v>
      </c>
      <c r="MD18" s="124">
        <v>20654159</v>
      </c>
      <c r="ME18" s="159">
        <v>0</v>
      </c>
      <c r="MF18" s="122">
        <v>0</v>
      </c>
      <c r="MG18" s="123">
        <v>0</v>
      </c>
      <c r="MH18" s="162"/>
      <c r="MI18" s="122">
        <v>12695626</v>
      </c>
      <c r="MJ18" s="122">
        <v>26926106</v>
      </c>
      <c r="MK18" s="122">
        <v>89675908</v>
      </c>
      <c r="ML18" s="122">
        <v>136636596</v>
      </c>
      <c r="MM18" s="122">
        <v>94567111</v>
      </c>
      <c r="MN18" s="123">
        <v>360501347</v>
      </c>
      <c r="MO18" s="160">
        <v>360501347</v>
      </c>
      <c r="MP18" s="159">
        <v>0</v>
      </c>
      <c r="MQ18" s="122">
        <v>0</v>
      </c>
      <c r="MR18" s="123">
        <v>0</v>
      </c>
      <c r="MS18" s="162"/>
      <c r="MT18" s="122">
        <v>413544</v>
      </c>
      <c r="MU18" s="122">
        <v>4726530</v>
      </c>
      <c r="MV18" s="122">
        <v>47124337</v>
      </c>
      <c r="MW18" s="122">
        <v>83499359</v>
      </c>
      <c r="MX18" s="122">
        <v>64826818</v>
      </c>
      <c r="MY18" s="123">
        <v>200590588</v>
      </c>
      <c r="MZ18" s="160">
        <v>200590588</v>
      </c>
      <c r="NA18" s="159">
        <v>0</v>
      </c>
      <c r="NB18" s="122">
        <v>0</v>
      </c>
      <c r="NC18" s="123">
        <v>0</v>
      </c>
      <c r="ND18" s="162"/>
      <c r="NE18" s="122">
        <v>12282082</v>
      </c>
      <c r="NF18" s="122">
        <v>21900369</v>
      </c>
      <c r="NG18" s="122">
        <v>41445882</v>
      </c>
      <c r="NH18" s="122">
        <v>49479356</v>
      </c>
      <c r="NI18" s="122">
        <v>24743022</v>
      </c>
      <c r="NJ18" s="123">
        <v>149850711</v>
      </c>
      <c r="NK18" s="357">
        <v>149850711</v>
      </c>
      <c r="NL18" s="159">
        <v>0</v>
      </c>
      <c r="NM18" s="122">
        <v>0</v>
      </c>
      <c r="NN18" s="123">
        <v>0</v>
      </c>
      <c r="NO18" s="162"/>
      <c r="NP18" s="122">
        <v>0</v>
      </c>
      <c r="NQ18" s="122">
        <v>0</v>
      </c>
      <c r="NR18" s="122">
        <v>0</v>
      </c>
      <c r="NS18" s="122">
        <v>3227573</v>
      </c>
      <c r="NT18" s="122">
        <v>2943681</v>
      </c>
      <c r="NU18" s="123">
        <v>6171254</v>
      </c>
      <c r="NV18" s="124">
        <v>6171254</v>
      </c>
      <c r="NW18" s="159">
        <v>0</v>
      </c>
      <c r="NX18" s="122">
        <v>0</v>
      </c>
      <c r="NY18" s="123">
        <v>0</v>
      </c>
      <c r="NZ18" s="162"/>
      <c r="OA18" s="122">
        <v>0</v>
      </c>
      <c r="OB18" s="122">
        <v>299207</v>
      </c>
      <c r="OC18" s="122">
        <v>1105689</v>
      </c>
      <c r="OD18" s="122">
        <v>430308</v>
      </c>
      <c r="OE18" s="122">
        <v>2053590</v>
      </c>
      <c r="OF18" s="123">
        <v>3888794</v>
      </c>
      <c r="OG18" s="124">
        <v>3888794</v>
      </c>
      <c r="OH18" s="159">
        <v>15354941</v>
      </c>
      <c r="OI18" s="122">
        <v>29022997</v>
      </c>
      <c r="OJ18" s="158">
        <v>44377938</v>
      </c>
      <c r="OK18" s="121">
        <v>0</v>
      </c>
      <c r="OL18" s="122">
        <v>168511782</v>
      </c>
      <c r="OM18" s="122">
        <v>191275590</v>
      </c>
      <c r="ON18" s="122">
        <v>261820069</v>
      </c>
      <c r="OO18" s="122">
        <v>314933401</v>
      </c>
      <c r="OP18" s="122">
        <v>231334131</v>
      </c>
      <c r="OQ18" s="123">
        <v>1167874973</v>
      </c>
      <c r="OR18" s="160">
        <v>1212252911</v>
      </c>
    </row>
    <row r="19" spans="1:408" ht="18.75" customHeight="1" x14ac:dyDescent="0.2">
      <c r="A19" s="62" t="s">
        <v>13</v>
      </c>
      <c r="B19" s="112">
        <v>3499538</v>
      </c>
      <c r="C19" s="116">
        <v>5730074</v>
      </c>
      <c r="D19" s="115">
        <v>9229612</v>
      </c>
      <c r="E19" s="112">
        <v>0</v>
      </c>
      <c r="F19" s="187">
        <v>45781808</v>
      </c>
      <c r="G19" s="116">
        <v>57336531</v>
      </c>
      <c r="H19" s="116">
        <v>58169819</v>
      </c>
      <c r="I19" s="116">
        <v>56547288</v>
      </c>
      <c r="J19" s="116">
        <v>48845465</v>
      </c>
      <c r="K19" s="114">
        <v>266680911</v>
      </c>
      <c r="L19" s="118">
        <v>275910523</v>
      </c>
      <c r="M19" s="112">
        <v>756494</v>
      </c>
      <c r="N19" s="116">
        <v>1099514</v>
      </c>
      <c r="O19" s="115">
        <v>1856008</v>
      </c>
      <c r="P19" s="112">
        <v>0</v>
      </c>
      <c r="Q19" s="116">
        <v>11903141</v>
      </c>
      <c r="R19" s="116">
        <v>18135159</v>
      </c>
      <c r="S19" s="116">
        <v>18448543</v>
      </c>
      <c r="T19" s="116">
        <v>18416333</v>
      </c>
      <c r="U19" s="116">
        <v>25766509</v>
      </c>
      <c r="V19" s="115">
        <v>92669685</v>
      </c>
      <c r="W19" s="118">
        <v>94525693</v>
      </c>
      <c r="X19" s="112">
        <v>0</v>
      </c>
      <c r="Y19" s="116">
        <v>0</v>
      </c>
      <c r="Z19" s="115">
        <v>0</v>
      </c>
      <c r="AA19" s="112">
        <v>0</v>
      </c>
      <c r="AB19" s="116">
        <v>5953934</v>
      </c>
      <c r="AC19" s="116">
        <v>9720684</v>
      </c>
      <c r="AD19" s="116">
        <v>11224677</v>
      </c>
      <c r="AE19" s="443">
        <v>11326506</v>
      </c>
      <c r="AF19" s="443">
        <v>17779247</v>
      </c>
      <c r="AG19" s="115">
        <v>56005048</v>
      </c>
      <c r="AH19" s="118">
        <v>56005048</v>
      </c>
      <c r="AI19" s="112">
        <v>27269</v>
      </c>
      <c r="AJ19" s="116">
        <v>0</v>
      </c>
      <c r="AK19" s="115">
        <v>27269</v>
      </c>
      <c r="AL19" s="112">
        <v>0</v>
      </c>
      <c r="AM19" s="116">
        <v>0</v>
      </c>
      <c r="AN19" s="116">
        <v>185579</v>
      </c>
      <c r="AO19" s="116">
        <v>393672</v>
      </c>
      <c r="AP19" s="116">
        <v>1011735</v>
      </c>
      <c r="AQ19" s="116">
        <v>1901147</v>
      </c>
      <c r="AR19" s="115">
        <v>3492133</v>
      </c>
      <c r="AS19" s="118">
        <v>3519402</v>
      </c>
      <c r="AT19" s="112">
        <v>162540</v>
      </c>
      <c r="AU19" s="116">
        <v>559606</v>
      </c>
      <c r="AV19" s="115">
        <v>722146</v>
      </c>
      <c r="AW19" s="112">
        <v>0</v>
      </c>
      <c r="AX19" s="116">
        <v>2809995</v>
      </c>
      <c r="AY19" s="116">
        <v>5127919</v>
      </c>
      <c r="AZ19" s="116">
        <v>3797904</v>
      </c>
      <c r="BA19" s="116">
        <v>3333747</v>
      </c>
      <c r="BB19" s="116">
        <v>3779986</v>
      </c>
      <c r="BC19" s="115">
        <v>18849551</v>
      </c>
      <c r="BD19" s="118">
        <v>19571697</v>
      </c>
      <c r="BE19" s="112">
        <v>125519</v>
      </c>
      <c r="BF19" s="116">
        <v>100253</v>
      </c>
      <c r="BG19" s="114">
        <v>225772</v>
      </c>
      <c r="BH19" s="113">
        <v>0</v>
      </c>
      <c r="BI19" s="116">
        <v>608211</v>
      </c>
      <c r="BJ19" s="116">
        <v>719475</v>
      </c>
      <c r="BK19" s="116">
        <v>319244</v>
      </c>
      <c r="BL19" s="116">
        <v>418644</v>
      </c>
      <c r="BM19" s="116">
        <v>138857</v>
      </c>
      <c r="BN19" s="115">
        <v>2204431</v>
      </c>
      <c r="BO19" s="118">
        <v>2430203</v>
      </c>
      <c r="BP19" s="112">
        <v>441166</v>
      </c>
      <c r="BQ19" s="116">
        <v>439655</v>
      </c>
      <c r="BR19" s="115">
        <v>880821</v>
      </c>
      <c r="BS19" s="112">
        <v>0</v>
      </c>
      <c r="BT19" s="116">
        <v>2531001</v>
      </c>
      <c r="BU19" s="116">
        <v>2381502</v>
      </c>
      <c r="BV19" s="116">
        <v>2713046</v>
      </c>
      <c r="BW19" s="116">
        <v>2325701</v>
      </c>
      <c r="BX19" s="116">
        <v>2167272</v>
      </c>
      <c r="BY19" s="115">
        <v>12118522</v>
      </c>
      <c r="BZ19" s="118">
        <v>12999343</v>
      </c>
      <c r="CA19" s="112">
        <v>200524</v>
      </c>
      <c r="CB19" s="116">
        <v>563259</v>
      </c>
      <c r="CC19" s="115">
        <v>763783</v>
      </c>
      <c r="CD19" s="112">
        <v>0</v>
      </c>
      <c r="CE19" s="443">
        <v>8881342</v>
      </c>
      <c r="CF19" s="443">
        <v>12069132</v>
      </c>
      <c r="CG19" s="443">
        <v>9306186</v>
      </c>
      <c r="CH19" s="116">
        <v>7506411</v>
      </c>
      <c r="CI19" s="116">
        <v>3231143</v>
      </c>
      <c r="CJ19" s="451">
        <v>40994214</v>
      </c>
      <c r="CK19" s="452">
        <v>41757997</v>
      </c>
      <c r="CL19" s="112">
        <v>0</v>
      </c>
      <c r="CM19" s="116">
        <v>0</v>
      </c>
      <c r="CN19" s="115">
        <v>0</v>
      </c>
      <c r="CO19" s="113">
        <v>0</v>
      </c>
      <c r="CP19" s="116">
        <v>8021709</v>
      </c>
      <c r="CQ19" s="116">
        <v>10363557</v>
      </c>
      <c r="CR19" s="116">
        <v>8035494</v>
      </c>
      <c r="CS19" s="116">
        <v>5512611</v>
      </c>
      <c r="CT19" s="116">
        <v>2425843</v>
      </c>
      <c r="CU19" s="115">
        <v>34359214</v>
      </c>
      <c r="CV19" s="118">
        <v>34359214</v>
      </c>
      <c r="CW19" s="112">
        <v>200524</v>
      </c>
      <c r="CX19" s="116">
        <v>563259</v>
      </c>
      <c r="CY19" s="115">
        <v>763783</v>
      </c>
      <c r="CZ19" s="112">
        <v>0</v>
      </c>
      <c r="DA19" s="116">
        <v>859633</v>
      </c>
      <c r="DB19" s="116">
        <v>1705575</v>
      </c>
      <c r="DC19" s="116">
        <v>1270692</v>
      </c>
      <c r="DD19" s="116">
        <v>1993800</v>
      </c>
      <c r="DE19" s="116">
        <v>805300</v>
      </c>
      <c r="DF19" s="115">
        <v>6635000</v>
      </c>
      <c r="DG19" s="118">
        <v>7398783</v>
      </c>
      <c r="DH19" s="112">
        <v>0</v>
      </c>
      <c r="DI19" s="116">
        <v>0</v>
      </c>
      <c r="DJ19" s="114">
        <v>0</v>
      </c>
      <c r="DK19" s="113">
        <v>0</v>
      </c>
      <c r="DL19" s="116">
        <v>1062498</v>
      </c>
      <c r="DM19" s="116">
        <v>2071023</v>
      </c>
      <c r="DN19" s="116">
        <v>6863564</v>
      </c>
      <c r="DO19" s="116">
        <v>7308631</v>
      </c>
      <c r="DP19" s="116">
        <v>3479834</v>
      </c>
      <c r="DQ19" s="115">
        <v>20785550</v>
      </c>
      <c r="DR19" s="118">
        <v>20785550</v>
      </c>
      <c r="DS19" s="112">
        <v>0</v>
      </c>
      <c r="DT19" s="116">
        <v>0</v>
      </c>
      <c r="DU19" s="115">
        <v>0</v>
      </c>
      <c r="DV19" s="112">
        <v>0</v>
      </c>
      <c r="DW19" s="116">
        <v>732094</v>
      </c>
      <c r="DX19" s="116">
        <v>1786680</v>
      </c>
      <c r="DY19" s="116">
        <v>5690553</v>
      </c>
      <c r="DZ19" s="116">
        <v>6827116</v>
      </c>
      <c r="EA19" s="116">
        <v>3479834</v>
      </c>
      <c r="EB19" s="115">
        <v>18516277</v>
      </c>
      <c r="EC19" s="118">
        <v>18516277</v>
      </c>
      <c r="ED19" s="112">
        <v>0</v>
      </c>
      <c r="EE19" s="114">
        <v>0</v>
      </c>
      <c r="EF19" s="115">
        <v>0</v>
      </c>
      <c r="EG19" s="112">
        <v>0</v>
      </c>
      <c r="EH19" s="116">
        <v>330404</v>
      </c>
      <c r="EI19" s="116">
        <v>284343</v>
      </c>
      <c r="EJ19" s="116">
        <v>1173011</v>
      </c>
      <c r="EK19" s="116">
        <v>481515</v>
      </c>
      <c r="EL19" s="116">
        <v>0</v>
      </c>
      <c r="EM19" s="114">
        <v>2269273</v>
      </c>
      <c r="EN19" s="118">
        <v>2269273</v>
      </c>
      <c r="EO19" s="112">
        <v>0</v>
      </c>
      <c r="EP19" s="116">
        <v>0</v>
      </c>
      <c r="EQ19" s="114">
        <v>0</v>
      </c>
      <c r="ER19" s="113">
        <v>0</v>
      </c>
      <c r="ES19" s="116">
        <v>0</v>
      </c>
      <c r="ET19" s="116">
        <v>0</v>
      </c>
      <c r="EU19" s="116">
        <v>0</v>
      </c>
      <c r="EV19" s="116">
        <v>0</v>
      </c>
      <c r="EW19" s="116">
        <v>0</v>
      </c>
      <c r="EX19" s="115">
        <v>0</v>
      </c>
      <c r="EY19" s="118">
        <v>0</v>
      </c>
      <c r="EZ19" s="112">
        <v>0</v>
      </c>
      <c r="FA19" s="116">
        <v>0</v>
      </c>
      <c r="FB19" s="114">
        <v>0</v>
      </c>
      <c r="FC19" s="390"/>
      <c r="FD19" s="116">
        <v>0</v>
      </c>
      <c r="FE19" s="116">
        <v>0</v>
      </c>
      <c r="FF19" s="116">
        <v>0</v>
      </c>
      <c r="FG19" s="116">
        <v>0</v>
      </c>
      <c r="FH19" s="116">
        <v>0</v>
      </c>
      <c r="FI19" s="115">
        <v>0</v>
      </c>
      <c r="FJ19" s="118">
        <v>0</v>
      </c>
      <c r="FK19" s="112">
        <v>678851</v>
      </c>
      <c r="FL19" s="116">
        <v>1139070</v>
      </c>
      <c r="FM19" s="115">
        <v>1817921</v>
      </c>
      <c r="FN19" s="112">
        <v>0</v>
      </c>
      <c r="FO19" s="116">
        <v>1792609</v>
      </c>
      <c r="FP19" s="116">
        <v>5183318</v>
      </c>
      <c r="FQ19" s="116">
        <v>3686048</v>
      </c>
      <c r="FR19" s="116">
        <v>3535993</v>
      </c>
      <c r="FS19" s="116">
        <v>2617005</v>
      </c>
      <c r="FT19" s="115">
        <v>16814973</v>
      </c>
      <c r="FU19" s="118">
        <v>18632894</v>
      </c>
      <c r="FV19" s="117">
        <v>330684</v>
      </c>
      <c r="FW19" s="116">
        <v>798240</v>
      </c>
      <c r="FX19" s="114">
        <v>1128924</v>
      </c>
      <c r="FY19" s="113">
        <v>0</v>
      </c>
      <c r="FZ19" s="116">
        <v>1278671</v>
      </c>
      <c r="GA19" s="116">
        <v>4890944</v>
      </c>
      <c r="GB19" s="116">
        <v>3435168</v>
      </c>
      <c r="GC19" s="116">
        <v>3388761</v>
      </c>
      <c r="GD19" s="116">
        <v>2599185</v>
      </c>
      <c r="GE19" s="115">
        <v>15592729</v>
      </c>
      <c r="GF19" s="354">
        <v>16721653</v>
      </c>
      <c r="GG19" s="117">
        <v>8167</v>
      </c>
      <c r="GH19" s="116">
        <v>48312</v>
      </c>
      <c r="GI19" s="114">
        <v>56479</v>
      </c>
      <c r="GJ19" s="113">
        <v>0</v>
      </c>
      <c r="GK19" s="116">
        <v>198338</v>
      </c>
      <c r="GL19" s="116">
        <v>182574</v>
      </c>
      <c r="GM19" s="116">
        <v>24160</v>
      </c>
      <c r="GN19" s="116">
        <v>60175</v>
      </c>
      <c r="GO19" s="116">
        <v>17820</v>
      </c>
      <c r="GP19" s="115">
        <v>483067</v>
      </c>
      <c r="GQ19" s="118">
        <v>539546</v>
      </c>
      <c r="GR19" s="112">
        <v>340000</v>
      </c>
      <c r="GS19" s="116">
        <v>292518</v>
      </c>
      <c r="GT19" s="115">
        <v>632518</v>
      </c>
      <c r="GU19" s="112">
        <v>0</v>
      </c>
      <c r="GV19" s="116">
        <v>315600</v>
      </c>
      <c r="GW19" s="116">
        <v>109800</v>
      </c>
      <c r="GX19" s="116">
        <v>226720</v>
      </c>
      <c r="GY19" s="116">
        <v>87057</v>
      </c>
      <c r="GZ19" s="116">
        <v>0</v>
      </c>
      <c r="HA19" s="114">
        <v>739177</v>
      </c>
      <c r="HB19" s="118">
        <v>1371695</v>
      </c>
      <c r="HC19" s="112">
        <v>1445698</v>
      </c>
      <c r="HD19" s="116">
        <v>1978428</v>
      </c>
      <c r="HE19" s="114">
        <v>3424126</v>
      </c>
      <c r="HF19" s="113">
        <v>0</v>
      </c>
      <c r="HG19" s="116">
        <v>14398729</v>
      </c>
      <c r="HH19" s="116">
        <v>11771814</v>
      </c>
      <c r="HI19" s="116">
        <v>14395452</v>
      </c>
      <c r="HJ19" s="116">
        <v>15777559</v>
      </c>
      <c r="HK19" s="116">
        <v>11024804</v>
      </c>
      <c r="HL19" s="115">
        <v>67368358</v>
      </c>
      <c r="HM19" s="111">
        <v>70792484</v>
      </c>
      <c r="HN19" s="117">
        <v>417971</v>
      </c>
      <c r="HO19" s="116">
        <v>949803</v>
      </c>
      <c r="HP19" s="115">
        <v>1367774</v>
      </c>
      <c r="HQ19" s="112">
        <v>0</v>
      </c>
      <c r="HR19" s="116">
        <v>7743489</v>
      </c>
      <c r="HS19" s="116">
        <v>8106085</v>
      </c>
      <c r="HT19" s="116">
        <v>5470026</v>
      </c>
      <c r="HU19" s="116">
        <v>4002361</v>
      </c>
      <c r="HV19" s="116">
        <v>2726170</v>
      </c>
      <c r="HW19" s="114">
        <v>28048131</v>
      </c>
      <c r="HX19" s="118">
        <v>29415905</v>
      </c>
      <c r="HY19" s="148">
        <v>32984</v>
      </c>
      <c r="HZ19" s="149">
        <v>221043</v>
      </c>
      <c r="IA19" s="150">
        <v>254027</v>
      </c>
      <c r="IB19" s="163">
        <v>0</v>
      </c>
      <c r="IC19" s="149">
        <v>10703854</v>
      </c>
      <c r="ID19" s="164">
        <v>13553627</v>
      </c>
      <c r="IE19" s="150">
        <v>14014895</v>
      </c>
      <c r="IF19" s="149">
        <v>9041899</v>
      </c>
      <c r="IG19" s="150">
        <v>4895808</v>
      </c>
      <c r="IH19" s="165">
        <v>52210083</v>
      </c>
      <c r="II19" s="156">
        <v>52464110</v>
      </c>
      <c r="IJ19" s="261">
        <v>0</v>
      </c>
      <c r="IK19" s="268">
        <v>0</v>
      </c>
      <c r="IL19" s="269">
        <v>0</v>
      </c>
      <c r="IM19" s="157"/>
      <c r="IN19" s="122">
        <v>0</v>
      </c>
      <c r="IO19" s="122">
        <v>136457</v>
      </c>
      <c r="IP19" s="122">
        <v>205695</v>
      </c>
      <c r="IQ19" s="122">
        <v>0</v>
      </c>
      <c r="IR19" s="122">
        <v>0</v>
      </c>
      <c r="IS19" s="158">
        <v>342152</v>
      </c>
      <c r="IT19" s="357">
        <v>342152</v>
      </c>
      <c r="IU19" s="159">
        <v>0</v>
      </c>
      <c r="IV19" s="122">
        <v>0</v>
      </c>
      <c r="IW19" s="123">
        <v>0</v>
      </c>
      <c r="IX19" s="161"/>
      <c r="IY19" s="122">
        <v>0</v>
      </c>
      <c r="IZ19" s="122">
        <v>0</v>
      </c>
      <c r="JA19" s="122">
        <v>0</v>
      </c>
      <c r="JB19" s="122">
        <v>0</v>
      </c>
      <c r="JC19" s="122">
        <v>0</v>
      </c>
      <c r="JD19" s="123">
        <v>0</v>
      </c>
      <c r="JE19" s="124">
        <v>0</v>
      </c>
      <c r="JF19" s="159">
        <v>0</v>
      </c>
      <c r="JG19" s="122">
        <v>0</v>
      </c>
      <c r="JH19" s="158">
        <v>0</v>
      </c>
      <c r="JI19" s="121">
        <v>0</v>
      </c>
      <c r="JJ19" s="122">
        <v>5645447</v>
      </c>
      <c r="JK19" s="122">
        <v>6831882</v>
      </c>
      <c r="JL19" s="122">
        <v>4421641</v>
      </c>
      <c r="JM19" s="122">
        <v>2694966</v>
      </c>
      <c r="JN19" s="122">
        <v>1467126</v>
      </c>
      <c r="JO19" s="123">
        <v>21061062</v>
      </c>
      <c r="JP19" s="357">
        <v>21061062</v>
      </c>
      <c r="JQ19" s="159">
        <v>0</v>
      </c>
      <c r="JR19" s="122">
        <v>0</v>
      </c>
      <c r="JS19" s="158">
        <v>0</v>
      </c>
      <c r="JT19" s="121">
        <v>0</v>
      </c>
      <c r="JU19" s="122">
        <v>167519</v>
      </c>
      <c r="JV19" s="122">
        <v>367784</v>
      </c>
      <c r="JW19" s="122">
        <v>1112763</v>
      </c>
      <c r="JX19" s="122">
        <v>540502</v>
      </c>
      <c r="JY19" s="122">
        <v>-770575</v>
      </c>
      <c r="JZ19" s="123">
        <v>1417993</v>
      </c>
      <c r="KA19" s="357">
        <v>1417993</v>
      </c>
      <c r="KB19" s="264">
        <v>32984</v>
      </c>
      <c r="KC19" s="258">
        <v>221043</v>
      </c>
      <c r="KD19" s="123">
        <v>254027</v>
      </c>
      <c r="KE19" s="121">
        <v>0</v>
      </c>
      <c r="KF19" s="122">
        <v>1835246</v>
      </c>
      <c r="KG19" s="122">
        <v>2037804</v>
      </c>
      <c r="KH19" s="122">
        <v>488381</v>
      </c>
      <c r="KI19" s="122">
        <v>253204</v>
      </c>
      <c r="KJ19" s="122">
        <v>319997</v>
      </c>
      <c r="KK19" s="123">
        <v>4934632</v>
      </c>
      <c r="KL19" s="160">
        <v>5188659</v>
      </c>
      <c r="KM19" s="261">
        <v>0</v>
      </c>
      <c r="KN19" s="268">
        <v>0</v>
      </c>
      <c r="KO19" s="269">
        <v>0</v>
      </c>
      <c r="KP19" s="157"/>
      <c r="KQ19" s="122">
        <v>3055642</v>
      </c>
      <c r="KR19" s="122">
        <v>4179700</v>
      </c>
      <c r="KS19" s="122">
        <v>6999915</v>
      </c>
      <c r="KT19" s="122">
        <v>3454940</v>
      </c>
      <c r="KU19" s="122">
        <v>2915513</v>
      </c>
      <c r="KV19" s="123">
        <v>20605710</v>
      </c>
      <c r="KW19" s="357">
        <v>20605710</v>
      </c>
      <c r="KX19" s="159">
        <v>0</v>
      </c>
      <c r="KY19" s="122">
        <v>0</v>
      </c>
      <c r="KZ19" s="123">
        <v>0</v>
      </c>
      <c r="LA19" s="162"/>
      <c r="LB19" s="122">
        <v>0</v>
      </c>
      <c r="LC19" s="122">
        <v>0</v>
      </c>
      <c r="LD19" s="122">
        <v>786500</v>
      </c>
      <c r="LE19" s="122">
        <v>2098287</v>
      </c>
      <c r="LF19" s="122">
        <v>963747</v>
      </c>
      <c r="LG19" s="123">
        <v>3848534</v>
      </c>
      <c r="LH19" s="124">
        <v>3848534</v>
      </c>
      <c r="LI19" s="159">
        <v>0</v>
      </c>
      <c r="LJ19" s="122">
        <v>0</v>
      </c>
      <c r="LK19" s="123">
        <v>0</v>
      </c>
      <c r="LL19" s="162"/>
      <c r="LM19" s="122">
        <v>0</v>
      </c>
      <c r="LN19" s="122">
        <v>0</v>
      </c>
      <c r="LO19" s="122">
        <v>0</v>
      </c>
      <c r="LP19" s="122">
        <v>0</v>
      </c>
      <c r="LQ19" s="122">
        <v>0</v>
      </c>
      <c r="LR19" s="123">
        <v>0</v>
      </c>
      <c r="LS19" s="357">
        <v>0</v>
      </c>
      <c r="LT19" s="159">
        <v>0</v>
      </c>
      <c r="LU19" s="122">
        <v>0</v>
      </c>
      <c r="LV19" s="123">
        <v>0</v>
      </c>
      <c r="LW19" s="162"/>
      <c r="LX19" s="122">
        <v>0</v>
      </c>
      <c r="LY19" s="122">
        <v>0</v>
      </c>
      <c r="LZ19" s="122">
        <v>0</v>
      </c>
      <c r="MA19" s="122">
        <v>0</v>
      </c>
      <c r="MB19" s="122">
        <v>0</v>
      </c>
      <c r="MC19" s="123">
        <v>0</v>
      </c>
      <c r="MD19" s="124">
        <v>0</v>
      </c>
      <c r="ME19" s="159">
        <v>0</v>
      </c>
      <c r="MF19" s="122">
        <v>0</v>
      </c>
      <c r="MG19" s="123">
        <v>0</v>
      </c>
      <c r="MH19" s="162"/>
      <c r="MI19" s="122">
        <v>3326436</v>
      </c>
      <c r="MJ19" s="122">
        <v>7559332</v>
      </c>
      <c r="MK19" s="122">
        <v>29324395</v>
      </c>
      <c r="ML19" s="122">
        <v>48347107</v>
      </c>
      <c r="MM19" s="122">
        <v>42206303</v>
      </c>
      <c r="MN19" s="123">
        <v>130763573</v>
      </c>
      <c r="MO19" s="160">
        <v>130763573</v>
      </c>
      <c r="MP19" s="159">
        <v>0</v>
      </c>
      <c r="MQ19" s="122">
        <v>0</v>
      </c>
      <c r="MR19" s="123">
        <v>0</v>
      </c>
      <c r="MS19" s="162"/>
      <c r="MT19" s="122">
        <v>583814</v>
      </c>
      <c r="MU19" s="122">
        <v>233848</v>
      </c>
      <c r="MV19" s="122">
        <v>17820084</v>
      </c>
      <c r="MW19" s="122">
        <v>39689780</v>
      </c>
      <c r="MX19" s="122">
        <v>34210723</v>
      </c>
      <c r="MY19" s="123">
        <v>92538249</v>
      </c>
      <c r="MZ19" s="160">
        <v>92538249</v>
      </c>
      <c r="NA19" s="159">
        <v>0</v>
      </c>
      <c r="NB19" s="122">
        <v>0</v>
      </c>
      <c r="NC19" s="123">
        <v>0</v>
      </c>
      <c r="ND19" s="162"/>
      <c r="NE19" s="122">
        <v>2742622</v>
      </c>
      <c r="NF19" s="122">
        <v>7325484</v>
      </c>
      <c r="NG19" s="122">
        <v>11504311</v>
      </c>
      <c r="NH19" s="122">
        <v>8657327</v>
      </c>
      <c r="NI19" s="122">
        <v>7995580</v>
      </c>
      <c r="NJ19" s="123">
        <v>38225324</v>
      </c>
      <c r="NK19" s="357">
        <v>38225324</v>
      </c>
      <c r="NL19" s="159">
        <v>0</v>
      </c>
      <c r="NM19" s="122">
        <v>0</v>
      </c>
      <c r="NN19" s="123">
        <v>0</v>
      </c>
      <c r="NO19" s="162"/>
      <c r="NP19" s="122">
        <v>0</v>
      </c>
      <c r="NQ19" s="122">
        <v>0</v>
      </c>
      <c r="NR19" s="122">
        <v>0</v>
      </c>
      <c r="NS19" s="122">
        <v>0</v>
      </c>
      <c r="NT19" s="122">
        <v>0</v>
      </c>
      <c r="NU19" s="123">
        <v>0</v>
      </c>
      <c r="NV19" s="124">
        <v>0</v>
      </c>
      <c r="NW19" s="159">
        <v>0</v>
      </c>
      <c r="NX19" s="122">
        <v>0</v>
      </c>
      <c r="NY19" s="123">
        <v>0</v>
      </c>
      <c r="NZ19" s="162"/>
      <c r="OA19" s="122">
        <v>0</v>
      </c>
      <c r="OB19" s="122">
        <v>0</v>
      </c>
      <c r="OC19" s="122">
        <v>0</v>
      </c>
      <c r="OD19" s="122">
        <v>0</v>
      </c>
      <c r="OE19" s="122">
        <v>0</v>
      </c>
      <c r="OF19" s="123">
        <v>0</v>
      </c>
      <c r="OG19" s="124">
        <v>0</v>
      </c>
      <c r="OH19" s="159">
        <v>3532522</v>
      </c>
      <c r="OI19" s="122">
        <v>5951117</v>
      </c>
      <c r="OJ19" s="158">
        <v>9483639</v>
      </c>
      <c r="OK19" s="121">
        <v>0</v>
      </c>
      <c r="OL19" s="122">
        <v>59812098</v>
      </c>
      <c r="OM19" s="122">
        <v>78449490</v>
      </c>
      <c r="ON19" s="122">
        <v>101509109</v>
      </c>
      <c r="OO19" s="122">
        <v>113936294</v>
      </c>
      <c r="OP19" s="122">
        <v>95947576</v>
      </c>
      <c r="OQ19" s="123">
        <v>449654567</v>
      </c>
      <c r="OR19" s="160">
        <v>459138206</v>
      </c>
    </row>
    <row r="20" spans="1:408" ht="18.75" customHeight="1" x14ac:dyDescent="0.2">
      <c r="A20" s="62" t="s">
        <v>15</v>
      </c>
      <c r="B20" s="112">
        <v>1818118</v>
      </c>
      <c r="C20" s="116">
        <v>4642274</v>
      </c>
      <c r="D20" s="115">
        <v>6460392</v>
      </c>
      <c r="E20" s="111">
        <v>0</v>
      </c>
      <c r="F20" s="116">
        <v>30054215</v>
      </c>
      <c r="G20" s="116">
        <v>41790681</v>
      </c>
      <c r="H20" s="116">
        <v>36065474</v>
      </c>
      <c r="I20" s="116">
        <v>28445440</v>
      </c>
      <c r="J20" s="116">
        <v>23494737</v>
      </c>
      <c r="K20" s="111">
        <v>159850547</v>
      </c>
      <c r="L20" s="118">
        <v>166310939</v>
      </c>
      <c r="M20" s="112">
        <v>241780</v>
      </c>
      <c r="N20" s="116">
        <v>494290</v>
      </c>
      <c r="O20" s="115">
        <v>736070</v>
      </c>
      <c r="P20" s="112">
        <v>0</v>
      </c>
      <c r="Q20" s="116">
        <v>6377667</v>
      </c>
      <c r="R20" s="116">
        <v>10119099</v>
      </c>
      <c r="S20" s="116">
        <v>7955028</v>
      </c>
      <c r="T20" s="116">
        <v>7139802</v>
      </c>
      <c r="U20" s="116">
        <v>11459281</v>
      </c>
      <c r="V20" s="115">
        <v>43050877</v>
      </c>
      <c r="W20" s="118">
        <v>43786947</v>
      </c>
      <c r="X20" s="112">
        <v>0</v>
      </c>
      <c r="Y20" s="116">
        <v>0</v>
      </c>
      <c r="Z20" s="115">
        <v>0</v>
      </c>
      <c r="AA20" s="112">
        <v>0</v>
      </c>
      <c r="AB20" s="116">
        <v>3279200</v>
      </c>
      <c r="AC20" s="116">
        <v>5480165</v>
      </c>
      <c r="AD20" s="116">
        <v>4348692</v>
      </c>
      <c r="AE20" s="443">
        <v>3447668</v>
      </c>
      <c r="AF20" s="443">
        <v>6059330</v>
      </c>
      <c r="AG20" s="115">
        <v>22615055</v>
      </c>
      <c r="AH20" s="118">
        <v>22615055</v>
      </c>
      <c r="AI20" s="112">
        <v>0</v>
      </c>
      <c r="AJ20" s="116">
        <v>0</v>
      </c>
      <c r="AK20" s="115">
        <v>0</v>
      </c>
      <c r="AL20" s="112">
        <v>0</v>
      </c>
      <c r="AM20" s="116">
        <v>65714</v>
      </c>
      <c r="AN20" s="116">
        <v>314067</v>
      </c>
      <c r="AO20" s="116">
        <v>315329</v>
      </c>
      <c r="AP20" s="116">
        <v>778099</v>
      </c>
      <c r="AQ20" s="116">
        <v>2175278</v>
      </c>
      <c r="AR20" s="115">
        <v>3648487</v>
      </c>
      <c r="AS20" s="118">
        <v>3648487</v>
      </c>
      <c r="AT20" s="112">
        <v>68029</v>
      </c>
      <c r="AU20" s="116">
        <v>330582</v>
      </c>
      <c r="AV20" s="115">
        <v>398611</v>
      </c>
      <c r="AW20" s="112">
        <v>0</v>
      </c>
      <c r="AX20" s="116">
        <v>1298640</v>
      </c>
      <c r="AY20" s="116">
        <v>2812475</v>
      </c>
      <c r="AZ20" s="116">
        <v>1617242</v>
      </c>
      <c r="BA20" s="116">
        <v>1419642</v>
      </c>
      <c r="BB20" s="116">
        <v>2026063</v>
      </c>
      <c r="BC20" s="115">
        <v>9174062</v>
      </c>
      <c r="BD20" s="118">
        <v>9572673</v>
      </c>
      <c r="BE20" s="112">
        <v>33626</v>
      </c>
      <c r="BF20" s="116">
        <v>13026</v>
      </c>
      <c r="BG20" s="114">
        <v>46652</v>
      </c>
      <c r="BH20" s="113">
        <v>0</v>
      </c>
      <c r="BI20" s="116">
        <v>145998</v>
      </c>
      <c r="BJ20" s="116">
        <v>269239</v>
      </c>
      <c r="BK20" s="116">
        <v>138004</v>
      </c>
      <c r="BL20" s="116">
        <v>123982</v>
      </c>
      <c r="BM20" s="116">
        <v>308960</v>
      </c>
      <c r="BN20" s="115">
        <v>986183</v>
      </c>
      <c r="BO20" s="118">
        <v>1032835</v>
      </c>
      <c r="BP20" s="112">
        <v>140125</v>
      </c>
      <c r="BQ20" s="116">
        <v>150682</v>
      </c>
      <c r="BR20" s="115">
        <v>290807</v>
      </c>
      <c r="BS20" s="112">
        <v>0</v>
      </c>
      <c r="BT20" s="116">
        <v>1588115</v>
      </c>
      <c r="BU20" s="116">
        <v>1243153</v>
      </c>
      <c r="BV20" s="116">
        <v>1535761</v>
      </c>
      <c r="BW20" s="116">
        <v>1370411</v>
      </c>
      <c r="BX20" s="116">
        <v>889650</v>
      </c>
      <c r="BY20" s="115">
        <v>6627090</v>
      </c>
      <c r="BZ20" s="118">
        <v>6917897</v>
      </c>
      <c r="CA20" s="112">
        <v>0</v>
      </c>
      <c r="CB20" s="116">
        <v>208545</v>
      </c>
      <c r="CC20" s="115">
        <v>208545</v>
      </c>
      <c r="CD20" s="112">
        <v>0</v>
      </c>
      <c r="CE20" s="443">
        <v>6212654</v>
      </c>
      <c r="CF20" s="443">
        <v>11081256</v>
      </c>
      <c r="CG20" s="443">
        <v>6194131</v>
      </c>
      <c r="CH20" s="116">
        <v>2496847</v>
      </c>
      <c r="CI20" s="116">
        <v>1250777</v>
      </c>
      <c r="CJ20" s="451">
        <v>27235665</v>
      </c>
      <c r="CK20" s="452">
        <v>27444210</v>
      </c>
      <c r="CL20" s="112">
        <v>0</v>
      </c>
      <c r="CM20" s="116">
        <v>0</v>
      </c>
      <c r="CN20" s="115">
        <v>0</v>
      </c>
      <c r="CO20" s="113">
        <v>0</v>
      </c>
      <c r="CP20" s="116">
        <v>4452357</v>
      </c>
      <c r="CQ20" s="116">
        <v>8699118</v>
      </c>
      <c r="CR20" s="116">
        <v>4896182</v>
      </c>
      <c r="CS20" s="116">
        <v>1617593</v>
      </c>
      <c r="CT20" s="116">
        <v>1125716</v>
      </c>
      <c r="CU20" s="115">
        <v>20790966</v>
      </c>
      <c r="CV20" s="118">
        <v>20790966</v>
      </c>
      <c r="CW20" s="112">
        <v>0</v>
      </c>
      <c r="CX20" s="116">
        <v>208545</v>
      </c>
      <c r="CY20" s="115">
        <v>208545</v>
      </c>
      <c r="CZ20" s="112">
        <v>0</v>
      </c>
      <c r="DA20" s="116">
        <v>1760297</v>
      </c>
      <c r="DB20" s="116">
        <v>2382138</v>
      </c>
      <c r="DC20" s="116">
        <v>1297949</v>
      </c>
      <c r="DD20" s="116">
        <v>879254</v>
      </c>
      <c r="DE20" s="116">
        <v>125061</v>
      </c>
      <c r="DF20" s="115">
        <v>6444699</v>
      </c>
      <c r="DG20" s="118">
        <v>6653244</v>
      </c>
      <c r="DH20" s="112">
        <v>0</v>
      </c>
      <c r="DI20" s="116">
        <v>0</v>
      </c>
      <c r="DJ20" s="114">
        <v>0</v>
      </c>
      <c r="DK20" s="113">
        <v>0</v>
      </c>
      <c r="DL20" s="116">
        <v>1899908</v>
      </c>
      <c r="DM20" s="116">
        <v>2213545</v>
      </c>
      <c r="DN20" s="116">
        <v>7750609</v>
      </c>
      <c r="DO20" s="116">
        <v>4468750</v>
      </c>
      <c r="DP20" s="116">
        <v>2601512</v>
      </c>
      <c r="DQ20" s="115">
        <v>18934324</v>
      </c>
      <c r="DR20" s="118">
        <v>18934324</v>
      </c>
      <c r="DS20" s="112">
        <v>0</v>
      </c>
      <c r="DT20" s="116">
        <v>0</v>
      </c>
      <c r="DU20" s="115">
        <v>0</v>
      </c>
      <c r="DV20" s="112">
        <v>0</v>
      </c>
      <c r="DW20" s="116">
        <v>1497538</v>
      </c>
      <c r="DX20" s="116">
        <v>2172082</v>
      </c>
      <c r="DY20" s="116">
        <v>7322352</v>
      </c>
      <c r="DZ20" s="116">
        <v>4002608</v>
      </c>
      <c r="EA20" s="116">
        <v>2513593</v>
      </c>
      <c r="EB20" s="115">
        <v>17508173</v>
      </c>
      <c r="EC20" s="118">
        <v>17508173</v>
      </c>
      <c r="ED20" s="112">
        <v>0</v>
      </c>
      <c r="EE20" s="114">
        <v>0</v>
      </c>
      <c r="EF20" s="115">
        <v>0</v>
      </c>
      <c r="EG20" s="112">
        <v>0</v>
      </c>
      <c r="EH20" s="116">
        <v>402370</v>
      </c>
      <c r="EI20" s="116">
        <v>41463</v>
      </c>
      <c r="EJ20" s="116">
        <v>428257</v>
      </c>
      <c r="EK20" s="116">
        <v>466142</v>
      </c>
      <c r="EL20" s="116">
        <v>87919</v>
      </c>
      <c r="EM20" s="114">
        <v>1426151</v>
      </c>
      <c r="EN20" s="118">
        <v>1426151</v>
      </c>
      <c r="EO20" s="112">
        <v>0</v>
      </c>
      <c r="EP20" s="116">
        <v>0</v>
      </c>
      <c r="EQ20" s="114">
        <v>0</v>
      </c>
      <c r="ER20" s="113">
        <v>0</v>
      </c>
      <c r="ES20" s="116">
        <v>0</v>
      </c>
      <c r="ET20" s="116">
        <v>0</v>
      </c>
      <c r="EU20" s="116">
        <v>0</v>
      </c>
      <c r="EV20" s="116">
        <v>0</v>
      </c>
      <c r="EW20" s="116">
        <v>0</v>
      </c>
      <c r="EX20" s="115">
        <v>0</v>
      </c>
      <c r="EY20" s="118">
        <v>0</v>
      </c>
      <c r="EZ20" s="112">
        <v>0</v>
      </c>
      <c r="FA20" s="116">
        <v>0</v>
      </c>
      <c r="FB20" s="114">
        <v>0</v>
      </c>
      <c r="FC20" s="390"/>
      <c r="FD20" s="116">
        <v>0</v>
      </c>
      <c r="FE20" s="116">
        <v>0</v>
      </c>
      <c r="FF20" s="116">
        <v>0</v>
      </c>
      <c r="FG20" s="116">
        <v>0</v>
      </c>
      <c r="FH20" s="116">
        <v>0</v>
      </c>
      <c r="FI20" s="115">
        <v>0</v>
      </c>
      <c r="FJ20" s="118">
        <v>0</v>
      </c>
      <c r="FK20" s="112">
        <v>366676</v>
      </c>
      <c r="FL20" s="116">
        <v>1212706</v>
      </c>
      <c r="FM20" s="115">
        <v>1579382</v>
      </c>
      <c r="FN20" s="112">
        <v>0</v>
      </c>
      <c r="FO20" s="116">
        <v>1230176</v>
      </c>
      <c r="FP20" s="116">
        <v>4914460</v>
      </c>
      <c r="FQ20" s="116">
        <v>2742081</v>
      </c>
      <c r="FR20" s="116">
        <v>2191401</v>
      </c>
      <c r="FS20" s="116">
        <v>1655734</v>
      </c>
      <c r="FT20" s="115">
        <v>12733852</v>
      </c>
      <c r="FU20" s="118">
        <v>14313234</v>
      </c>
      <c r="FV20" s="117">
        <v>290239</v>
      </c>
      <c r="FW20" s="116">
        <v>748360</v>
      </c>
      <c r="FX20" s="114">
        <v>1038599</v>
      </c>
      <c r="FY20" s="113">
        <v>0</v>
      </c>
      <c r="FZ20" s="116">
        <v>1105346</v>
      </c>
      <c r="GA20" s="116">
        <v>4231815</v>
      </c>
      <c r="GB20" s="116">
        <v>2451813</v>
      </c>
      <c r="GC20" s="116">
        <v>2126781</v>
      </c>
      <c r="GD20" s="116">
        <v>1582718</v>
      </c>
      <c r="GE20" s="115">
        <v>11498473</v>
      </c>
      <c r="GF20" s="354">
        <v>12537072</v>
      </c>
      <c r="GG20" s="117">
        <v>37017</v>
      </c>
      <c r="GH20" s="116">
        <v>127116</v>
      </c>
      <c r="GI20" s="114">
        <v>164133</v>
      </c>
      <c r="GJ20" s="113">
        <v>0</v>
      </c>
      <c r="GK20" s="116">
        <v>29700</v>
      </c>
      <c r="GL20" s="116">
        <v>214735</v>
      </c>
      <c r="GM20" s="116">
        <v>42768</v>
      </c>
      <c r="GN20" s="116">
        <v>13320</v>
      </c>
      <c r="GO20" s="116">
        <v>38016</v>
      </c>
      <c r="GP20" s="115">
        <v>338539</v>
      </c>
      <c r="GQ20" s="118">
        <v>502672</v>
      </c>
      <c r="GR20" s="112">
        <v>39420</v>
      </c>
      <c r="GS20" s="116">
        <v>337230</v>
      </c>
      <c r="GT20" s="115">
        <v>376650</v>
      </c>
      <c r="GU20" s="112">
        <v>0</v>
      </c>
      <c r="GV20" s="116">
        <v>95130</v>
      </c>
      <c r="GW20" s="116">
        <v>467910</v>
      </c>
      <c r="GX20" s="116">
        <v>247500</v>
      </c>
      <c r="GY20" s="116">
        <v>51300</v>
      </c>
      <c r="GZ20" s="116">
        <v>35000</v>
      </c>
      <c r="HA20" s="114">
        <v>896840</v>
      </c>
      <c r="HB20" s="118">
        <v>1273490</v>
      </c>
      <c r="HC20" s="112">
        <v>917378</v>
      </c>
      <c r="HD20" s="116">
        <v>2020323</v>
      </c>
      <c r="HE20" s="114">
        <v>2937701</v>
      </c>
      <c r="HF20" s="113">
        <v>0</v>
      </c>
      <c r="HG20" s="116">
        <v>8723309</v>
      </c>
      <c r="HH20" s="116">
        <v>6517662</v>
      </c>
      <c r="HI20" s="116">
        <v>7642842</v>
      </c>
      <c r="HJ20" s="116">
        <v>9927748</v>
      </c>
      <c r="HK20" s="116">
        <v>4932774</v>
      </c>
      <c r="HL20" s="115">
        <v>37744335</v>
      </c>
      <c r="HM20" s="111">
        <v>40682036</v>
      </c>
      <c r="HN20" s="117">
        <v>292284</v>
      </c>
      <c r="HO20" s="116">
        <v>706410</v>
      </c>
      <c r="HP20" s="115">
        <v>998694</v>
      </c>
      <c r="HQ20" s="112">
        <v>0</v>
      </c>
      <c r="HR20" s="116">
        <v>5610501</v>
      </c>
      <c r="HS20" s="116">
        <v>6944659</v>
      </c>
      <c r="HT20" s="116">
        <v>3780783</v>
      </c>
      <c r="HU20" s="116">
        <v>2220892</v>
      </c>
      <c r="HV20" s="116">
        <v>1594659</v>
      </c>
      <c r="HW20" s="114">
        <v>20151494</v>
      </c>
      <c r="HX20" s="118">
        <v>21150188</v>
      </c>
      <c r="HY20" s="167">
        <v>228339</v>
      </c>
      <c r="HZ20" s="152">
        <v>1306131</v>
      </c>
      <c r="IA20" s="167">
        <v>1534470</v>
      </c>
      <c r="IB20" s="151">
        <v>0</v>
      </c>
      <c r="IC20" s="152">
        <v>19728902</v>
      </c>
      <c r="ID20" s="153">
        <v>24194370</v>
      </c>
      <c r="IE20" s="154">
        <v>23810327</v>
      </c>
      <c r="IF20" s="152">
        <v>18771331</v>
      </c>
      <c r="IG20" s="154">
        <v>9760510</v>
      </c>
      <c r="IH20" s="155">
        <v>96265440</v>
      </c>
      <c r="II20" s="167">
        <v>97799910</v>
      </c>
      <c r="IJ20" s="261">
        <v>0</v>
      </c>
      <c r="IK20" s="268">
        <v>0</v>
      </c>
      <c r="IL20" s="269">
        <v>0</v>
      </c>
      <c r="IM20" s="157"/>
      <c r="IN20" s="122">
        <v>401265</v>
      </c>
      <c r="IO20" s="122">
        <v>161976</v>
      </c>
      <c r="IP20" s="122">
        <v>1077592</v>
      </c>
      <c r="IQ20" s="122">
        <v>816070</v>
      </c>
      <c r="IR20" s="122">
        <v>1756317</v>
      </c>
      <c r="IS20" s="158">
        <v>4213220</v>
      </c>
      <c r="IT20" s="357">
        <v>4213220</v>
      </c>
      <c r="IU20" s="159">
        <v>0</v>
      </c>
      <c r="IV20" s="122">
        <v>0</v>
      </c>
      <c r="IW20" s="123">
        <v>0</v>
      </c>
      <c r="IX20" s="161"/>
      <c r="IY20" s="122">
        <v>0</v>
      </c>
      <c r="IZ20" s="122">
        <v>0</v>
      </c>
      <c r="JA20" s="122">
        <v>0</v>
      </c>
      <c r="JB20" s="122">
        <v>0</v>
      </c>
      <c r="JC20" s="122">
        <v>0</v>
      </c>
      <c r="JD20" s="123">
        <v>0</v>
      </c>
      <c r="JE20" s="124">
        <v>0</v>
      </c>
      <c r="JF20" s="159">
        <v>0</v>
      </c>
      <c r="JG20" s="122">
        <v>0</v>
      </c>
      <c r="JH20" s="158">
        <v>0</v>
      </c>
      <c r="JI20" s="121">
        <v>0</v>
      </c>
      <c r="JJ20" s="122">
        <v>5626531</v>
      </c>
      <c r="JK20" s="122">
        <v>10008443</v>
      </c>
      <c r="JL20" s="122">
        <v>5172153</v>
      </c>
      <c r="JM20" s="122">
        <v>3866846</v>
      </c>
      <c r="JN20" s="122">
        <v>611187</v>
      </c>
      <c r="JO20" s="123">
        <v>25285160</v>
      </c>
      <c r="JP20" s="357">
        <v>25285160</v>
      </c>
      <c r="JQ20" s="159">
        <v>0</v>
      </c>
      <c r="JR20" s="122">
        <v>0</v>
      </c>
      <c r="JS20" s="158">
        <v>0</v>
      </c>
      <c r="JT20" s="121">
        <v>0</v>
      </c>
      <c r="JU20" s="122">
        <v>267230</v>
      </c>
      <c r="JV20" s="122">
        <v>480473</v>
      </c>
      <c r="JW20" s="122">
        <v>457658</v>
      </c>
      <c r="JX20" s="122">
        <v>504267</v>
      </c>
      <c r="JY20" s="122">
        <v>60159</v>
      </c>
      <c r="JZ20" s="123">
        <v>1769787</v>
      </c>
      <c r="KA20" s="357">
        <v>1769787</v>
      </c>
      <c r="KB20" s="264">
        <v>228339</v>
      </c>
      <c r="KC20" s="258">
        <v>1062348</v>
      </c>
      <c r="KD20" s="123">
        <v>1290687</v>
      </c>
      <c r="KE20" s="121">
        <v>0</v>
      </c>
      <c r="KF20" s="122">
        <v>2406237</v>
      </c>
      <c r="KG20" s="122">
        <v>3921585</v>
      </c>
      <c r="KH20" s="122">
        <v>3172558</v>
      </c>
      <c r="KI20" s="122">
        <v>3329334</v>
      </c>
      <c r="KJ20" s="122">
        <v>1532635</v>
      </c>
      <c r="KK20" s="123">
        <v>14362349</v>
      </c>
      <c r="KL20" s="160">
        <v>15653036</v>
      </c>
      <c r="KM20" s="261">
        <v>0</v>
      </c>
      <c r="KN20" s="268">
        <v>243783</v>
      </c>
      <c r="KO20" s="269">
        <v>243783</v>
      </c>
      <c r="KP20" s="157"/>
      <c r="KQ20" s="122">
        <v>11027639</v>
      </c>
      <c r="KR20" s="122">
        <v>9621893</v>
      </c>
      <c r="KS20" s="122">
        <v>10650922</v>
      </c>
      <c r="KT20" s="122">
        <v>7599554</v>
      </c>
      <c r="KU20" s="122">
        <v>4299432</v>
      </c>
      <c r="KV20" s="123">
        <v>43199440</v>
      </c>
      <c r="KW20" s="357">
        <v>43443223</v>
      </c>
      <c r="KX20" s="159">
        <v>0</v>
      </c>
      <c r="KY20" s="122">
        <v>0</v>
      </c>
      <c r="KZ20" s="123">
        <v>0</v>
      </c>
      <c r="LA20" s="162"/>
      <c r="LB20" s="122">
        <v>0</v>
      </c>
      <c r="LC20" s="122">
        <v>0</v>
      </c>
      <c r="LD20" s="122">
        <v>0</v>
      </c>
      <c r="LE20" s="122">
        <v>0</v>
      </c>
      <c r="LF20" s="122">
        <v>0</v>
      </c>
      <c r="LG20" s="123">
        <v>0</v>
      </c>
      <c r="LH20" s="124">
        <v>0</v>
      </c>
      <c r="LI20" s="159">
        <v>0</v>
      </c>
      <c r="LJ20" s="122">
        <v>0</v>
      </c>
      <c r="LK20" s="123">
        <v>0</v>
      </c>
      <c r="LL20" s="162"/>
      <c r="LM20" s="122">
        <v>0</v>
      </c>
      <c r="LN20" s="122">
        <v>0</v>
      </c>
      <c r="LO20" s="122">
        <v>3279444</v>
      </c>
      <c r="LP20" s="122">
        <v>2655260</v>
      </c>
      <c r="LQ20" s="122">
        <v>1500780</v>
      </c>
      <c r="LR20" s="123">
        <v>7435484</v>
      </c>
      <c r="LS20" s="357">
        <v>7435484</v>
      </c>
      <c r="LT20" s="159">
        <v>0</v>
      </c>
      <c r="LU20" s="122">
        <v>0</v>
      </c>
      <c r="LV20" s="123">
        <v>0</v>
      </c>
      <c r="LW20" s="162"/>
      <c r="LX20" s="122">
        <v>0</v>
      </c>
      <c r="LY20" s="122">
        <v>0</v>
      </c>
      <c r="LZ20" s="122">
        <v>0</v>
      </c>
      <c r="MA20" s="122">
        <v>0</v>
      </c>
      <c r="MB20" s="122">
        <v>0</v>
      </c>
      <c r="MC20" s="123">
        <v>0</v>
      </c>
      <c r="MD20" s="124">
        <v>0</v>
      </c>
      <c r="ME20" s="159">
        <v>0</v>
      </c>
      <c r="MF20" s="122">
        <v>0</v>
      </c>
      <c r="MG20" s="123">
        <v>0</v>
      </c>
      <c r="MH20" s="162"/>
      <c r="MI20" s="122">
        <v>5977250</v>
      </c>
      <c r="MJ20" s="122">
        <v>9211468</v>
      </c>
      <c r="MK20" s="122">
        <v>33993257</v>
      </c>
      <c r="ML20" s="122">
        <v>48356510</v>
      </c>
      <c r="MM20" s="122">
        <v>31035811</v>
      </c>
      <c r="MN20" s="123">
        <v>128574296</v>
      </c>
      <c r="MO20" s="160">
        <v>128574296</v>
      </c>
      <c r="MP20" s="159">
        <v>0</v>
      </c>
      <c r="MQ20" s="122">
        <v>0</v>
      </c>
      <c r="MR20" s="123">
        <v>0</v>
      </c>
      <c r="MS20" s="162"/>
      <c r="MT20" s="122">
        <v>0</v>
      </c>
      <c r="MU20" s="122">
        <v>421884</v>
      </c>
      <c r="MV20" s="122">
        <v>22102692</v>
      </c>
      <c r="MW20" s="122">
        <v>33705672</v>
      </c>
      <c r="MX20" s="122">
        <v>21917248</v>
      </c>
      <c r="MY20" s="123">
        <v>78147496</v>
      </c>
      <c r="MZ20" s="160">
        <v>78147496</v>
      </c>
      <c r="NA20" s="159">
        <v>0</v>
      </c>
      <c r="NB20" s="122">
        <v>0</v>
      </c>
      <c r="NC20" s="123">
        <v>0</v>
      </c>
      <c r="ND20" s="162"/>
      <c r="NE20" s="122">
        <v>5977250</v>
      </c>
      <c r="NF20" s="122">
        <v>8789584</v>
      </c>
      <c r="NG20" s="122">
        <v>11890565</v>
      </c>
      <c r="NH20" s="122">
        <v>14650838</v>
      </c>
      <c r="NI20" s="122">
        <v>8758590</v>
      </c>
      <c r="NJ20" s="123">
        <v>50066827</v>
      </c>
      <c r="NK20" s="357">
        <v>50066827</v>
      </c>
      <c r="NL20" s="159">
        <v>0</v>
      </c>
      <c r="NM20" s="122">
        <v>0</v>
      </c>
      <c r="NN20" s="123">
        <v>0</v>
      </c>
      <c r="NO20" s="162"/>
      <c r="NP20" s="122">
        <v>0</v>
      </c>
      <c r="NQ20" s="122">
        <v>0</v>
      </c>
      <c r="NR20" s="122">
        <v>0</v>
      </c>
      <c r="NS20" s="122">
        <v>0</v>
      </c>
      <c r="NT20" s="122">
        <v>359973</v>
      </c>
      <c r="NU20" s="123">
        <v>359973</v>
      </c>
      <c r="NV20" s="124">
        <v>359973</v>
      </c>
      <c r="NW20" s="159">
        <v>0</v>
      </c>
      <c r="NX20" s="122">
        <v>0</v>
      </c>
      <c r="NY20" s="123">
        <v>0</v>
      </c>
      <c r="NZ20" s="162"/>
      <c r="OA20" s="122">
        <v>0</v>
      </c>
      <c r="OB20" s="122">
        <v>0</v>
      </c>
      <c r="OC20" s="122">
        <v>0</v>
      </c>
      <c r="OD20" s="122">
        <v>0</v>
      </c>
      <c r="OE20" s="122">
        <v>0</v>
      </c>
      <c r="OF20" s="123">
        <v>0</v>
      </c>
      <c r="OG20" s="124">
        <v>0</v>
      </c>
      <c r="OH20" s="159">
        <v>2046457</v>
      </c>
      <c r="OI20" s="122">
        <v>5948405</v>
      </c>
      <c r="OJ20" s="158">
        <v>7994862</v>
      </c>
      <c r="OK20" s="121">
        <v>0</v>
      </c>
      <c r="OL20" s="122">
        <v>55760367</v>
      </c>
      <c r="OM20" s="122">
        <v>75196519</v>
      </c>
      <c r="ON20" s="122">
        <v>93869058</v>
      </c>
      <c r="OO20" s="122">
        <v>95573281</v>
      </c>
      <c r="OP20" s="122">
        <v>64291058</v>
      </c>
      <c r="OQ20" s="123">
        <v>384690283</v>
      </c>
      <c r="OR20" s="160">
        <v>392685145</v>
      </c>
    </row>
    <row r="21" spans="1:408" ht="18.75" customHeight="1" x14ac:dyDescent="0.2">
      <c r="A21" s="62" t="s">
        <v>16</v>
      </c>
      <c r="B21" s="112">
        <v>6480405</v>
      </c>
      <c r="C21" s="116">
        <v>12232445</v>
      </c>
      <c r="D21" s="115">
        <v>18712850</v>
      </c>
      <c r="E21" s="111">
        <v>0</v>
      </c>
      <c r="F21" s="116">
        <v>74962342</v>
      </c>
      <c r="G21" s="116">
        <v>120745739</v>
      </c>
      <c r="H21" s="116">
        <v>105007697</v>
      </c>
      <c r="I21" s="116">
        <v>93039808</v>
      </c>
      <c r="J21" s="116">
        <v>71387435</v>
      </c>
      <c r="K21" s="111">
        <v>465143021</v>
      </c>
      <c r="L21" s="118">
        <v>483855871</v>
      </c>
      <c r="M21" s="112">
        <v>1003576</v>
      </c>
      <c r="N21" s="116">
        <v>2134336</v>
      </c>
      <c r="O21" s="115">
        <v>3137912</v>
      </c>
      <c r="P21" s="112">
        <v>0</v>
      </c>
      <c r="Q21" s="116">
        <v>15048592</v>
      </c>
      <c r="R21" s="116">
        <v>26712126</v>
      </c>
      <c r="S21" s="116">
        <v>24442623</v>
      </c>
      <c r="T21" s="116">
        <v>24731518</v>
      </c>
      <c r="U21" s="116">
        <v>23145876</v>
      </c>
      <c r="V21" s="115">
        <v>114080735</v>
      </c>
      <c r="W21" s="118">
        <v>117218647</v>
      </c>
      <c r="X21" s="112">
        <v>0</v>
      </c>
      <c r="Y21" s="116">
        <v>0</v>
      </c>
      <c r="Z21" s="115">
        <v>0</v>
      </c>
      <c r="AA21" s="112">
        <v>0</v>
      </c>
      <c r="AB21" s="116">
        <v>6558412</v>
      </c>
      <c r="AC21" s="116">
        <v>11227792</v>
      </c>
      <c r="AD21" s="116">
        <v>12680519</v>
      </c>
      <c r="AE21" s="443">
        <v>11953794</v>
      </c>
      <c r="AF21" s="443">
        <v>11051231</v>
      </c>
      <c r="AG21" s="115">
        <v>53471748</v>
      </c>
      <c r="AH21" s="118">
        <v>53471748</v>
      </c>
      <c r="AI21" s="112">
        <v>0</v>
      </c>
      <c r="AJ21" s="116">
        <v>0</v>
      </c>
      <c r="AK21" s="115">
        <v>0</v>
      </c>
      <c r="AL21" s="112">
        <v>0</v>
      </c>
      <c r="AM21" s="116">
        <v>152147</v>
      </c>
      <c r="AN21" s="116">
        <v>508562</v>
      </c>
      <c r="AO21" s="116">
        <v>527384</v>
      </c>
      <c r="AP21" s="116">
        <v>1471226</v>
      </c>
      <c r="AQ21" s="116">
        <v>2806784</v>
      </c>
      <c r="AR21" s="115">
        <v>5466103</v>
      </c>
      <c r="AS21" s="118">
        <v>5466103</v>
      </c>
      <c r="AT21" s="112">
        <v>542822</v>
      </c>
      <c r="AU21" s="116">
        <v>1762476</v>
      </c>
      <c r="AV21" s="115">
        <v>2305298</v>
      </c>
      <c r="AW21" s="112">
        <v>0</v>
      </c>
      <c r="AX21" s="116">
        <v>5446998</v>
      </c>
      <c r="AY21" s="116">
        <v>10784380</v>
      </c>
      <c r="AZ21" s="116">
        <v>7255259</v>
      </c>
      <c r="BA21" s="116">
        <v>7554102</v>
      </c>
      <c r="BB21" s="116">
        <v>6339981</v>
      </c>
      <c r="BC21" s="115">
        <v>37380720</v>
      </c>
      <c r="BD21" s="118">
        <v>39686018</v>
      </c>
      <c r="BE21" s="112">
        <v>0</v>
      </c>
      <c r="BF21" s="116">
        <v>158105</v>
      </c>
      <c r="BG21" s="114">
        <v>158105</v>
      </c>
      <c r="BH21" s="113">
        <v>0</v>
      </c>
      <c r="BI21" s="116">
        <v>219236</v>
      </c>
      <c r="BJ21" s="116">
        <v>701674</v>
      </c>
      <c r="BK21" s="116">
        <v>636009</v>
      </c>
      <c r="BL21" s="116">
        <v>333300</v>
      </c>
      <c r="BM21" s="116">
        <v>223470</v>
      </c>
      <c r="BN21" s="115">
        <v>2113689</v>
      </c>
      <c r="BO21" s="118">
        <v>2271794</v>
      </c>
      <c r="BP21" s="112">
        <v>460754</v>
      </c>
      <c r="BQ21" s="116">
        <v>213755</v>
      </c>
      <c r="BR21" s="115">
        <v>674509</v>
      </c>
      <c r="BS21" s="112">
        <v>0</v>
      </c>
      <c r="BT21" s="116">
        <v>2671799</v>
      </c>
      <c r="BU21" s="116">
        <v>3489718</v>
      </c>
      <c r="BV21" s="116">
        <v>3343452</v>
      </c>
      <c r="BW21" s="116">
        <v>3419096</v>
      </c>
      <c r="BX21" s="116">
        <v>2724410</v>
      </c>
      <c r="BY21" s="115">
        <v>15648475</v>
      </c>
      <c r="BZ21" s="118">
        <v>16322984</v>
      </c>
      <c r="CA21" s="112">
        <v>1172037</v>
      </c>
      <c r="CB21" s="116">
        <v>3918341</v>
      </c>
      <c r="CC21" s="115">
        <v>5090378</v>
      </c>
      <c r="CD21" s="112">
        <v>0</v>
      </c>
      <c r="CE21" s="443">
        <v>25285388</v>
      </c>
      <c r="CF21" s="443">
        <v>43243844</v>
      </c>
      <c r="CG21" s="443">
        <v>34197803</v>
      </c>
      <c r="CH21" s="116">
        <v>21350669</v>
      </c>
      <c r="CI21" s="116">
        <v>14612502</v>
      </c>
      <c r="CJ21" s="451">
        <v>138690206</v>
      </c>
      <c r="CK21" s="452">
        <v>143780584</v>
      </c>
      <c r="CL21" s="112">
        <v>0</v>
      </c>
      <c r="CM21" s="116">
        <v>0</v>
      </c>
      <c r="CN21" s="115">
        <v>0</v>
      </c>
      <c r="CO21" s="113">
        <v>0</v>
      </c>
      <c r="CP21" s="116">
        <v>16181558</v>
      </c>
      <c r="CQ21" s="116">
        <v>26612977</v>
      </c>
      <c r="CR21" s="116">
        <v>25533004</v>
      </c>
      <c r="CS21" s="116">
        <v>15098651</v>
      </c>
      <c r="CT21" s="116">
        <v>11738522</v>
      </c>
      <c r="CU21" s="115">
        <v>95164712</v>
      </c>
      <c r="CV21" s="118">
        <v>95164712</v>
      </c>
      <c r="CW21" s="112">
        <v>1172037</v>
      </c>
      <c r="CX21" s="116">
        <v>3918341</v>
      </c>
      <c r="CY21" s="115">
        <v>5090378</v>
      </c>
      <c r="CZ21" s="112">
        <v>0</v>
      </c>
      <c r="DA21" s="116">
        <v>9103830</v>
      </c>
      <c r="DB21" s="116">
        <v>16630867</v>
      </c>
      <c r="DC21" s="116">
        <v>8664799</v>
      </c>
      <c r="DD21" s="116">
        <v>6252018</v>
      </c>
      <c r="DE21" s="116">
        <v>2873980</v>
      </c>
      <c r="DF21" s="115">
        <v>43525494</v>
      </c>
      <c r="DG21" s="118">
        <v>48615872</v>
      </c>
      <c r="DH21" s="112">
        <v>0</v>
      </c>
      <c r="DI21" s="116">
        <v>81382</v>
      </c>
      <c r="DJ21" s="114">
        <v>81382</v>
      </c>
      <c r="DK21" s="113">
        <v>0</v>
      </c>
      <c r="DL21" s="116">
        <v>2015974</v>
      </c>
      <c r="DM21" s="116">
        <v>4790861</v>
      </c>
      <c r="DN21" s="116">
        <v>10512366</v>
      </c>
      <c r="DO21" s="116">
        <v>6533494</v>
      </c>
      <c r="DP21" s="116">
        <v>3169465</v>
      </c>
      <c r="DQ21" s="115">
        <v>27022160</v>
      </c>
      <c r="DR21" s="118">
        <v>27103542</v>
      </c>
      <c r="DS21" s="112">
        <v>0</v>
      </c>
      <c r="DT21" s="116">
        <v>81382</v>
      </c>
      <c r="DU21" s="115">
        <v>81382</v>
      </c>
      <c r="DV21" s="112">
        <v>0</v>
      </c>
      <c r="DW21" s="116">
        <v>1965619</v>
      </c>
      <c r="DX21" s="116">
        <v>4118628</v>
      </c>
      <c r="DY21" s="116">
        <v>9963840</v>
      </c>
      <c r="DZ21" s="116">
        <v>6031715</v>
      </c>
      <c r="EA21" s="116">
        <v>2887045</v>
      </c>
      <c r="EB21" s="115">
        <v>24966847</v>
      </c>
      <c r="EC21" s="118">
        <v>25048229</v>
      </c>
      <c r="ED21" s="112">
        <v>0</v>
      </c>
      <c r="EE21" s="114">
        <v>0</v>
      </c>
      <c r="EF21" s="115">
        <v>0</v>
      </c>
      <c r="EG21" s="112">
        <v>0</v>
      </c>
      <c r="EH21" s="116">
        <v>50355</v>
      </c>
      <c r="EI21" s="116">
        <v>672233</v>
      </c>
      <c r="EJ21" s="116">
        <v>548526</v>
      </c>
      <c r="EK21" s="116">
        <v>501779</v>
      </c>
      <c r="EL21" s="116">
        <v>282420</v>
      </c>
      <c r="EM21" s="114">
        <v>2055313</v>
      </c>
      <c r="EN21" s="118">
        <v>2055313</v>
      </c>
      <c r="EO21" s="112">
        <v>0</v>
      </c>
      <c r="EP21" s="116">
        <v>0</v>
      </c>
      <c r="EQ21" s="114">
        <v>0</v>
      </c>
      <c r="ER21" s="113">
        <v>0</v>
      </c>
      <c r="ES21" s="116">
        <v>0</v>
      </c>
      <c r="ET21" s="116">
        <v>0</v>
      </c>
      <c r="EU21" s="116">
        <v>0</v>
      </c>
      <c r="EV21" s="116">
        <v>0</v>
      </c>
      <c r="EW21" s="116">
        <v>0</v>
      </c>
      <c r="EX21" s="115">
        <v>0</v>
      </c>
      <c r="EY21" s="118">
        <v>0</v>
      </c>
      <c r="EZ21" s="112">
        <v>0</v>
      </c>
      <c r="FA21" s="116">
        <v>0</v>
      </c>
      <c r="FB21" s="114">
        <v>0</v>
      </c>
      <c r="FC21" s="390"/>
      <c r="FD21" s="116">
        <v>0</v>
      </c>
      <c r="FE21" s="116">
        <v>0</v>
      </c>
      <c r="FF21" s="116">
        <v>0</v>
      </c>
      <c r="FG21" s="116">
        <v>0</v>
      </c>
      <c r="FH21" s="116">
        <v>0</v>
      </c>
      <c r="FI21" s="115">
        <v>0</v>
      </c>
      <c r="FJ21" s="118">
        <v>0</v>
      </c>
      <c r="FK21" s="112">
        <v>1650351</v>
      </c>
      <c r="FL21" s="116">
        <v>2539472</v>
      </c>
      <c r="FM21" s="115">
        <v>4189823</v>
      </c>
      <c r="FN21" s="112">
        <v>0</v>
      </c>
      <c r="FO21" s="116">
        <v>3643751</v>
      </c>
      <c r="FP21" s="116">
        <v>11799896</v>
      </c>
      <c r="FQ21" s="116">
        <v>7930209</v>
      </c>
      <c r="FR21" s="116">
        <v>6945558</v>
      </c>
      <c r="FS21" s="116">
        <v>5294467</v>
      </c>
      <c r="FT21" s="115">
        <v>35613881</v>
      </c>
      <c r="FU21" s="118">
        <v>39803704</v>
      </c>
      <c r="FV21" s="117">
        <v>955596</v>
      </c>
      <c r="FW21" s="116">
        <v>1995823</v>
      </c>
      <c r="FX21" s="114">
        <v>2951419</v>
      </c>
      <c r="FY21" s="113">
        <v>0</v>
      </c>
      <c r="FZ21" s="116">
        <v>2850437</v>
      </c>
      <c r="GA21" s="116">
        <v>10576024</v>
      </c>
      <c r="GB21" s="116">
        <v>7496445</v>
      </c>
      <c r="GC21" s="116">
        <v>6679450</v>
      </c>
      <c r="GD21" s="116">
        <v>5142316</v>
      </c>
      <c r="GE21" s="115">
        <v>32744672</v>
      </c>
      <c r="GF21" s="354">
        <v>35696091</v>
      </c>
      <c r="GG21" s="117">
        <v>61965</v>
      </c>
      <c r="GH21" s="116">
        <v>154458</v>
      </c>
      <c r="GI21" s="114">
        <v>216423</v>
      </c>
      <c r="GJ21" s="113">
        <v>0</v>
      </c>
      <c r="GK21" s="116">
        <v>171828</v>
      </c>
      <c r="GL21" s="116">
        <v>238532</v>
      </c>
      <c r="GM21" s="116">
        <v>73764</v>
      </c>
      <c r="GN21" s="116">
        <v>201288</v>
      </c>
      <c r="GO21" s="116">
        <v>106908</v>
      </c>
      <c r="GP21" s="115">
        <v>792320</v>
      </c>
      <c r="GQ21" s="118">
        <v>1008743</v>
      </c>
      <c r="GR21" s="112">
        <v>632790</v>
      </c>
      <c r="GS21" s="116">
        <v>389191</v>
      </c>
      <c r="GT21" s="115">
        <v>1021981</v>
      </c>
      <c r="GU21" s="112">
        <v>0</v>
      </c>
      <c r="GV21" s="116">
        <v>621486</v>
      </c>
      <c r="GW21" s="116">
        <v>985340</v>
      </c>
      <c r="GX21" s="116">
        <v>360000</v>
      </c>
      <c r="GY21" s="116">
        <v>64820</v>
      </c>
      <c r="GZ21" s="116">
        <v>45243</v>
      </c>
      <c r="HA21" s="114">
        <v>2076889</v>
      </c>
      <c r="HB21" s="118">
        <v>3098870</v>
      </c>
      <c r="HC21" s="112">
        <v>1681281</v>
      </c>
      <c r="HD21" s="116">
        <v>1781186</v>
      </c>
      <c r="HE21" s="114">
        <v>3462467</v>
      </c>
      <c r="HF21" s="113">
        <v>0</v>
      </c>
      <c r="HG21" s="116">
        <v>16922932</v>
      </c>
      <c r="HH21" s="116">
        <v>18456841</v>
      </c>
      <c r="HI21" s="116">
        <v>17519828</v>
      </c>
      <c r="HJ21" s="116">
        <v>27204624</v>
      </c>
      <c r="HK21" s="116">
        <v>21326673</v>
      </c>
      <c r="HL21" s="115">
        <v>101430898</v>
      </c>
      <c r="HM21" s="111">
        <v>104893365</v>
      </c>
      <c r="HN21" s="117">
        <v>973160</v>
      </c>
      <c r="HO21" s="116">
        <v>1777728</v>
      </c>
      <c r="HP21" s="115">
        <v>2750888</v>
      </c>
      <c r="HQ21" s="112">
        <v>0</v>
      </c>
      <c r="HR21" s="116">
        <v>12045705</v>
      </c>
      <c r="HS21" s="116">
        <v>15742171</v>
      </c>
      <c r="HT21" s="116">
        <v>10404868</v>
      </c>
      <c r="HU21" s="116">
        <v>6273945</v>
      </c>
      <c r="HV21" s="116">
        <v>3838452</v>
      </c>
      <c r="HW21" s="114">
        <v>48305141</v>
      </c>
      <c r="HX21" s="118">
        <v>51056029</v>
      </c>
      <c r="HY21" s="148">
        <v>169665</v>
      </c>
      <c r="HZ21" s="149">
        <v>85011</v>
      </c>
      <c r="IA21" s="150">
        <v>254676</v>
      </c>
      <c r="IB21" s="163">
        <v>0</v>
      </c>
      <c r="IC21" s="149">
        <v>14561560</v>
      </c>
      <c r="ID21" s="164">
        <v>32338070</v>
      </c>
      <c r="IE21" s="150">
        <v>33635535</v>
      </c>
      <c r="IF21" s="149">
        <v>23242375</v>
      </c>
      <c r="IG21" s="150">
        <v>18713810</v>
      </c>
      <c r="IH21" s="165">
        <v>122491350</v>
      </c>
      <c r="II21" s="156">
        <v>122746026</v>
      </c>
      <c r="IJ21" s="261">
        <v>0</v>
      </c>
      <c r="IK21" s="268">
        <v>0</v>
      </c>
      <c r="IL21" s="269">
        <v>0</v>
      </c>
      <c r="IM21" s="157"/>
      <c r="IN21" s="122">
        <v>678489</v>
      </c>
      <c r="IO21" s="122">
        <v>1161599</v>
      </c>
      <c r="IP21" s="122">
        <v>1402324</v>
      </c>
      <c r="IQ21" s="122">
        <v>2804406</v>
      </c>
      <c r="IR21" s="122">
        <v>1309997</v>
      </c>
      <c r="IS21" s="158">
        <v>7356815</v>
      </c>
      <c r="IT21" s="357">
        <v>7356815</v>
      </c>
      <c r="IU21" s="159">
        <v>0</v>
      </c>
      <c r="IV21" s="122">
        <v>0</v>
      </c>
      <c r="IW21" s="123">
        <v>0</v>
      </c>
      <c r="IX21" s="161"/>
      <c r="IY21" s="122">
        <v>0</v>
      </c>
      <c r="IZ21" s="122">
        <v>106824</v>
      </c>
      <c r="JA21" s="122">
        <v>109066</v>
      </c>
      <c r="JB21" s="122">
        <v>36160</v>
      </c>
      <c r="JC21" s="122">
        <v>0</v>
      </c>
      <c r="JD21" s="123">
        <v>252050</v>
      </c>
      <c r="JE21" s="124">
        <v>252050</v>
      </c>
      <c r="JF21" s="159">
        <v>0</v>
      </c>
      <c r="JG21" s="122">
        <v>0</v>
      </c>
      <c r="JH21" s="158">
        <v>0</v>
      </c>
      <c r="JI21" s="121">
        <v>0</v>
      </c>
      <c r="JJ21" s="122">
        <v>7160632</v>
      </c>
      <c r="JK21" s="122">
        <v>9689429</v>
      </c>
      <c r="JL21" s="122">
        <v>8343241</v>
      </c>
      <c r="JM21" s="122">
        <v>4854213</v>
      </c>
      <c r="JN21" s="122">
        <v>2660161</v>
      </c>
      <c r="JO21" s="123">
        <v>32707676</v>
      </c>
      <c r="JP21" s="357">
        <v>32707676</v>
      </c>
      <c r="JQ21" s="159">
        <v>0</v>
      </c>
      <c r="JR21" s="122">
        <v>0</v>
      </c>
      <c r="JS21" s="158">
        <v>0</v>
      </c>
      <c r="JT21" s="121">
        <v>0</v>
      </c>
      <c r="JU21" s="122">
        <v>493726</v>
      </c>
      <c r="JV21" s="122">
        <v>1408793</v>
      </c>
      <c r="JW21" s="122">
        <v>864892</v>
      </c>
      <c r="JX21" s="122">
        <v>656783</v>
      </c>
      <c r="JY21" s="122">
        <v>685873</v>
      </c>
      <c r="JZ21" s="123">
        <v>4110067</v>
      </c>
      <c r="KA21" s="357">
        <v>4110067</v>
      </c>
      <c r="KB21" s="264">
        <v>169665</v>
      </c>
      <c r="KC21" s="258">
        <v>85011</v>
      </c>
      <c r="KD21" s="123">
        <v>254676</v>
      </c>
      <c r="KE21" s="121">
        <v>0</v>
      </c>
      <c r="KF21" s="122">
        <v>1124651</v>
      </c>
      <c r="KG21" s="122">
        <v>3953871</v>
      </c>
      <c r="KH21" s="122">
        <v>3606334</v>
      </c>
      <c r="KI21" s="122">
        <v>3413390</v>
      </c>
      <c r="KJ21" s="122">
        <v>3590751</v>
      </c>
      <c r="KK21" s="123">
        <v>15688997</v>
      </c>
      <c r="KL21" s="160">
        <v>15943673</v>
      </c>
      <c r="KM21" s="261">
        <v>0</v>
      </c>
      <c r="KN21" s="268">
        <v>0</v>
      </c>
      <c r="KO21" s="269">
        <v>0</v>
      </c>
      <c r="KP21" s="157"/>
      <c r="KQ21" s="122">
        <v>4554919</v>
      </c>
      <c r="KR21" s="122">
        <v>14383173</v>
      </c>
      <c r="KS21" s="122">
        <v>15140246</v>
      </c>
      <c r="KT21" s="122">
        <v>9129496</v>
      </c>
      <c r="KU21" s="122">
        <v>6438884</v>
      </c>
      <c r="KV21" s="123">
        <v>49646718</v>
      </c>
      <c r="KW21" s="357">
        <v>49646718</v>
      </c>
      <c r="KX21" s="159">
        <v>0</v>
      </c>
      <c r="KY21" s="122">
        <v>0</v>
      </c>
      <c r="KZ21" s="123">
        <v>0</v>
      </c>
      <c r="LA21" s="162"/>
      <c r="LB21" s="122">
        <v>0</v>
      </c>
      <c r="LC21" s="122">
        <v>0</v>
      </c>
      <c r="LD21" s="122">
        <v>0</v>
      </c>
      <c r="LE21" s="122">
        <v>0</v>
      </c>
      <c r="LF21" s="122">
        <v>0</v>
      </c>
      <c r="LG21" s="123">
        <v>0</v>
      </c>
      <c r="LH21" s="124">
        <v>0</v>
      </c>
      <c r="LI21" s="159">
        <v>0</v>
      </c>
      <c r="LJ21" s="122">
        <v>0</v>
      </c>
      <c r="LK21" s="123">
        <v>0</v>
      </c>
      <c r="LL21" s="162"/>
      <c r="LM21" s="122">
        <v>230963</v>
      </c>
      <c r="LN21" s="122">
        <v>495979</v>
      </c>
      <c r="LO21" s="122">
        <v>2462075</v>
      </c>
      <c r="LP21" s="122">
        <v>2195048</v>
      </c>
      <c r="LQ21" s="122">
        <v>2754188</v>
      </c>
      <c r="LR21" s="123">
        <v>8138253</v>
      </c>
      <c r="LS21" s="357">
        <v>8138253</v>
      </c>
      <c r="LT21" s="159">
        <v>0</v>
      </c>
      <c r="LU21" s="122">
        <v>0</v>
      </c>
      <c r="LV21" s="123">
        <v>0</v>
      </c>
      <c r="LW21" s="162"/>
      <c r="LX21" s="122">
        <v>318180</v>
      </c>
      <c r="LY21" s="122">
        <v>1138402</v>
      </c>
      <c r="LZ21" s="122">
        <v>1707357</v>
      </c>
      <c r="MA21" s="122">
        <v>152879</v>
      </c>
      <c r="MB21" s="122">
        <v>1273956</v>
      </c>
      <c r="MC21" s="123">
        <v>4590774</v>
      </c>
      <c r="MD21" s="124">
        <v>4590774</v>
      </c>
      <c r="ME21" s="159">
        <v>0</v>
      </c>
      <c r="MF21" s="122">
        <v>0</v>
      </c>
      <c r="MG21" s="123">
        <v>0</v>
      </c>
      <c r="MH21" s="162"/>
      <c r="MI21" s="122">
        <v>19920986</v>
      </c>
      <c r="MJ21" s="122">
        <v>30308933</v>
      </c>
      <c r="MK21" s="122">
        <v>92076779</v>
      </c>
      <c r="ML21" s="122">
        <v>116439373</v>
      </c>
      <c r="MM21" s="122">
        <v>80863874</v>
      </c>
      <c r="MN21" s="123">
        <v>339609945</v>
      </c>
      <c r="MO21" s="160">
        <v>339609945</v>
      </c>
      <c r="MP21" s="159">
        <v>0</v>
      </c>
      <c r="MQ21" s="122">
        <v>0</v>
      </c>
      <c r="MR21" s="123">
        <v>0</v>
      </c>
      <c r="MS21" s="162"/>
      <c r="MT21" s="122">
        <v>1839964</v>
      </c>
      <c r="MU21" s="122">
        <v>6160423</v>
      </c>
      <c r="MV21" s="122">
        <v>49408615</v>
      </c>
      <c r="MW21" s="122">
        <v>74773343</v>
      </c>
      <c r="MX21" s="122">
        <v>56880798</v>
      </c>
      <c r="MY21" s="123">
        <v>189063143</v>
      </c>
      <c r="MZ21" s="160">
        <v>189063143</v>
      </c>
      <c r="NA21" s="159">
        <v>0</v>
      </c>
      <c r="NB21" s="122">
        <v>0</v>
      </c>
      <c r="NC21" s="123">
        <v>0</v>
      </c>
      <c r="ND21" s="162"/>
      <c r="NE21" s="122">
        <v>18081022</v>
      </c>
      <c r="NF21" s="122">
        <v>24148510</v>
      </c>
      <c r="NG21" s="122">
        <v>39696271</v>
      </c>
      <c r="NH21" s="122">
        <v>37765813</v>
      </c>
      <c r="NI21" s="122">
        <v>19036660</v>
      </c>
      <c r="NJ21" s="123">
        <v>138728276</v>
      </c>
      <c r="NK21" s="357">
        <v>138728276</v>
      </c>
      <c r="NL21" s="159">
        <v>0</v>
      </c>
      <c r="NM21" s="122">
        <v>0</v>
      </c>
      <c r="NN21" s="123">
        <v>0</v>
      </c>
      <c r="NO21" s="162"/>
      <c r="NP21" s="122">
        <v>0</v>
      </c>
      <c r="NQ21" s="122">
        <v>0</v>
      </c>
      <c r="NR21" s="122">
        <v>0</v>
      </c>
      <c r="NS21" s="122">
        <v>0</v>
      </c>
      <c r="NT21" s="122">
        <v>1009421</v>
      </c>
      <c r="NU21" s="123">
        <v>1009421</v>
      </c>
      <c r="NV21" s="124">
        <v>1009421</v>
      </c>
      <c r="NW21" s="159">
        <v>0</v>
      </c>
      <c r="NX21" s="122">
        <v>0</v>
      </c>
      <c r="NY21" s="123">
        <v>0</v>
      </c>
      <c r="NZ21" s="162"/>
      <c r="OA21" s="122">
        <v>0</v>
      </c>
      <c r="OB21" s="122">
        <v>0</v>
      </c>
      <c r="OC21" s="122">
        <v>2971893</v>
      </c>
      <c r="OD21" s="122">
        <v>3900217</v>
      </c>
      <c r="OE21" s="122">
        <v>3936995</v>
      </c>
      <c r="OF21" s="123">
        <v>10809105</v>
      </c>
      <c r="OG21" s="124">
        <v>10809105</v>
      </c>
      <c r="OH21" s="159">
        <v>6650070</v>
      </c>
      <c r="OI21" s="122">
        <v>12317456</v>
      </c>
      <c r="OJ21" s="158">
        <v>18967526</v>
      </c>
      <c r="OK21" s="121">
        <v>0</v>
      </c>
      <c r="OL21" s="122">
        <v>109444888</v>
      </c>
      <c r="OM21" s="122">
        <v>183392742</v>
      </c>
      <c r="ON21" s="122">
        <v>230720011</v>
      </c>
      <c r="OO21" s="122">
        <v>232721556</v>
      </c>
      <c r="OP21" s="122">
        <v>170965119</v>
      </c>
      <c r="OQ21" s="123">
        <v>927244316</v>
      </c>
      <c r="OR21" s="160">
        <v>946211842</v>
      </c>
    </row>
    <row r="22" spans="1:408" ht="18.75" customHeight="1" x14ac:dyDescent="0.2">
      <c r="A22" s="62" t="s">
        <v>17</v>
      </c>
      <c r="B22" s="112">
        <v>5923281</v>
      </c>
      <c r="C22" s="116">
        <v>17345058</v>
      </c>
      <c r="D22" s="115">
        <v>23268339</v>
      </c>
      <c r="E22" s="111">
        <v>0</v>
      </c>
      <c r="F22" s="116">
        <v>76203635</v>
      </c>
      <c r="G22" s="116">
        <v>147978829</v>
      </c>
      <c r="H22" s="116">
        <v>125895156</v>
      </c>
      <c r="I22" s="116">
        <v>121667920</v>
      </c>
      <c r="J22" s="116">
        <v>91607816</v>
      </c>
      <c r="K22" s="111">
        <v>563353356</v>
      </c>
      <c r="L22" s="118">
        <v>586621695</v>
      </c>
      <c r="M22" s="112">
        <v>1368636</v>
      </c>
      <c r="N22" s="116">
        <v>3443585</v>
      </c>
      <c r="O22" s="115">
        <v>4812221</v>
      </c>
      <c r="P22" s="112">
        <v>0</v>
      </c>
      <c r="Q22" s="116">
        <v>16736185</v>
      </c>
      <c r="R22" s="116">
        <v>39718189</v>
      </c>
      <c r="S22" s="116">
        <v>35945099</v>
      </c>
      <c r="T22" s="116">
        <v>42761277</v>
      </c>
      <c r="U22" s="116">
        <v>48927930</v>
      </c>
      <c r="V22" s="115">
        <v>184088680</v>
      </c>
      <c r="W22" s="118">
        <v>188900901</v>
      </c>
      <c r="X22" s="112">
        <v>0</v>
      </c>
      <c r="Y22" s="116">
        <v>0</v>
      </c>
      <c r="Z22" s="115">
        <v>0</v>
      </c>
      <c r="AA22" s="112">
        <v>0</v>
      </c>
      <c r="AB22" s="116">
        <v>8019915</v>
      </c>
      <c r="AC22" s="116">
        <v>21169317</v>
      </c>
      <c r="AD22" s="116">
        <v>21755729</v>
      </c>
      <c r="AE22" s="443">
        <v>26052773</v>
      </c>
      <c r="AF22" s="443">
        <v>31447770</v>
      </c>
      <c r="AG22" s="115">
        <v>108445504</v>
      </c>
      <c r="AH22" s="118">
        <v>108445504</v>
      </c>
      <c r="AI22" s="112">
        <v>0</v>
      </c>
      <c r="AJ22" s="116">
        <v>62428</v>
      </c>
      <c r="AK22" s="115">
        <v>62428</v>
      </c>
      <c r="AL22" s="112">
        <v>0</v>
      </c>
      <c r="AM22" s="116">
        <v>0</v>
      </c>
      <c r="AN22" s="116">
        <v>727665</v>
      </c>
      <c r="AO22" s="116">
        <v>1427130</v>
      </c>
      <c r="AP22" s="116">
        <v>2228627</v>
      </c>
      <c r="AQ22" s="116">
        <v>4992507</v>
      </c>
      <c r="AR22" s="115">
        <v>9375929</v>
      </c>
      <c r="AS22" s="118">
        <v>9438357</v>
      </c>
      <c r="AT22" s="112">
        <v>841517</v>
      </c>
      <c r="AU22" s="116">
        <v>2553770</v>
      </c>
      <c r="AV22" s="115">
        <v>3395287</v>
      </c>
      <c r="AW22" s="112">
        <v>0</v>
      </c>
      <c r="AX22" s="116">
        <v>4966072</v>
      </c>
      <c r="AY22" s="116">
        <v>11509654</v>
      </c>
      <c r="AZ22" s="116">
        <v>7054097</v>
      </c>
      <c r="BA22" s="116">
        <v>9024938</v>
      </c>
      <c r="BB22" s="116">
        <v>8184325</v>
      </c>
      <c r="BC22" s="115">
        <v>40739086</v>
      </c>
      <c r="BD22" s="118">
        <v>44134373</v>
      </c>
      <c r="BE22" s="112">
        <v>67557</v>
      </c>
      <c r="BF22" s="116">
        <v>154649</v>
      </c>
      <c r="BG22" s="114">
        <v>222206</v>
      </c>
      <c r="BH22" s="113">
        <v>0</v>
      </c>
      <c r="BI22" s="116">
        <v>194679</v>
      </c>
      <c r="BJ22" s="116">
        <v>796206</v>
      </c>
      <c r="BK22" s="116">
        <v>677677</v>
      </c>
      <c r="BL22" s="116">
        <v>311199</v>
      </c>
      <c r="BM22" s="116">
        <v>239049</v>
      </c>
      <c r="BN22" s="115">
        <v>2218810</v>
      </c>
      <c r="BO22" s="118">
        <v>2441016</v>
      </c>
      <c r="BP22" s="112">
        <v>459562</v>
      </c>
      <c r="BQ22" s="116">
        <v>672738</v>
      </c>
      <c r="BR22" s="115">
        <v>1132300</v>
      </c>
      <c r="BS22" s="112">
        <v>0</v>
      </c>
      <c r="BT22" s="116">
        <v>3555519</v>
      </c>
      <c r="BU22" s="116">
        <v>5515347</v>
      </c>
      <c r="BV22" s="116">
        <v>5030466</v>
      </c>
      <c r="BW22" s="116">
        <v>5143740</v>
      </c>
      <c r="BX22" s="116">
        <v>4064279</v>
      </c>
      <c r="BY22" s="115">
        <v>23309351</v>
      </c>
      <c r="BZ22" s="118">
        <v>24441651</v>
      </c>
      <c r="CA22" s="112">
        <v>423722</v>
      </c>
      <c r="CB22" s="116">
        <v>2516022</v>
      </c>
      <c r="CC22" s="115">
        <v>2939744</v>
      </c>
      <c r="CD22" s="112">
        <v>0</v>
      </c>
      <c r="CE22" s="443">
        <v>24405265</v>
      </c>
      <c r="CF22" s="443">
        <v>48407394</v>
      </c>
      <c r="CG22" s="443">
        <v>37751719</v>
      </c>
      <c r="CH22" s="116">
        <v>26080080</v>
      </c>
      <c r="CI22" s="116">
        <v>11106915</v>
      </c>
      <c r="CJ22" s="451">
        <v>147751373</v>
      </c>
      <c r="CK22" s="452">
        <v>150691117</v>
      </c>
      <c r="CL22" s="112">
        <v>0</v>
      </c>
      <c r="CM22" s="116">
        <v>0</v>
      </c>
      <c r="CN22" s="115">
        <v>0</v>
      </c>
      <c r="CO22" s="113">
        <v>0</v>
      </c>
      <c r="CP22" s="116">
        <v>20729570</v>
      </c>
      <c r="CQ22" s="116">
        <v>38567095</v>
      </c>
      <c r="CR22" s="116">
        <v>31650576</v>
      </c>
      <c r="CS22" s="116">
        <v>21911475</v>
      </c>
      <c r="CT22" s="116">
        <v>9463615</v>
      </c>
      <c r="CU22" s="115">
        <v>122322331</v>
      </c>
      <c r="CV22" s="118">
        <v>122322331</v>
      </c>
      <c r="CW22" s="112">
        <v>423722</v>
      </c>
      <c r="CX22" s="116">
        <v>2516022</v>
      </c>
      <c r="CY22" s="115">
        <v>2939744</v>
      </c>
      <c r="CZ22" s="112">
        <v>0</v>
      </c>
      <c r="DA22" s="116">
        <v>3675695</v>
      </c>
      <c r="DB22" s="116">
        <v>9840299</v>
      </c>
      <c r="DC22" s="116">
        <v>6101143</v>
      </c>
      <c r="DD22" s="116">
        <v>4168605</v>
      </c>
      <c r="DE22" s="116">
        <v>1643300</v>
      </c>
      <c r="DF22" s="115">
        <v>25429042</v>
      </c>
      <c r="DG22" s="118">
        <v>28368786</v>
      </c>
      <c r="DH22" s="112">
        <v>0</v>
      </c>
      <c r="DI22" s="116">
        <v>183290</v>
      </c>
      <c r="DJ22" s="114">
        <v>183290</v>
      </c>
      <c r="DK22" s="113">
        <v>0</v>
      </c>
      <c r="DL22" s="116">
        <v>2279950</v>
      </c>
      <c r="DM22" s="116">
        <v>7822653</v>
      </c>
      <c r="DN22" s="116">
        <v>10124597</v>
      </c>
      <c r="DO22" s="116">
        <v>13559737</v>
      </c>
      <c r="DP22" s="116">
        <v>6115402</v>
      </c>
      <c r="DQ22" s="115">
        <v>39902339</v>
      </c>
      <c r="DR22" s="118">
        <v>40085629</v>
      </c>
      <c r="DS22" s="112">
        <v>0</v>
      </c>
      <c r="DT22" s="116">
        <v>183290</v>
      </c>
      <c r="DU22" s="115">
        <v>183290</v>
      </c>
      <c r="DV22" s="112">
        <v>0</v>
      </c>
      <c r="DW22" s="116">
        <v>2094284</v>
      </c>
      <c r="DX22" s="116">
        <v>6871442</v>
      </c>
      <c r="DY22" s="116">
        <v>9302292</v>
      </c>
      <c r="DZ22" s="116">
        <v>13139733</v>
      </c>
      <c r="EA22" s="116">
        <v>4756603</v>
      </c>
      <c r="EB22" s="115">
        <v>36164354</v>
      </c>
      <c r="EC22" s="118">
        <v>36347644</v>
      </c>
      <c r="ED22" s="112">
        <v>0</v>
      </c>
      <c r="EE22" s="114">
        <v>0</v>
      </c>
      <c r="EF22" s="115">
        <v>0</v>
      </c>
      <c r="EG22" s="112">
        <v>0</v>
      </c>
      <c r="EH22" s="116">
        <v>185666</v>
      </c>
      <c r="EI22" s="116">
        <v>951211</v>
      </c>
      <c r="EJ22" s="116">
        <v>822305</v>
      </c>
      <c r="EK22" s="116">
        <v>420004</v>
      </c>
      <c r="EL22" s="116">
        <v>1358799</v>
      </c>
      <c r="EM22" s="114">
        <v>3737985</v>
      </c>
      <c r="EN22" s="118">
        <v>3737985</v>
      </c>
      <c r="EO22" s="112">
        <v>0</v>
      </c>
      <c r="EP22" s="116">
        <v>0</v>
      </c>
      <c r="EQ22" s="114">
        <v>0</v>
      </c>
      <c r="ER22" s="113">
        <v>0</v>
      </c>
      <c r="ES22" s="116">
        <v>0</v>
      </c>
      <c r="ET22" s="116">
        <v>0</v>
      </c>
      <c r="EU22" s="116">
        <v>0</v>
      </c>
      <c r="EV22" s="116">
        <v>0</v>
      </c>
      <c r="EW22" s="116">
        <v>0</v>
      </c>
      <c r="EX22" s="115">
        <v>0</v>
      </c>
      <c r="EY22" s="118">
        <v>0</v>
      </c>
      <c r="EZ22" s="112">
        <v>0</v>
      </c>
      <c r="FA22" s="116">
        <v>0</v>
      </c>
      <c r="FB22" s="114">
        <v>0</v>
      </c>
      <c r="FC22" s="390"/>
      <c r="FD22" s="116">
        <v>0</v>
      </c>
      <c r="FE22" s="116">
        <v>0</v>
      </c>
      <c r="FF22" s="116">
        <v>0</v>
      </c>
      <c r="FG22" s="116">
        <v>0</v>
      </c>
      <c r="FH22" s="116">
        <v>0</v>
      </c>
      <c r="FI22" s="115">
        <v>0</v>
      </c>
      <c r="FJ22" s="118">
        <v>0</v>
      </c>
      <c r="FK22" s="112">
        <v>1214065</v>
      </c>
      <c r="FL22" s="116">
        <v>4926309</v>
      </c>
      <c r="FM22" s="115">
        <v>6140374</v>
      </c>
      <c r="FN22" s="112">
        <v>0</v>
      </c>
      <c r="FO22" s="116">
        <v>3708736</v>
      </c>
      <c r="FP22" s="116">
        <v>15356482</v>
      </c>
      <c r="FQ22" s="116">
        <v>9999816</v>
      </c>
      <c r="FR22" s="116">
        <v>10628339</v>
      </c>
      <c r="FS22" s="116">
        <v>7970773</v>
      </c>
      <c r="FT22" s="115">
        <v>47664146</v>
      </c>
      <c r="FU22" s="118">
        <v>53804520</v>
      </c>
      <c r="FV22" s="117">
        <v>1005175</v>
      </c>
      <c r="FW22" s="116">
        <v>3401809</v>
      </c>
      <c r="FX22" s="114">
        <v>4406984</v>
      </c>
      <c r="FY22" s="113">
        <v>0</v>
      </c>
      <c r="FZ22" s="116">
        <v>3113407</v>
      </c>
      <c r="GA22" s="116">
        <v>14113907</v>
      </c>
      <c r="GB22" s="116">
        <v>9450128</v>
      </c>
      <c r="GC22" s="116">
        <v>10207340</v>
      </c>
      <c r="GD22" s="116">
        <v>7828167</v>
      </c>
      <c r="GE22" s="115">
        <v>44712949</v>
      </c>
      <c r="GF22" s="354">
        <v>49119933</v>
      </c>
      <c r="GG22" s="117">
        <v>72090</v>
      </c>
      <c r="GH22" s="116">
        <v>126342</v>
      </c>
      <c r="GI22" s="114">
        <v>198432</v>
      </c>
      <c r="GJ22" s="113">
        <v>0</v>
      </c>
      <c r="GK22" s="116">
        <v>284064</v>
      </c>
      <c r="GL22" s="116">
        <v>400836</v>
      </c>
      <c r="GM22" s="116">
        <v>307314</v>
      </c>
      <c r="GN22" s="116">
        <v>111399</v>
      </c>
      <c r="GO22" s="116">
        <v>142606</v>
      </c>
      <c r="GP22" s="115">
        <v>1246219</v>
      </c>
      <c r="GQ22" s="118">
        <v>1444651</v>
      </c>
      <c r="GR22" s="112">
        <v>136800</v>
      </c>
      <c r="GS22" s="116">
        <v>1398158</v>
      </c>
      <c r="GT22" s="115">
        <v>1534958</v>
      </c>
      <c r="GU22" s="112">
        <v>0</v>
      </c>
      <c r="GV22" s="116">
        <v>311265</v>
      </c>
      <c r="GW22" s="116">
        <v>841739</v>
      </c>
      <c r="GX22" s="116">
        <v>242374</v>
      </c>
      <c r="GY22" s="116">
        <v>309600</v>
      </c>
      <c r="GZ22" s="116">
        <v>0</v>
      </c>
      <c r="HA22" s="114">
        <v>1704978</v>
      </c>
      <c r="HB22" s="118">
        <v>3239936</v>
      </c>
      <c r="HC22" s="112">
        <v>1742973</v>
      </c>
      <c r="HD22" s="116">
        <v>3534193</v>
      </c>
      <c r="HE22" s="114">
        <v>5277166</v>
      </c>
      <c r="HF22" s="113">
        <v>0</v>
      </c>
      <c r="HG22" s="116">
        <v>15620602</v>
      </c>
      <c r="HH22" s="116">
        <v>16823433</v>
      </c>
      <c r="HI22" s="116">
        <v>18786191</v>
      </c>
      <c r="HJ22" s="116">
        <v>18750823</v>
      </c>
      <c r="HK22" s="116">
        <v>11521609</v>
      </c>
      <c r="HL22" s="115">
        <v>81502658</v>
      </c>
      <c r="HM22" s="111">
        <v>86779824</v>
      </c>
      <c r="HN22" s="117">
        <v>1173885</v>
      </c>
      <c r="HO22" s="116">
        <v>2741659</v>
      </c>
      <c r="HP22" s="115">
        <v>3915544</v>
      </c>
      <c r="HQ22" s="112">
        <v>0</v>
      </c>
      <c r="HR22" s="116">
        <v>13452897</v>
      </c>
      <c r="HS22" s="116">
        <v>19850678</v>
      </c>
      <c r="HT22" s="116">
        <v>13287734</v>
      </c>
      <c r="HU22" s="116">
        <v>9887664</v>
      </c>
      <c r="HV22" s="116">
        <v>5965187</v>
      </c>
      <c r="HW22" s="114">
        <v>62444160</v>
      </c>
      <c r="HX22" s="118">
        <v>66359704</v>
      </c>
      <c r="HY22" s="167">
        <v>46544</v>
      </c>
      <c r="HZ22" s="152">
        <v>149693</v>
      </c>
      <c r="IA22" s="167">
        <v>196237</v>
      </c>
      <c r="IB22" s="151">
        <v>0</v>
      </c>
      <c r="IC22" s="152">
        <v>29919721</v>
      </c>
      <c r="ID22" s="153">
        <v>45228776</v>
      </c>
      <c r="IE22" s="154">
        <v>46974761</v>
      </c>
      <c r="IF22" s="152">
        <v>40284051</v>
      </c>
      <c r="IG22" s="154">
        <v>34693762</v>
      </c>
      <c r="IH22" s="155">
        <v>197101071</v>
      </c>
      <c r="II22" s="167">
        <v>197297308</v>
      </c>
      <c r="IJ22" s="261">
        <v>0</v>
      </c>
      <c r="IK22" s="268">
        <v>0</v>
      </c>
      <c r="IL22" s="269">
        <v>0</v>
      </c>
      <c r="IM22" s="157"/>
      <c r="IN22" s="122">
        <v>93789</v>
      </c>
      <c r="IO22" s="122">
        <v>201399</v>
      </c>
      <c r="IP22" s="122">
        <v>179155</v>
      </c>
      <c r="IQ22" s="122">
        <v>887933</v>
      </c>
      <c r="IR22" s="122">
        <v>0</v>
      </c>
      <c r="IS22" s="158">
        <v>1362276</v>
      </c>
      <c r="IT22" s="357">
        <v>1362276</v>
      </c>
      <c r="IU22" s="159">
        <v>0</v>
      </c>
      <c r="IV22" s="122">
        <v>0</v>
      </c>
      <c r="IW22" s="123">
        <v>0</v>
      </c>
      <c r="IX22" s="161"/>
      <c r="IY22" s="122">
        <v>0</v>
      </c>
      <c r="IZ22" s="122">
        <v>0</v>
      </c>
      <c r="JA22" s="122">
        <v>0</v>
      </c>
      <c r="JB22" s="122">
        <v>0</v>
      </c>
      <c r="JC22" s="122">
        <v>0</v>
      </c>
      <c r="JD22" s="123">
        <v>0</v>
      </c>
      <c r="JE22" s="124">
        <v>0</v>
      </c>
      <c r="JF22" s="159">
        <v>0</v>
      </c>
      <c r="JG22" s="122">
        <v>0</v>
      </c>
      <c r="JH22" s="158">
        <v>0</v>
      </c>
      <c r="JI22" s="121">
        <v>0</v>
      </c>
      <c r="JJ22" s="122">
        <v>11984468</v>
      </c>
      <c r="JK22" s="122">
        <v>16427637</v>
      </c>
      <c r="JL22" s="122">
        <v>12355338</v>
      </c>
      <c r="JM22" s="122">
        <v>11809051</v>
      </c>
      <c r="JN22" s="122">
        <v>9364134</v>
      </c>
      <c r="JO22" s="123">
        <v>61940628</v>
      </c>
      <c r="JP22" s="357">
        <v>61940628</v>
      </c>
      <c r="JQ22" s="159">
        <v>0</v>
      </c>
      <c r="JR22" s="122">
        <v>64317</v>
      </c>
      <c r="JS22" s="158">
        <v>64317</v>
      </c>
      <c r="JT22" s="121">
        <v>0</v>
      </c>
      <c r="JU22" s="122">
        <v>1661741</v>
      </c>
      <c r="JV22" s="122">
        <v>2505882</v>
      </c>
      <c r="JW22" s="122">
        <v>2193875</v>
      </c>
      <c r="JX22" s="122">
        <v>1482210</v>
      </c>
      <c r="JY22" s="122">
        <v>705173</v>
      </c>
      <c r="JZ22" s="123">
        <v>8548881</v>
      </c>
      <c r="KA22" s="357">
        <v>8613198</v>
      </c>
      <c r="KB22" s="264">
        <v>46544</v>
      </c>
      <c r="KC22" s="258">
        <v>85376</v>
      </c>
      <c r="KD22" s="123">
        <v>131920</v>
      </c>
      <c r="KE22" s="121">
        <v>0</v>
      </c>
      <c r="KF22" s="122">
        <v>2387036</v>
      </c>
      <c r="KG22" s="122">
        <v>6321538</v>
      </c>
      <c r="KH22" s="122">
        <v>7150539</v>
      </c>
      <c r="KI22" s="122">
        <v>8268064</v>
      </c>
      <c r="KJ22" s="122">
        <v>3485959</v>
      </c>
      <c r="KK22" s="123">
        <v>27613136</v>
      </c>
      <c r="KL22" s="160">
        <v>27745056</v>
      </c>
      <c r="KM22" s="261">
        <v>0</v>
      </c>
      <c r="KN22" s="268">
        <v>0</v>
      </c>
      <c r="KO22" s="269">
        <v>0</v>
      </c>
      <c r="KP22" s="157"/>
      <c r="KQ22" s="122">
        <v>12873859</v>
      </c>
      <c r="KR22" s="122">
        <v>19068641</v>
      </c>
      <c r="KS22" s="122">
        <v>15230924</v>
      </c>
      <c r="KT22" s="122">
        <v>9504725</v>
      </c>
      <c r="KU22" s="122">
        <v>4931294</v>
      </c>
      <c r="KV22" s="123">
        <v>61609443</v>
      </c>
      <c r="KW22" s="357">
        <v>61609443</v>
      </c>
      <c r="KX22" s="159">
        <v>0</v>
      </c>
      <c r="KY22" s="122">
        <v>0</v>
      </c>
      <c r="KZ22" s="123">
        <v>0</v>
      </c>
      <c r="LA22" s="162"/>
      <c r="LB22" s="122">
        <v>0</v>
      </c>
      <c r="LC22" s="122">
        <v>0</v>
      </c>
      <c r="LD22" s="122">
        <v>0</v>
      </c>
      <c r="LE22" s="122">
        <v>0</v>
      </c>
      <c r="LF22" s="122">
        <v>0</v>
      </c>
      <c r="LG22" s="123">
        <v>0</v>
      </c>
      <c r="LH22" s="124">
        <v>0</v>
      </c>
      <c r="LI22" s="159">
        <v>0</v>
      </c>
      <c r="LJ22" s="122">
        <v>0</v>
      </c>
      <c r="LK22" s="123">
        <v>0</v>
      </c>
      <c r="LL22" s="162"/>
      <c r="LM22" s="122">
        <v>213776</v>
      </c>
      <c r="LN22" s="122">
        <v>703679</v>
      </c>
      <c r="LO22" s="122">
        <v>9532739</v>
      </c>
      <c r="LP22" s="122">
        <v>7332303</v>
      </c>
      <c r="LQ22" s="122">
        <v>12961753</v>
      </c>
      <c r="LR22" s="123">
        <v>30744250</v>
      </c>
      <c r="LS22" s="357">
        <v>30744250</v>
      </c>
      <c r="LT22" s="159">
        <v>0</v>
      </c>
      <c r="LU22" s="122">
        <v>0</v>
      </c>
      <c r="LV22" s="123">
        <v>0</v>
      </c>
      <c r="LW22" s="162"/>
      <c r="LX22" s="122">
        <v>705052</v>
      </c>
      <c r="LY22" s="122">
        <v>0</v>
      </c>
      <c r="LZ22" s="122">
        <v>332191</v>
      </c>
      <c r="MA22" s="122">
        <v>999765</v>
      </c>
      <c r="MB22" s="122">
        <v>3245449</v>
      </c>
      <c r="MC22" s="123">
        <v>5282457</v>
      </c>
      <c r="MD22" s="124">
        <v>5282457</v>
      </c>
      <c r="ME22" s="159">
        <v>0</v>
      </c>
      <c r="MF22" s="122">
        <v>0</v>
      </c>
      <c r="MG22" s="123">
        <v>0</v>
      </c>
      <c r="MH22" s="162"/>
      <c r="MI22" s="122">
        <v>12091971</v>
      </c>
      <c r="MJ22" s="122">
        <v>32552508</v>
      </c>
      <c r="MK22" s="122">
        <v>90943096</v>
      </c>
      <c r="ML22" s="122">
        <v>109571365</v>
      </c>
      <c r="MM22" s="122">
        <v>84428599</v>
      </c>
      <c r="MN22" s="123">
        <v>329587539</v>
      </c>
      <c r="MO22" s="160">
        <v>329587539</v>
      </c>
      <c r="MP22" s="159">
        <v>0</v>
      </c>
      <c r="MQ22" s="122">
        <v>0</v>
      </c>
      <c r="MR22" s="123">
        <v>0</v>
      </c>
      <c r="MS22" s="162"/>
      <c r="MT22" s="122">
        <v>1066861</v>
      </c>
      <c r="MU22" s="122">
        <v>5811624</v>
      </c>
      <c r="MV22" s="122">
        <v>50214712</v>
      </c>
      <c r="MW22" s="122">
        <v>73069516</v>
      </c>
      <c r="MX22" s="122">
        <v>56623045</v>
      </c>
      <c r="MY22" s="123">
        <v>186785758</v>
      </c>
      <c r="MZ22" s="160">
        <v>186785758</v>
      </c>
      <c r="NA22" s="159">
        <v>0</v>
      </c>
      <c r="NB22" s="122">
        <v>0</v>
      </c>
      <c r="NC22" s="123">
        <v>0</v>
      </c>
      <c r="ND22" s="162"/>
      <c r="NE22" s="122">
        <v>11025110</v>
      </c>
      <c r="NF22" s="122">
        <v>26740884</v>
      </c>
      <c r="NG22" s="122">
        <v>40728384</v>
      </c>
      <c r="NH22" s="122">
        <v>35035428</v>
      </c>
      <c r="NI22" s="122">
        <v>22057375</v>
      </c>
      <c r="NJ22" s="123">
        <v>135587181</v>
      </c>
      <c r="NK22" s="357">
        <v>135587181</v>
      </c>
      <c r="NL22" s="159">
        <v>0</v>
      </c>
      <c r="NM22" s="122">
        <v>0</v>
      </c>
      <c r="NN22" s="123">
        <v>0</v>
      </c>
      <c r="NO22" s="162"/>
      <c r="NP22" s="122">
        <v>0</v>
      </c>
      <c r="NQ22" s="122">
        <v>0</v>
      </c>
      <c r="NR22" s="122">
        <v>0</v>
      </c>
      <c r="NS22" s="122">
        <v>0</v>
      </c>
      <c r="NT22" s="122">
        <v>1310714</v>
      </c>
      <c r="NU22" s="123">
        <v>1310714</v>
      </c>
      <c r="NV22" s="124">
        <v>1310714</v>
      </c>
      <c r="NW22" s="159">
        <v>0</v>
      </c>
      <c r="NX22" s="122">
        <v>0</v>
      </c>
      <c r="NY22" s="123">
        <v>0</v>
      </c>
      <c r="NZ22" s="162"/>
      <c r="OA22" s="122">
        <v>0</v>
      </c>
      <c r="OB22" s="122">
        <v>0</v>
      </c>
      <c r="OC22" s="122">
        <v>0</v>
      </c>
      <c r="OD22" s="122">
        <v>1466421</v>
      </c>
      <c r="OE22" s="122">
        <v>4437465</v>
      </c>
      <c r="OF22" s="123">
        <v>5903886</v>
      </c>
      <c r="OG22" s="124">
        <v>5903886</v>
      </c>
      <c r="OH22" s="159">
        <v>5969825</v>
      </c>
      <c r="OI22" s="122">
        <v>17494751</v>
      </c>
      <c r="OJ22" s="158">
        <v>23464576</v>
      </c>
      <c r="OK22" s="121">
        <v>0</v>
      </c>
      <c r="OL22" s="122">
        <v>118215327</v>
      </c>
      <c r="OM22" s="122">
        <v>225760113</v>
      </c>
      <c r="ON22" s="122">
        <v>263813013</v>
      </c>
      <c r="OO22" s="122">
        <v>271523336</v>
      </c>
      <c r="OP22" s="122">
        <v>210730177</v>
      </c>
      <c r="OQ22" s="123">
        <v>1090041966</v>
      </c>
      <c r="OR22" s="160">
        <v>1113506542</v>
      </c>
    </row>
    <row r="23" spans="1:408" ht="18.75" customHeight="1" x14ac:dyDescent="0.2">
      <c r="A23" s="62" t="s">
        <v>18</v>
      </c>
      <c r="B23" s="112">
        <v>7444079</v>
      </c>
      <c r="C23" s="116">
        <v>14597996</v>
      </c>
      <c r="D23" s="115">
        <v>22042075</v>
      </c>
      <c r="E23" s="111">
        <v>0</v>
      </c>
      <c r="F23" s="116">
        <v>128449725</v>
      </c>
      <c r="G23" s="116">
        <v>151001720</v>
      </c>
      <c r="H23" s="116">
        <v>142654943</v>
      </c>
      <c r="I23" s="116">
        <v>130807246</v>
      </c>
      <c r="J23" s="116">
        <v>90471477</v>
      </c>
      <c r="K23" s="111">
        <v>643385111</v>
      </c>
      <c r="L23" s="118">
        <v>665427186</v>
      </c>
      <c r="M23" s="112">
        <v>1890583</v>
      </c>
      <c r="N23" s="116">
        <v>3872525</v>
      </c>
      <c r="O23" s="115">
        <v>5763108</v>
      </c>
      <c r="P23" s="112">
        <v>0</v>
      </c>
      <c r="Q23" s="116">
        <v>34959627</v>
      </c>
      <c r="R23" s="116">
        <v>42959643</v>
      </c>
      <c r="S23" s="116">
        <v>41797007</v>
      </c>
      <c r="T23" s="116">
        <v>51304218</v>
      </c>
      <c r="U23" s="116">
        <v>43160442</v>
      </c>
      <c r="V23" s="115">
        <v>214180937</v>
      </c>
      <c r="W23" s="118">
        <v>219944045</v>
      </c>
      <c r="X23" s="112">
        <v>3370</v>
      </c>
      <c r="Y23" s="116">
        <v>0</v>
      </c>
      <c r="Z23" s="115">
        <v>3370</v>
      </c>
      <c r="AA23" s="112">
        <v>0</v>
      </c>
      <c r="AB23" s="116">
        <v>16578781</v>
      </c>
      <c r="AC23" s="116">
        <v>22559289</v>
      </c>
      <c r="AD23" s="116">
        <v>23377097</v>
      </c>
      <c r="AE23" s="443">
        <v>34796350</v>
      </c>
      <c r="AF23" s="443">
        <v>25455836</v>
      </c>
      <c r="AG23" s="115">
        <v>122767353</v>
      </c>
      <c r="AH23" s="118">
        <v>122770723</v>
      </c>
      <c r="AI23" s="112">
        <v>0</v>
      </c>
      <c r="AJ23" s="116">
        <v>34725</v>
      </c>
      <c r="AK23" s="115">
        <v>34725</v>
      </c>
      <c r="AL23" s="112">
        <v>0</v>
      </c>
      <c r="AM23" s="116">
        <v>148344</v>
      </c>
      <c r="AN23" s="116">
        <v>701505</v>
      </c>
      <c r="AO23" s="116">
        <v>930240</v>
      </c>
      <c r="AP23" s="116">
        <v>2164165</v>
      </c>
      <c r="AQ23" s="116">
        <v>4962542</v>
      </c>
      <c r="AR23" s="115">
        <v>8906796</v>
      </c>
      <c r="AS23" s="118">
        <v>8941521</v>
      </c>
      <c r="AT23" s="112">
        <v>1031308</v>
      </c>
      <c r="AU23" s="116">
        <v>2932634</v>
      </c>
      <c r="AV23" s="115">
        <v>3963942</v>
      </c>
      <c r="AW23" s="112">
        <v>0</v>
      </c>
      <c r="AX23" s="116">
        <v>11008484</v>
      </c>
      <c r="AY23" s="116">
        <v>11633943</v>
      </c>
      <c r="AZ23" s="116">
        <v>9019092</v>
      </c>
      <c r="BA23" s="116">
        <v>7908061</v>
      </c>
      <c r="BB23" s="116">
        <v>7427083</v>
      </c>
      <c r="BC23" s="115">
        <v>46996663</v>
      </c>
      <c r="BD23" s="118">
        <v>50960605</v>
      </c>
      <c r="BE23" s="112">
        <v>150870</v>
      </c>
      <c r="BF23" s="116">
        <v>249561</v>
      </c>
      <c r="BG23" s="114">
        <v>400431</v>
      </c>
      <c r="BH23" s="113">
        <v>0</v>
      </c>
      <c r="BI23" s="116">
        <v>1537705</v>
      </c>
      <c r="BJ23" s="116">
        <v>1636875</v>
      </c>
      <c r="BK23" s="116">
        <v>1741562</v>
      </c>
      <c r="BL23" s="116">
        <v>708723</v>
      </c>
      <c r="BM23" s="116">
        <v>518944</v>
      </c>
      <c r="BN23" s="115">
        <v>6143809</v>
      </c>
      <c r="BO23" s="118">
        <v>6544240</v>
      </c>
      <c r="BP23" s="112">
        <v>705035</v>
      </c>
      <c r="BQ23" s="116">
        <v>655605</v>
      </c>
      <c r="BR23" s="115">
        <v>1360640</v>
      </c>
      <c r="BS23" s="112">
        <v>0</v>
      </c>
      <c r="BT23" s="116">
        <v>5686313</v>
      </c>
      <c r="BU23" s="116">
        <v>6428031</v>
      </c>
      <c r="BV23" s="116">
        <v>6729016</v>
      </c>
      <c r="BW23" s="116">
        <v>5726919</v>
      </c>
      <c r="BX23" s="116">
        <v>4796037</v>
      </c>
      <c r="BY23" s="115">
        <v>29366316</v>
      </c>
      <c r="BZ23" s="118">
        <v>30726956</v>
      </c>
      <c r="CA23" s="112">
        <v>1179797</v>
      </c>
      <c r="CB23" s="116">
        <v>3362056</v>
      </c>
      <c r="CC23" s="115">
        <v>4541853</v>
      </c>
      <c r="CD23" s="112">
        <v>0</v>
      </c>
      <c r="CE23" s="443">
        <v>39389335</v>
      </c>
      <c r="CF23" s="443">
        <v>47559195</v>
      </c>
      <c r="CG23" s="443">
        <v>38331192</v>
      </c>
      <c r="CH23" s="116">
        <v>25581959</v>
      </c>
      <c r="CI23" s="116">
        <v>8968938</v>
      </c>
      <c r="CJ23" s="451">
        <v>159830619</v>
      </c>
      <c r="CK23" s="452">
        <v>164372472</v>
      </c>
      <c r="CL23" s="112">
        <v>0</v>
      </c>
      <c r="CM23" s="116">
        <v>0</v>
      </c>
      <c r="CN23" s="115">
        <v>0</v>
      </c>
      <c r="CO23" s="113">
        <v>0</v>
      </c>
      <c r="CP23" s="116">
        <v>31355667</v>
      </c>
      <c r="CQ23" s="116">
        <v>38401566</v>
      </c>
      <c r="CR23" s="116">
        <v>31094841</v>
      </c>
      <c r="CS23" s="116">
        <v>20742281</v>
      </c>
      <c r="CT23" s="116">
        <v>7566434</v>
      </c>
      <c r="CU23" s="115">
        <v>129160789</v>
      </c>
      <c r="CV23" s="118">
        <v>129160789</v>
      </c>
      <c r="CW23" s="112">
        <v>1179797</v>
      </c>
      <c r="CX23" s="116">
        <v>3362056</v>
      </c>
      <c r="CY23" s="115">
        <v>4541853</v>
      </c>
      <c r="CZ23" s="112">
        <v>0</v>
      </c>
      <c r="DA23" s="116">
        <v>8033668</v>
      </c>
      <c r="DB23" s="116">
        <v>9157629</v>
      </c>
      <c r="DC23" s="116">
        <v>7236351</v>
      </c>
      <c r="DD23" s="116">
        <v>4839678</v>
      </c>
      <c r="DE23" s="116">
        <v>1402504</v>
      </c>
      <c r="DF23" s="115">
        <v>30669830</v>
      </c>
      <c r="DG23" s="118">
        <v>35211683</v>
      </c>
      <c r="DH23" s="112">
        <v>0</v>
      </c>
      <c r="DI23" s="116">
        <v>115037</v>
      </c>
      <c r="DJ23" s="114">
        <v>115037</v>
      </c>
      <c r="DK23" s="113">
        <v>0</v>
      </c>
      <c r="DL23" s="116">
        <v>3208541</v>
      </c>
      <c r="DM23" s="116">
        <v>7790029</v>
      </c>
      <c r="DN23" s="116">
        <v>17953592</v>
      </c>
      <c r="DO23" s="116">
        <v>14635434</v>
      </c>
      <c r="DP23" s="116">
        <v>8910303</v>
      </c>
      <c r="DQ23" s="115">
        <v>52497899</v>
      </c>
      <c r="DR23" s="118">
        <v>52612936</v>
      </c>
      <c r="DS23" s="112">
        <v>0</v>
      </c>
      <c r="DT23" s="116">
        <v>115037</v>
      </c>
      <c r="DU23" s="115">
        <v>115037</v>
      </c>
      <c r="DV23" s="112">
        <v>0</v>
      </c>
      <c r="DW23" s="116">
        <v>3144253</v>
      </c>
      <c r="DX23" s="116">
        <v>7573712</v>
      </c>
      <c r="DY23" s="116">
        <v>17915099</v>
      </c>
      <c r="DZ23" s="116">
        <v>14246577</v>
      </c>
      <c r="EA23" s="116">
        <v>8792612</v>
      </c>
      <c r="EB23" s="115">
        <v>51672253</v>
      </c>
      <c r="EC23" s="118">
        <v>51787290</v>
      </c>
      <c r="ED23" s="112">
        <v>0</v>
      </c>
      <c r="EE23" s="114">
        <v>0</v>
      </c>
      <c r="EF23" s="115">
        <v>0</v>
      </c>
      <c r="EG23" s="112">
        <v>0</v>
      </c>
      <c r="EH23" s="116">
        <v>64288</v>
      </c>
      <c r="EI23" s="116">
        <v>216317</v>
      </c>
      <c r="EJ23" s="116">
        <v>38493</v>
      </c>
      <c r="EK23" s="116">
        <v>388857</v>
      </c>
      <c r="EL23" s="116">
        <v>117691</v>
      </c>
      <c r="EM23" s="114">
        <v>825646</v>
      </c>
      <c r="EN23" s="118">
        <v>825646</v>
      </c>
      <c r="EO23" s="112">
        <v>0</v>
      </c>
      <c r="EP23" s="116">
        <v>0</v>
      </c>
      <c r="EQ23" s="114">
        <v>0</v>
      </c>
      <c r="ER23" s="113">
        <v>0</v>
      </c>
      <c r="ES23" s="116">
        <v>0</v>
      </c>
      <c r="ET23" s="116">
        <v>0</v>
      </c>
      <c r="EU23" s="116">
        <v>0</v>
      </c>
      <c r="EV23" s="116">
        <v>0</v>
      </c>
      <c r="EW23" s="116">
        <v>0</v>
      </c>
      <c r="EX23" s="115">
        <v>0</v>
      </c>
      <c r="EY23" s="118">
        <v>0</v>
      </c>
      <c r="EZ23" s="112">
        <v>0</v>
      </c>
      <c r="FA23" s="116">
        <v>0</v>
      </c>
      <c r="FB23" s="114">
        <v>0</v>
      </c>
      <c r="FC23" s="390"/>
      <c r="FD23" s="116">
        <v>0</v>
      </c>
      <c r="FE23" s="116">
        <v>0</v>
      </c>
      <c r="FF23" s="116">
        <v>0</v>
      </c>
      <c r="FG23" s="116">
        <v>0</v>
      </c>
      <c r="FH23" s="116">
        <v>0</v>
      </c>
      <c r="FI23" s="115">
        <v>0</v>
      </c>
      <c r="FJ23" s="118">
        <v>0</v>
      </c>
      <c r="FK23" s="112">
        <v>1569524</v>
      </c>
      <c r="FL23" s="116">
        <v>2774826</v>
      </c>
      <c r="FM23" s="115">
        <v>4344350</v>
      </c>
      <c r="FN23" s="112">
        <v>0</v>
      </c>
      <c r="FO23" s="116">
        <v>7477054</v>
      </c>
      <c r="FP23" s="116">
        <v>13148993</v>
      </c>
      <c r="FQ23" s="116">
        <v>10960502</v>
      </c>
      <c r="FR23" s="116">
        <v>10201265</v>
      </c>
      <c r="FS23" s="116">
        <v>6904504</v>
      </c>
      <c r="FT23" s="115">
        <v>48692318</v>
      </c>
      <c r="FU23" s="118">
        <v>53036668</v>
      </c>
      <c r="FV23" s="117">
        <v>1022158</v>
      </c>
      <c r="FW23" s="116">
        <v>2536704</v>
      </c>
      <c r="FX23" s="114">
        <v>3558862</v>
      </c>
      <c r="FY23" s="113">
        <v>0</v>
      </c>
      <c r="FZ23" s="116">
        <v>5754435</v>
      </c>
      <c r="GA23" s="116">
        <v>12765238</v>
      </c>
      <c r="GB23" s="116">
        <v>9795087</v>
      </c>
      <c r="GC23" s="116">
        <v>9389985</v>
      </c>
      <c r="GD23" s="116">
        <v>6666904</v>
      </c>
      <c r="GE23" s="115">
        <v>44371649</v>
      </c>
      <c r="GF23" s="354">
        <v>47930511</v>
      </c>
      <c r="GG23" s="117">
        <v>33120</v>
      </c>
      <c r="GH23" s="116">
        <v>17622</v>
      </c>
      <c r="GI23" s="114">
        <v>50742</v>
      </c>
      <c r="GJ23" s="113">
        <v>0</v>
      </c>
      <c r="GK23" s="116">
        <v>122681</v>
      </c>
      <c r="GL23" s="116">
        <v>218225</v>
      </c>
      <c r="GM23" s="116">
        <v>435155</v>
      </c>
      <c r="GN23" s="116">
        <v>48125</v>
      </c>
      <c r="GO23" s="116">
        <v>0</v>
      </c>
      <c r="GP23" s="115">
        <v>824186</v>
      </c>
      <c r="GQ23" s="118">
        <v>874928</v>
      </c>
      <c r="GR23" s="112">
        <v>514246</v>
      </c>
      <c r="GS23" s="116">
        <v>220500</v>
      </c>
      <c r="GT23" s="115">
        <v>734746</v>
      </c>
      <c r="GU23" s="112">
        <v>0</v>
      </c>
      <c r="GV23" s="116">
        <v>1599938</v>
      </c>
      <c r="GW23" s="116">
        <v>165530</v>
      </c>
      <c r="GX23" s="116">
        <v>730260</v>
      </c>
      <c r="GY23" s="116">
        <v>763155</v>
      </c>
      <c r="GZ23" s="116">
        <v>237600</v>
      </c>
      <c r="HA23" s="114">
        <v>3496483</v>
      </c>
      <c r="HB23" s="118">
        <v>4231229</v>
      </c>
      <c r="HC23" s="112">
        <v>1440656</v>
      </c>
      <c r="HD23" s="116">
        <v>1618036</v>
      </c>
      <c r="HE23" s="114">
        <v>3058692</v>
      </c>
      <c r="HF23" s="113">
        <v>0</v>
      </c>
      <c r="HG23" s="116">
        <v>20514832</v>
      </c>
      <c r="HH23" s="116">
        <v>18886685</v>
      </c>
      <c r="HI23" s="116">
        <v>19362399</v>
      </c>
      <c r="HJ23" s="116">
        <v>19117450</v>
      </c>
      <c r="HK23" s="116">
        <v>17284086</v>
      </c>
      <c r="HL23" s="115">
        <v>95165452</v>
      </c>
      <c r="HM23" s="111">
        <v>98224144</v>
      </c>
      <c r="HN23" s="117">
        <v>1363519</v>
      </c>
      <c r="HO23" s="116">
        <v>2855516</v>
      </c>
      <c r="HP23" s="115">
        <v>4219035</v>
      </c>
      <c r="HQ23" s="112">
        <v>0</v>
      </c>
      <c r="HR23" s="116">
        <v>22900336</v>
      </c>
      <c r="HS23" s="116">
        <v>20657175</v>
      </c>
      <c r="HT23" s="116">
        <v>14250251</v>
      </c>
      <c r="HU23" s="116">
        <v>9966920</v>
      </c>
      <c r="HV23" s="116">
        <v>5243204</v>
      </c>
      <c r="HW23" s="114">
        <v>73017886</v>
      </c>
      <c r="HX23" s="118">
        <v>77236921</v>
      </c>
      <c r="HY23" s="148">
        <v>382829</v>
      </c>
      <c r="HZ23" s="149">
        <v>1192626</v>
      </c>
      <c r="IA23" s="150">
        <v>1575455</v>
      </c>
      <c r="IB23" s="163">
        <v>0</v>
      </c>
      <c r="IC23" s="149">
        <v>31722221</v>
      </c>
      <c r="ID23" s="164">
        <v>51766360</v>
      </c>
      <c r="IE23" s="150">
        <v>50090015</v>
      </c>
      <c r="IF23" s="149">
        <v>32425897</v>
      </c>
      <c r="IG23" s="150">
        <v>18906506</v>
      </c>
      <c r="IH23" s="165">
        <v>184910999</v>
      </c>
      <c r="II23" s="156">
        <v>186486454</v>
      </c>
      <c r="IJ23" s="261">
        <v>0</v>
      </c>
      <c r="IK23" s="268">
        <v>0</v>
      </c>
      <c r="IL23" s="269">
        <v>0</v>
      </c>
      <c r="IM23" s="157"/>
      <c r="IN23" s="122">
        <v>161260</v>
      </c>
      <c r="IO23" s="122">
        <v>115443</v>
      </c>
      <c r="IP23" s="122">
        <v>593052</v>
      </c>
      <c r="IQ23" s="122">
        <v>0</v>
      </c>
      <c r="IR23" s="122">
        <v>772914</v>
      </c>
      <c r="IS23" s="158">
        <v>1642669</v>
      </c>
      <c r="IT23" s="357">
        <v>1642669</v>
      </c>
      <c r="IU23" s="159">
        <v>0</v>
      </c>
      <c r="IV23" s="122">
        <v>0</v>
      </c>
      <c r="IW23" s="123">
        <v>0</v>
      </c>
      <c r="IX23" s="161"/>
      <c r="IY23" s="122">
        <v>0</v>
      </c>
      <c r="IZ23" s="122">
        <v>0</v>
      </c>
      <c r="JA23" s="122">
        <v>0</v>
      </c>
      <c r="JB23" s="122">
        <v>0</v>
      </c>
      <c r="JC23" s="122">
        <v>0</v>
      </c>
      <c r="JD23" s="123">
        <v>0</v>
      </c>
      <c r="JE23" s="124">
        <v>0</v>
      </c>
      <c r="JF23" s="159">
        <v>0</v>
      </c>
      <c r="JG23" s="122">
        <v>0</v>
      </c>
      <c r="JH23" s="158">
        <v>0</v>
      </c>
      <c r="JI23" s="121">
        <v>0</v>
      </c>
      <c r="JJ23" s="122">
        <v>12092344</v>
      </c>
      <c r="JK23" s="122">
        <v>12242832</v>
      </c>
      <c r="JL23" s="122">
        <v>8500442</v>
      </c>
      <c r="JM23" s="122">
        <v>3889165</v>
      </c>
      <c r="JN23" s="122">
        <v>1401707</v>
      </c>
      <c r="JO23" s="123">
        <v>38126490</v>
      </c>
      <c r="JP23" s="357">
        <v>38126490</v>
      </c>
      <c r="JQ23" s="159">
        <v>0</v>
      </c>
      <c r="JR23" s="122">
        <v>0</v>
      </c>
      <c r="JS23" s="158">
        <v>0</v>
      </c>
      <c r="JT23" s="121">
        <v>0</v>
      </c>
      <c r="JU23" s="122">
        <v>577269</v>
      </c>
      <c r="JV23" s="122">
        <v>796006</v>
      </c>
      <c r="JW23" s="122">
        <v>1437639</v>
      </c>
      <c r="JX23" s="122">
        <v>1441697</v>
      </c>
      <c r="JY23" s="122">
        <v>1730048</v>
      </c>
      <c r="JZ23" s="123">
        <v>5982659</v>
      </c>
      <c r="KA23" s="357">
        <v>5982659</v>
      </c>
      <c r="KB23" s="264">
        <v>382829</v>
      </c>
      <c r="KC23" s="258">
        <v>696025</v>
      </c>
      <c r="KD23" s="123">
        <v>1078854</v>
      </c>
      <c r="KE23" s="121">
        <v>0</v>
      </c>
      <c r="KF23" s="122">
        <v>5913234</v>
      </c>
      <c r="KG23" s="122">
        <v>11271276</v>
      </c>
      <c r="KH23" s="122">
        <v>6935071</v>
      </c>
      <c r="KI23" s="122">
        <v>5792922</v>
      </c>
      <c r="KJ23" s="122">
        <v>2011728</v>
      </c>
      <c r="KK23" s="123">
        <v>31924231</v>
      </c>
      <c r="KL23" s="160">
        <v>33003085</v>
      </c>
      <c r="KM23" s="261">
        <v>0</v>
      </c>
      <c r="KN23" s="268">
        <v>496601</v>
      </c>
      <c r="KO23" s="269">
        <v>496601</v>
      </c>
      <c r="KP23" s="157"/>
      <c r="KQ23" s="122">
        <v>12270017</v>
      </c>
      <c r="KR23" s="122">
        <v>25341991</v>
      </c>
      <c r="KS23" s="122">
        <v>26632655</v>
      </c>
      <c r="KT23" s="122">
        <v>12302626</v>
      </c>
      <c r="KU23" s="122">
        <v>6944427</v>
      </c>
      <c r="KV23" s="123">
        <v>83491716</v>
      </c>
      <c r="KW23" s="357">
        <v>83988317</v>
      </c>
      <c r="KX23" s="159">
        <v>0</v>
      </c>
      <c r="KY23" s="122">
        <v>0</v>
      </c>
      <c r="KZ23" s="123">
        <v>0</v>
      </c>
      <c r="LA23" s="162"/>
      <c r="LB23" s="122">
        <v>0</v>
      </c>
      <c r="LC23" s="122">
        <v>0</v>
      </c>
      <c r="LD23" s="122">
        <v>0</v>
      </c>
      <c r="LE23" s="122">
        <v>0</v>
      </c>
      <c r="LF23" s="122">
        <v>0</v>
      </c>
      <c r="LG23" s="123">
        <v>0</v>
      </c>
      <c r="LH23" s="124">
        <v>0</v>
      </c>
      <c r="LI23" s="159">
        <v>0</v>
      </c>
      <c r="LJ23" s="122">
        <v>0</v>
      </c>
      <c r="LK23" s="123">
        <v>0</v>
      </c>
      <c r="LL23" s="162"/>
      <c r="LM23" s="122">
        <v>0</v>
      </c>
      <c r="LN23" s="122">
        <v>532040</v>
      </c>
      <c r="LO23" s="122">
        <v>1619206</v>
      </c>
      <c r="LP23" s="122">
        <v>4383709</v>
      </c>
      <c r="LQ23" s="122">
        <v>1296326</v>
      </c>
      <c r="LR23" s="123">
        <v>7831281</v>
      </c>
      <c r="LS23" s="357">
        <v>7831281</v>
      </c>
      <c r="LT23" s="159">
        <v>0</v>
      </c>
      <c r="LU23" s="122">
        <v>0</v>
      </c>
      <c r="LV23" s="123">
        <v>0</v>
      </c>
      <c r="LW23" s="162"/>
      <c r="LX23" s="122">
        <v>708097</v>
      </c>
      <c r="LY23" s="122">
        <v>1466772</v>
      </c>
      <c r="LZ23" s="122">
        <v>4371950</v>
      </c>
      <c r="MA23" s="122">
        <v>4615778</v>
      </c>
      <c r="MB23" s="122">
        <v>4749356</v>
      </c>
      <c r="MC23" s="123">
        <v>15911953</v>
      </c>
      <c r="MD23" s="124">
        <v>15911953</v>
      </c>
      <c r="ME23" s="159">
        <v>0</v>
      </c>
      <c r="MF23" s="122">
        <v>0</v>
      </c>
      <c r="MG23" s="123">
        <v>0</v>
      </c>
      <c r="MH23" s="162"/>
      <c r="MI23" s="122">
        <v>12193394</v>
      </c>
      <c r="MJ23" s="122">
        <v>21876963</v>
      </c>
      <c r="MK23" s="122">
        <v>80993610</v>
      </c>
      <c r="ML23" s="122">
        <v>150448202</v>
      </c>
      <c r="MM23" s="122">
        <v>115386876</v>
      </c>
      <c r="MN23" s="123">
        <v>380899045</v>
      </c>
      <c r="MO23" s="160">
        <v>380899045</v>
      </c>
      <c r="MP23" s="159">
        <v>0</v>
      </c>
      <c r="MQ23" s="122">
        <v>0</v>
      </c>
      <c r="MR23" s="123">
        <v>0</v>
      </c>
      <c r="MS23" s="162"/>
      <c r="MT23" s="122">
        <v>1462647</v>
      </c>
      <c r="MU23" s="122">
        <v>2613821</v>
      </c>
      <c r="MV23" s="122">
        <v>48571650</v>
      </c>
      <c r="MW23" s="122">
        <v>105959424</v>
      </c>
      <c r="MX23" s="122">
        <v>78931252</v>
      </c>
      <c r="MY23" s="123">
        <v>237538794</v>
      </c>
      <c r="MZ23" s="160">
        <v>237538794</v>
      </c>
      <c r="NA23" s="159">
        <v>0</v>
      </c>
      <c r="NB23" s="122">
        <v>0</v>
      </c>
      <c r="NC23" s="123">
        <v>0</v>
      </c>
      <c r="ND23" s="162"/>
      <c r="NE23" s="122">
        <v>10730747</v>
      </c>
      <c r="NF23" s="122">
        <v>19263142</v>
      </c>
      <c r="NG23" s="122">
        <v>31790681</v>
      </c>
      <c r="NH23" s="122">
        <v>40268361</v>
      </c>
      <c r="NI23" s="122">
        <v>26901804</v>
      </c>
      <c r="NJ23" s="123">
        <v>128954735</v>
      </c>
      <c r="NK23" s="357">
        <v>128954735</v>
      </c>
      <c r="NL23" s="159">
        <v>0</v>
      </c>
      <c r="NM23" s="122">
        <v>0</v>
      </c>
      <c r="NN23" s="123">
        <v>0</v>
      </c>
      <c r="NO23" s="162"/>
      <c r="NP23" s="122">
        <v>0</v>
      </c>
      <c r="NQ23" s="122">
        <v>0</v>
      </c>
      <c r="NR23" s="122">
        <v>0</v>
      </c>
      <c r="NS23" s="122">
        <v>0</v>
      </c>
      <c r="NT23" s="122">
        <v>1728358</v>
      </c>
      <c r="NU23" s="123">
        <v>1728358</v>
      </c>
      <c r="NV23" s="124">
        <v>1728358</v>
      </c>
      <c r="NW23" s="159">
        <v>0</v>
      </c>
      <c r="NX23" s="122">
        <v>0</v>
      </c>
      <c r="NY23" s="123">
        <v>0</v>
      </c>
      <c r="NZ23" s="162"/>
      <c r="OA23" s="122">
        <v>0</v>
      </c>
      <c r="OB23" s="122">
        <v>0</v>
      </c>
      <c r="OC23" s="122">
        <v>631279</v>
      </c>
      <c r="OD23" s="122">
        <v>4220417</v>
      </c>
      <c r="OE23" s="122">
        <v>7825462</v>
      </c>
      <c r="OF23" s="123">
        <v>12677158</v>
      </c>
      <c r="OG23" s="124">
        <v>12677158</v>
      </c>
      <c r="OH23" s="159">
        <v>7826908</v>
      </c>
      <c r="OI23" s="122">
        <v>15790622</v>
      </c>
      <c r="OJ23" s="158">
        <v>23617530</v>
      </c>
      <c r="OK23" s="121">
        <v>0</v>
      </c>
      <c r="OL23" s="122">
        <v>172365340</v>
      </c>
      <c r="OM23" s="122">
        <v>224645043</v>
      </c>
      <c r="ON23" s="122">
        <v>273738568</v>
      </c>
      <c r="OO23" s="122">
        <v>313681345</v>
      </c>
      <c r="OP23" s="122">
        <v>224764859</v>
      </c>
      <c r="OQ23" s="123">
        <v>1209195155</v>
      </c>
      <c r="OR23" s="160">
        <v>1232812685</v>
      </c>
    </row>
    <row r="24" spans="1:408" ht="18.75" customHeight="1" x14ac:dyDescent="0.2">
      <c r="A24" s="62" t="s">
        <v>19</v>
      </c>
      <c r="B24" s="112">
        <v>3953095</v>
      </c>
      <c r="C24" s="116">
        <v>8507937</v>
      </c>
      <c r="D24" s="115">
        <v>12461032</v>
      </c>
      <c r="E24" s="111">
        <v>0</v>
      </c>
      <c r="F24" s="116">
        <v>58936820</v>
      </c>
      <c r="G24" s="116">
        <v>65832389</v>
      </c>
      <c r="H24" s="116">
        <v>57136714</v>
      </c>
      <c r="I24" s="116">
        <v>47114986</v>
      </c>
      <c r="J24" s="116">
        <v>32412083</v>
      </c>
      <c r="K24" s="111">
        <v>261432992</v>
      </c>
      <c r="L24" s="118">
        <v>273894024</v>
      </c>
      <c r="M24" s="112">
        <v>1181402</v>
      </c>
      <c r="N24" s="116">
        <v>2185477</v>
      </c>
      <c r="O24" s="115">
        <v>3366879</v>
      </c>
      <c r="P24" s="112">
        <v>0</v>
      </c>
      <c r="Q24" s="116">
        <v>15001509</v>
      </c>
      <c r="R24" s="116">
        <v>16658176</v>
      </c>
      <c r="S24" s="116">
        <v>15227543</v>
      </c>
      <c r="T24" s="116">
        <v>17527465</v>
      </c>
      <c r="U24" s="116">
        <v>13720632</v>
      </c>
      <c r="V24" s="115">
        <v>78135325</v>
      </c>
      <c r="W24" s="118">
        <v>81502204</v>
      </c>
      <c r="X24" s="112">
        <v>0</v>
      </c>
      <c r="Y24" s="116">
        <v>0</v>
      </c>
      <c r="Z24" s="115">
        <v>0</v>
      </c>
      <c r="AA24" s="112">
        <v>0</v>
      </c>
      <c r="AB24" s="116">
        <v>6451270</v>
      </c>
      <c r="AC24" s="116">
        <v>7936742</v>
      </c>
      <c r="AD24" s="116">
        <v>8367677</v>
      </c>
      <c r="AE24" s="443">
        <v>10024431</v>
      </c>
      <c r="AF24" s="443">
        <v>6494135</v>
      </c>
      <c r="AG24" s="115">
        <v>39274255</v>
      </c>
      <c r="AH24" s="118">
        <v>39274255</v>
      </c>
      <c r="AI24" s="112">
        <v>0</v>
      </c>
      <c r="AJ24" s="116">
        <v>44644</v>
      </c>
      <c r="AK24" s="115">
        <v>44644</v>
      </c>
      <c r="AL24" s="112">
        <v>0</v>
      </c>
      <c r="AM24" s="116">
        <v>200450</v>
      </c>
      <c r="AN24" s="116">
        <v>204927</v>
      </c>
      <c r="AO24" s="116">
        <v>655807</v>
      </c>
      <c r="AP24" s="116">
        <v>1235503</v>
      </c>
      <c r="AQ24" s="116">
        <v>1975947</v>
      </c>
      <c r="AR24" s="115">
        <v>4272634</v>
      </c>
      <c r="AS24" s="118">
        <v>4317278</v>
      </c>
      <c r="AT24" s="112">
        <v>689184</v>
      </c>
      <c r="AU24" s="116">
        <v>1614665</v>
      </c>
      <c r="AV24" s="115">
        <v>2303849</v>
      </c>
      <c r="AW24" s="112">
        <v>0</v>
      </c>
      <c r="AX24" s="116">
        <v>5229386</v>
      </c>
      <c r="AY24" s="116">
        <v>5508705</v>
      </c>
      <c r="AZ24" s="116">
        <v>3636470</v>
      </c>
      <c r="BA24" s="116">
        <v>3744658</v>
      </c>
      <c r="BB24" s="116">
        <v>3517333</v>
      </c>
      <c r="BC24" s="115">
        <v>21636552</v>
      </c>
      <c r="BD24" s="118">
        <v>23940401</v>
      </c>
      <c r="BE24" s="112">
        <v>82468</v>
      </c>
      <c r="BF24" s="116">
        <v>159918</v>
      </c>
      <c r="BG24" s="114">
        <v>242386</v>
      </c>
      <c r="BH24" s="113">
        <v>0</v>
      </c>
      <c r="BI24" s="116">
        <v>638662</v>
      </c>
      <c r="BJ24" s="116">
        <v>505978</v>
      </c>
      <c r="BK24" s="116">
        <v>322603</v>
      </c>
      <c r="BL24" s="116">
        <v>278907</v>
      </c>
      <c r="BM24" s="116">
        <v>61582</v>
      </c>
      <c r="BN24" s="115">
        <v>1807732</v>
      </c>
      <c r="BO24" s="118">
        <v>2050118</v>
      </c>
      <c r="BP24" s="112">
        <v>409750</v>
      </c>
      <c r="BQ24" s="116">
        <v>366250</v>
      </c>
      <c r="BR24" s="115">
        <v>776000</v>
      </c>
      <c r="BS24" s="112">
        <v>0</v>
      </c>
      <c r="BT24" s="116">
        <v>2481741</v>
      </c>
      <c r="BU24" s="116">
        <v>2501824</v>
      </c>
      <c r="BV24" s="116">
        <v>2244986</v>
      </c>
      <c r="BW24" s="116">
        <v>2243966</v>
      </c>
      <c r="BX24" s="116">
        <v>1671635</v>
      </c>
      <c r="BY24" s="115">
        <v>11144152</v>
      </c>
      <c r="BZ24" s="118">
        <v>11920152</v>
      </c>
      <c r="CA24" s="112">
        <v>418741</v>
      </c>
      <c r="CB24" s="116">
        <v>1699598</v>
      </c>
      <c r="CC24" s="115">
        <v>2118339</v>
      </c>
      <c r="CD24" s="112">
        <v>0</v>
      </c>
      <c r="CE24" s="443">
        <v>17008129</v>
      </c>
      <c r="CF24" s="443">
        <v>22978777</v>
      </c>
      <c r="CG24" s="443">
        <v>14764099</v>
      </c>
      <c r="CH24" s="116">
        <v>7272106</v>
      </c>
      <c r="CI24" s="116">
        <v>5142959</v>
      </c>
      <c r="CJ24" s="451">
        <v>67166070</v>
      </c>
      <c r="CK24" s="452">
        <v>69284409</v>
      </c>
      <c r="CL24" s="112">
        <v>0</v>
      </c>
      <c r="CM24" s="116">
        <v>0</v>
      </c>
      <c r="CN24" s="115">
        <v>0</v>
      </c>
      <c r="CO24" s="113">
        <v>0</v>
      </c>
      <c r="CP24" s="116">
        <v>12870063</v>
      </c>
      <c r="CQ24" s="116">
        <v>17780681</v>
      </c>
      <c r="CR24" s="116">
        <v>11593200</v>
      </c>
      <c r="CS24" s="116">
        <v>4702703</v>
      </c>
      <c r="CT24" s="116">
        <v>4103050</v>
      </c>
      <c r="CU24" s="115">
        <v>51049697</v>
      </c>
      <c r="CV24" s="118">
        <v>51049697</v>
      </c>
      <c r="CW24" s="112">
        <v>418741</v>
      </c>
      <c r="CX24" s="116">
        <v>1699598</v>
      </c>
      <c r="CY24" s="115">
        <v>2118339</v>
      </c>
      <c r="CZ24" s="112">
        <v>0</v>
      </c>
      <c r="DA24" s="116">
        <v>4138066</v>
      </c>
      <c r="DB24" s="116">
        <v>5198096</v>
      </c>
      <c r="DC24" s="116">
        <v>3170899</v>
      </c>
      <c r="DD24" s="116">
        <v>2569403</v>
      </c>
      <c r="DE24" s="116">
        <v>1039909</v>
      </c>
      <c r="DF24" s="115">
        <v>16116373</v>
      </c>
      <c r="DG24" s="118">
        <v>18234712</v>
      </c>
      <c r="DH24" s="112">
        <v>0</v>
      </c>
      <c r="DI24" s="116">
        <v>55374</v>
      </c>
      <c r="DJ24" s="114">
        <v>55374</v>
      </c>
      <c r="DK24" s="113">
        <v>0</v>
      </c>
      <c r="DL24" s="116">
        <v>1386890</v>
      </c>
      <c r="DM24" s="116">
        <v>3831876</v>
      </c>
      <c r="DN24" s="116">
        <v>6493986</v>
      </c>
      <c r="DO24" s="116">
        <v>3209170</v>
      </c>
      <c r="DP24" s="116">
        <v>2369115</v>
      </c>
      <c r="DQ24" s="115">
        <v>17291037</v>
      </c>
      <c r="DR24" s="118">
        <v>17346411</v>
      </c>
      <c r="DS24" s="112">
        <v>0</v>
      </c>
      <c r="DT24" s="116">
        <v>55374</v>
      </c>
      <c r="DU24" s="115">
        <v>55374</v>
      </c>
      <c r="DV24" s="112">
        <v>0</v>
      </c>
      <c r="DW24" s="116">
        <v>1155371</v>
      </c>
      <c r="DX24" s="116">
        <v>3186975</v>
      </c>
      <c r="DY24" s="116">
        <v>5836250</v>
      </c>
      <c r="DZ24" s="116">
        <v>2096824</v>
      </c>
      <c r="EA24" s="116">
        <v>1952199</v>
      </c>
      <c r="EB24" s="115">
        <v>14227619</v>
      </c>
      <c r="EC24" s="118">
        <v>14282993</v>
      </c>
      <c r="ED24" s="112">
        <v>0</v>
      </c>
      <c r="EE24" s="114">
        <v>0</v>
      </c>
      <c r="EF24" s="115">
        <v>0</v>
      </c>
      <c r="EG24" s="112">
        <v>0</v>
      </c>
      <c r="EH24" s="116">
        <v>231519</v>
      </c>
      <c r="EI24" s="116">
        <v>644901</v>
      </c>
      <c r="EJ24" s="116">
        <v>657736</v>
      </c>
      <c r="EK24" s="116">
        <v>1112346</v>
      </c>
      <c r="EL24" s="116">
        <v>416916</v>
      </c>
      <c r="EM24" s="114">
        <v>3063418</v>
      </c>
      <c r="EN24" s="118">
        <v>3063418</v>
      </c>
      <c r="EO24" s="112">
        <v>0</v>
      </c>
      <c r="EP24" s="116">
        <v>0</v>
      </c>
      <c r="EQ24" s="114">
        <v>0</v>
      </c>
      <c r="ER24" s="113">
        <v>0</v>
      </c>
      <c r="ES24" s="116">
        <v>0</v>
      </c>
      <c r="ET24" s="116">
        <v>0</v>
      </c>
      <c r="EU24" s="116">
        <v>0</v>
      </c>
      <c r="EV24" s="116">
        <v>0</v>
      </c>
      <c r="EW24" s="116">
        <v>0</v>
      </c>
      <c r="EX24" s="115">
        <v>0</v>
      </c>
      <c r="EY24" s="118">
        <v>0</v>
      </c>
      <c r="EZ24" s="112">
        <v>0</v>
      </c>
      <c r="FA24" s="116">
        <v>0</v>
      </c>
      <c r="FB24" s="114">
        <v>0</v>
      </c>
      <c r="FC24" s="390"/>
      <c r="FD24" s="116">
        <v>0</v>
      </c>
      <c r="FE24" s="116">
        <v>0</v>
      </c>
      <c r="FF24" s="116">
        <v>0</v>
      </c>
      <c r="FG24" s="116">
        <v>0</v>
      </c>
      <c r="FH24" s="116">
        <v>0</v>
      </c>
      <c r="FI24" s="115">
        <v>0</v>
      </c>
      <c r="FJ24" s="118">
        <v>0</v>
      </c>
      <c r="FK24" s="112">
        <v>899762</v>
      </c>
      <c r="FL24" s="116">
        <v>1801803</v>
      </c>
      <c r="FM24" s="115">
        <v>2701565</v>
      </c>
      <c r="FN24" s="112">
        <v>0</v>
      </c>
      <c r="FO24" s="116">
        <v>4111720</v>
      </c>
      <c r="FP24" s="116">
        <v>6153030</v>
      </c>
      <c r="FQ24" s="116">
        <v>4650715</v>
      </c>
      <c r="FR24" s="116">
        <v>3503911</v>
      </c>
      <c r="FS24" s="116">
        <v>3230787</v>
      </c>
      <c r="FT24" s="115">
        <v>21650163</v>
      </c>
      <c r="FU24" s="118">
        <v>24351728</v>
      </c>
      <c r="FV24" s="117">
        <v>492374</v>
      </c>
      <c r="FW24" s="116">
        <v>1355589</v>
      </c>
      <c r="FX24" s="114">
        <v>1847963</v>
      </c>
      <c r="FY24" s="113">
        <v>0</v>
      </c>
      <c r="FZ24" s="116">
        <v>3004504</v>
      </c>
      <c r="GA24" s="116">
        <v>5623267</v>
      </c>
      <c r="GB24" s="116">
        <v>4261297</v>
      </c>
      <c r="GC24" s="116">
        <v>3470746</v>
      </c>
      <c r="GD24" s="116">
        <v>3223123</v>
      </c>
      <c r="GE24" s="115">
        <v>19582937</v>
      </c>
      <c r="GF24" s="354">
        <v>21430900</v>
      </c>
      <c r="GG24" s="117">
        <v>0</v>
      </c>
      <c r="GH24" s="116">
        <v>69601</v>
      </c>
      <c r="GI24" s="114">
        <v>69601</v>
      </c>
      <c r="GJ24" s="113">
        <v>0</v>
      </c>
      <c r="GK24" s="116">
        <v>168398</v>
      </c>
      <c r="GL24" s="116">
        <v>188401</v>
      </c>
      <c r="GM24" s="116">
        <v>82476</v>
      </c>
      <c r="GN24" s="116">
        <v>33165</v>
      </c>
      <c r="GO24" s="116">
        <v>0</v>
      </c>
      <c r="GP24" s="115">
        <v>472440</v>
      </c>
      <c r="GQ24" s="118">
        <v>542041</v>
      </c>
      <c r="GR24" s="112">
        <v>407388</v>
      </c>
      <c r="GS24" s="116">
        <v>376613</v>
      </c>
      <c r="GT24" s="115">
        <v>784001</v>
      </c>
      <c r="GU24" s="112">
        <v>0</v>
      </c>
      <c r="GV24" s="116">
        <v>938818</v>
      </c>
      <c r="GW24" s="116">
        <v>341362</v>
      </c>
      <c r="GX24" s="116">
        <v>306942</v>
      </c>
      <c r="GY24" s="116">
        <v>0</v>
      </c>
      <c r="GZ24" s="116">
        <v>7664</v>
      </c>
      <c r="HA24" s="114">
        <v>1594786</v>
      </c>
      <c r="HB24" s="118">
        <v>2378787</v>
      </c>
      <c r="HC24" s="112">
        <v>819696</v>
      </c>
      <c r="HD24" s="116">
        <v>1533071</v>
      </c>
      <c r="HE24" s="114">
        <v>2352767</v>
      </c>
      <c r="HF24" s="113">
        <v>0</v>
      </c>
      <c r="HG24" s="116">
        <v>11605517</v>
      </c>
      <c r="HH24" s="116">
        <v>7799839</v>
      </c>
      <c r="HI24" s="116">
        <v>10357068</v>
      </c>
      <c r="HJ24" s="116">
        <v>12527513</v>
      </c>
      <c r="HK24" s="116">
        <v>5879059</v>
      </c>
      <c r="HL24" s="115">
        <v>48168996</v>
      </c>
      <c r="HM24" s="111">
        <v>50521763</v>
      </c>
      <c r="HN24" s="117">
        <v>633494</v>
      </c>
      <c r="HO24" s="116">
        <v>1232614</v>
      </c>
      <c r="HP24" s="115">
        <v>1866108</v>
      </c>
      <c r="HQ24" s="112">
        <v>0</v>
      </c>
      <c r="HR24" s="116">
        <v>9823055</v>
      </c>
      <c r="HS24" s="116">
        <v>8410691</v>
      </c>
      <c r="HT24" s="116">
        <v>5643303</v>
      </c>
      <c r="HU24" s="116">
        <v>3074821</v>
      </c>
      <c r="HV24" s="116">
        <v>2069531</v>
      </c>
      <c r="HW24" s="114">
        <v>29021401</v>
      </c>
      <c r="HX24" s="118">
        <v>30887509</v>
      </c>
      <c r="HY24" s="167">
        <v>0</v>
      </c>
      <c r="HZ24" s="152">
        <v>695887</v>
      </c>
      <c r="IA24" s="167">
        <v>695887</v>
      </c>
      <c r="IB24" s="151">
        <v>0</v>
      </c>
      <c r="IC24" s="152">
        <v>14254947</v>
      </c>
      <c r="ID24" s="153">
        <v>20491495</v>
      </c>
      <c r="IE24" s="154">
        <v>22179665</v>
      </c>
      <c r="IF24" s="152">
        <v>12139096</v>
      </c>
      <c r="IG24" s="154">
        <v>14807786</v>
      </c>
      <c r="IH24" s="155">
        <v>83872989</v>
      </c>
      <c r="II24" s="167">
        <v>84568876</v>
      </c>
      <c r="IJ24" s="261">
        <v>0</v>
      </c>
      <c r="IK24" s="268">
        <v>0</v>
      </c>
      <c r="IL24" s="269">
        <v>0</v>
      </c>
      <c r="IM24" s="157"/>
      <c r="IN24" s="122">
        <v>957973</v>
      </c>
      <c r="IO24" s="122">
        <v>841877</v>
      </c>
      <c r="IP24" s="122">
        <v>561347</v>
      </c>
      <c r="IQ24" s="122">
        <v>1044261</v>
      </c>
      <c r="IR24" s="122">
        <v>419549</v>
      </c>
      <c r="IS24" s="158">
        <v>3825007</v>
      </c>
      <c r="IT24" s="357">
        <v>3825007</v>
      </c>
      <c r="IU24" s="159">
        <v>0</v>
      </c>
      <c r="IV24" s="122">
        <v>0</v>
      </c>
      <c r="IW24" s="123">
        <v>0</v>
      </c>
      <c r="IX24" s="161"/>
      <c r="IY24" s="122">
        <v>22436</v>
      </c>
      <c r="IZ24" s="122">
        <v>33654</v>
      </c>
      <c r="JA24" s="122">
        <v>108594</v>
      </c>
      <c r="JB24" s="122">
        <v>8725</v>
      </c>
      <c r="JC24" s="122">
        <v>0</v>
      </c>
      <c r="JD24" s="123">
        <v>173409</v>
      </c>
      <c r="JE24" s="124">
        <v>173409</v>
      </c>
      <c r="JF24" s="159">
        <v>0</v>
      </c>
      <c r="JG24" s="122">
        <v>0</v>
      </c>
      <c r="JH24" s="158">
        <v>0</v>
      </c>
      <c r="JI24" s="121">
        <v>0</v>
      </c>
      <c r="JJ24" s="122">
        <v>5678428</v>
      </c>
      <c r="JK24" s="122">
        <v>6824277</v>
      </c>
      <c r="JL24" s="122">
        <v>4651996</v>
      </c>
      <c r="JM24" s="122">
        <v>1994549</v>
      </c>
      <c r="JN24" s="122">
        <v>1180099</v>
      </c>
      <c r="JO24" s="123">
        <v>20329349</v>
      </c>
      <c r="JP24" s="357">
        <v>20329349</v>
      </c>
      <c r="JQ24" s="159">
        <v>0</v>
      </c>
      <c r="JR24" s="122">
        <v>0</v>
      </c>
      <c r="JS24" s="158">
        <v>0</v>
      </c>
      <c r="JT24" s="121">
        <v>0</v>
      </c>
      <c r="JU24" s="122">
        <v>906353</v>
      </c>
      <c r="JV24" s="122">
        <v>2326349</v>
      </c>
      <c r="JW24" s="122">
        <v>2021605</v>
      </c>
      <c r="JX24" s="122">
        <v>115677</v>
      </c>
      <c r="JY24" s="122">
        <v>588781</v>
      </c>
      <c r="JZ24" s="123">
        <v>5958765</v>
      </c>
      <c r="KA24" s="357">
        <v>5958765</v>
      </c>
      <c r="KB24" s="264">
        <v>0</v>
      </c>
      <c r="KC24" s="258">
        <v>448160</v>
      </c>
      <c r="KD24" s="123">
        <v>448160</v>
      </c>
      <c r="KE24" s="121">
        <v>0</v>
      </c>
      <c r="KF24" s="122">
        <v>2990944</v>
      </c>
      <c r="KG24" s="122">
        <v>5291168</v>
      </c>
      <c r="KH24" s="122">
        <v>6925424</v>
      </c>
      <c r="KI24" s="122">
        <v>4068104</v>
      </c>
      <c r="KJ24" s="122">
        <v>4988009</v>
      </c>
      <c r="KK24" s="123">
        <v>24263649</v>
      </c>
      <c r="KL24" s="160">
        <v>24711809</v>
      </c>
      <c r="KM24" s="261">
        <v>0</v>
      </c>
      <c r="KN24" s="268">
        <v>247727</v>
      </c>
      <c r="KO24" s="269">
        <v>247727</v>
      </c>
      <c r="KP24" s="157"/>
      <c r="KQ24" s="122">
        <v>3104569</v>
      </c>
      <c r="KR24" s="122">
        <v>4940261</v>
      </c>
      <c r="KS24" s="122">
        <v>7261795</v>
      </c>
      <c r="KT24" s="122">
        <v>4538900</v>
      </c>
      <c r="KU24" s="122">
        <v>3146782</v>
      </c>
      <c r="KV24" s="123">
        <v>22992307</v>
      </c>
      <c r="KW24" s="357">
        <v>23240034</v>
      </c>
      <c r="KX24" s="159">
        <v>0</v>
      </c>
      <c r="KY24" s="122">
        <v>0</v>
      </c>
      <c r="KZ24" s="123">
        <v>0</v>
      </c>
      <c r="LA24" s="162"/>
      <c r="LB24" s="122">
        <v>0</v>
      </c>
      <c r="LC24" s="122">
        <v>0</v>
      </c>
      <c r="LD24" s="122">
        <v>0</v>
      </c>
      <c r="LE24" s="122">
        <v>0</v>
      </c>
      <c r="LF24" s="122">
        <v>0</v>
      </c>
      <c r="LG24" s="123">
        <v>0</v>
      </c>
      <c r="LH24" s="124">
        <v>0</v>
      </c>
      <c r="LI24" s="159">
        <v>0</v>
      </c>
      <c r="LJ24" s="122">
        <v>0</v>
      </c>
      <c r="LK24" s="123">
        <v>0</v>
      </c>
      <c r="LL24" s="162"/>
      <c r="LM24" s="122">
        <v>0</v>
      </c>
      <c r="LN24" s="122">
        <v>0</v>
      </c>
      <c r="LO24" s="122">
        <v>0</v>
      </c>
      <c r="LP24" s="122">
        <v>0</v>
      </c>
      <c r="LQ24" s="122">
        <v>0</v>
      </c>
      <c r="LR24" s="123">
        <v>0</v>
      </c>
      <c r="LS24" s="357">
        <v>0</v>
      </c>
      <c r="LT24" s="159">
        <v>0</v>
      </c>
      <c r="LU24" s="122">
        <v>0</v>
      </c>
      <c r="LV24" s="123">
        <v>0</v>
      </c>
      <c r="LW24" s="162"/>
      <c r="LX24" s="122">
        <v>594244</v>
      </c>
      <c r="LY24" s="122">
        <v>233909</v>
      </c>
      <c r="LZ24" s="122">
        <v>648904</v>
      </c>
      <c r="MA24" s="122">
        <v>368880</v>
      </c>
      <c r="MB24" s="122">
        <v>4484566</v>
      </c>
      <c r="MC24" s="123">
        <v>6330503</v>
      </c>
      <c r="MD24" s="124">
        <v>6330503</v>
      </c>
      <c r="ME24" s="159">
        <v>0</v>
      </c>
      <c r="MF24" s="122">
        <v>0</v>
      </c>
      <c r="MG24" s="123">
        <v>0</v>
      </c>
      <c r="MH24" s="162"/>
      <c r="MI24" s="122">
        <v>4886233</v>
      </c>
      <c r="MJ24" s="122">
        <v>16193360</v>
      </c>
      <c r="MK24" s="122">
        <v>49243351</v>
      </c>
      <c r="ML24" s="122">
        <v>60467405</v>
      </c>
      <c r="MM24" s="122">
        <v>40005819</v>
      </c>
      <c r="MN24" s="123">
        <v>170796168</v>
      </c>
      <c r="MO24" s="160">
        <v>170796168</v>
      </c>
      <c r="MP24" s="159">
        <v>0</v>
      </c>
      <c r="MQ24" s="122">
        <v>0</v>
      </c>
      <c r="MR24" s="123">
        <v>0</v>
      </c>
      <c r="MS24" s="162"/>
      <c r="MT24" s="122">
        <v>0</v>
      </c>
      <c r="MU24" s="122">
        <v>1508908</v>
      </c>
      <c r="MV24" s="122">
        <v>28488979</v>
      </c>
      <c r="MW24" s="122">
        <v>38398325</v>
      </c>
      <c r="MX24" s="122">
        <v>28249652</v>
      </c>
      <c r="MY24" s="123">
        <v>96645864</v>
      </c>
      <c r="MZ24" s="160">
        <v>96645864</v>
      </c>
      <c r="NA24" s="159">
        <v>0</v>
      </c>
      <c r="NB24" s="122">
        <v>0</v>
      </c>
      <c r="NC24" s="123">
        <v>0</v>
      </c>
      <c r="ND24" s="162"/>
      <c r="NE24" s="122">
        <v>4886233</v>
      </c>
      <c r="NF24" s="122">
        <v>14684452</v>
      </c>
      <c r="NG24" s="122">
        <v>20760795</v>
      </c>
      <c r="NH24" s="122">
        <v>20522742</v>
      </c>
      <c r="NI24" s="122">
        <v>9592214</v>
      </c>
      <c r="NJ24" s="123">
        <v>70446436</v>
      </c>
      <c r="NK24" s="357">
        <v>70446436</v>
      </c>
      <c r="NL24" s="159">
        <v>0</v>
      </c>
      <c r="NM24" s="122">
        <v>0</v>
      </c>
      <c r="NN24" s="123">
        <v>0</v>
      </c>
      <c r="NO24" s="162"/>
      <c r="NP24" s="122">
        <v>0</v>
      </c>
      <c r="NQ24" s="122">
        <v>0</v>
      </c>
      <c r="NR24" s="122">
        <v>0</v>
      </c>
      <c r="NS24" s="122">
        <v>0</v>
      </c>
      <c r="NT24" s="122">
        <v>0</v>
      </c>
      <c r="NU24" s="123">
        <v>0</v>
      </c>
      <c r="NV24" s="124">
        <v>0</v>
      </c>
      <c r="NW24" s="159">
        <v>0</v>
      </c>
      <c r="NX24" s="122">
        <v>0</v>
      </c>
      <c r="NY24" s="123">
        <v>0</v>
      </c>
      <c r="NZ24" s="162"/>
      <c r="OA24" s="122">
        <v>0</v>
      </c>
      <c r="OB24" s="122">
        <v>0</v>
      </c>
      <c r="OC24" s="122">
        <v>-6423</v>
      </c>
      <c r="OD24" s="122">
        <v>1546338</v>
      </c>
      <c r="OE24" s="122">
        <v>2163953</v>
      </c>
      <c r="OF24" s="123">
        <v>3703868</v>
      </c>
      <c r="OG24" s="124">
        <v>3703868</v>
      </c>
      <c r="OH24" s="159">
        <v>3953095</v>
      </c>
      <c r="OI24" s="122">
        <v>9203824</v>
      </c>
      <c r="OJ24" s="158">
        <v>13156919</v>
      </c>
      <c r="OK24" s="121">
        <v>0</v>
      </c>
      <c r="OL24" s="122">
        <v>78078000</v>
      </c>
      <c r="OM24" s="122">
        <v>102517244</v>
      </c>
      <c r="ON24" s="122">
        <v>128559730</v>
      </c>
      <c r="OO24" s="122">
        <v>119721487</v>
      </c>
      <c r="OP24" s="122">
        <v>87225688</v>
      </c>
      <c r="OQ24" s="123">
        <v>516102149</v>
      </c>
      <c r="OR24" s="160">
        <v>529259068</v>
      </c>
    </row>
    <row r="25" spans="1:408" ht="18.75" customHeight="1" x14ac:dyDescent="0.2">
      <c r="A25" s="62" t="s">
        <v>20</v>
      </c>
      <c r="B25" s="112">
        <v>4118994</v>
      </c>
      <c r="C25" s="116">
        <v>13312191</v>
      </c>
      <c r="D25" s="115">
        <v>17431185</v>
      </c>
      <c r="E25" s="112">
        <v>0</v>
      </c>
      <c r="F25" s="116">
        <v>80666355</v>
      </c>
      <c r="G25" s="116">
        <v>70993303</v>
      </c>
      <c r="H25" s="116">
        <v>71250145</v>
      </c>
      <c r="I25" s="116">
        <v>60257220</v>
      </c>
      <c r="J25" s="116">
        <v>39579030</v>
      </c>
      <c r="K25" s="200">
        <v>322746053</v>
      </c>
      <c r="L25" s="118">
        <v>340177238</v>
      </c>
      <c r="M25" s="112">
        <v>990644</v>
      </c>
      <c r="N25" s="116">
        <v>3746090</v>
      </c>
      <c r="O25" s="115">
        <v>4736734</v>
      </c>
      <c r="P25" s="112">
        <v>0</v>
      </c>
      <c r="Q25" s="116">
        <v>22517691</v>
      </c>
      <c r="R25" s="116">
        <v>22080514</v>
      </c>
      <c r="S25" s="116">
        <v>18577499</v>
      </c>
      <c r="T25" s="116">
        <v>18350144</v>
      </c>
      <c r="U25" s="116">
        <v>17725578</v>
      </c>
      <c r="V25" s="115">
        <v>99251426</v>
      </c>
      <c r="W25" s="118">
        <v>103988160</v>
      </c>
      <c r="X25" s="112">
        <v>0</v>
      </c>
      <c r="Y25" s="116">
        <v>0</v>
      </c>
      <c r="Z25" s="115">
        <v>0</v>
      </c>
      <c r="AA25" s="112">
        <v>0</v>
      </c>
      <c r="AB25" s="116">
        <v>9445192</v>
      </c>
      <c r="AC25" s="116">
        <v>10582482</v>
      </c>
      <c r="AD25" s="116">
        <v>9836199</v>
      </c>
      <c r="AE25" s="443">
        <v>9512869</v>
      </c>
      <c r="AF25" s="443">
        <v>9887501</v>
      </c>
      <c r="AG25" s="115">
        <v>49264243</v>
      </c>
      <c r="AH25" s="118">
        <v>49264243</v>
      </c>
      <c r="AI25" s="112">
        <v>0</v>
      </c>
      <c r="AJ25" s="116">
        <v>43401</v>
      </c>
      <c r="AK25" s="115">
        <v>43401</v>
      </c>
      <c r="AL25" s="112">
        <v>0</v>
      </c>
      <c r="AM25" s="116">
        <v>41035</v>
      </c>
      <c r="AN25" s="116">
        <v>519554</v>
      </c>
      <c r="AO25" s="116">
        <v>565315</v>
      </c>
      <c r="AP25" s="116">
        <v>1285445</v>
      </c>
      <c r="AQ25" s="116">
        <v>2570843</v>
      </c>
      <c r="AR25" s="115">
        <v>4982192</v>
      </c>
      <c r="AS25" s="118">
        <v>5025593</v>
      </c>
      <c r="AT25" s="112">
        <v>431934</v>
      </c>
      <c r="AU25" s="116">
        <v>2124486</v>
      </c>
      <c r="AV25" s="115">
        <v>2556420</v>
      </c>
      <c r="AW25" s="112">
        <v>0</v>
      </c>
      <c r="AX25" s="116">
        <v>8283255</v>
      </c>
      <c r="AY25" s="116">
        <v>5730956</v>
      </c>
      <c r="AZ25" s="116">
        <v>4018938</v>
      </c>
      <c r="BA25" s="116">
        <v>3315814</v>
      </c>
      <c r="BB25" s="116">
        <v>3000987</v>
      </c>
      <c r="BC25" s="115">
        <v>24349950</v>
      </c>
      <c r="BD25" s="118">
        <v>26906370</v>
      </c>
      <c r="BE25" s="112">
        <v>285231</v>
      </c>
      <c r="BF25" s="116">
        <v>812174</v>
      </c>
      <c r="BG25" s="114">
        <v>1097405</v>
      </c>
      <c r="BH25" s="113">
        <v>0</v>
      </c>
      <c r="BI25" s="116">
        <v>1639127</v>
      </c>
      <c r="BJ25" s="116">
        <v>1576384</v>
      </c>
      <c r="BK25" s="116">
        <v>1097496</v>
      </c>
      <c r="BL25" s="116">
        <v>1158236</v>
      </c>
      <c r="BM25" s="116">
        <v>414637</v>
      </c>
      <c r="BN25" s="115">
        <v>5885880</v>
      </c>
      <c r="BO25" s="118">
        <v>6983285</v>
      </c>
      <c r="BP25" s="112">
        <v>273479</v>
      </c>
      <c r="BQ25" s="116">
        <v>766029</v>
      </c>
      <c r="BR25" s="115">
        <v>1039508</v>
      </c>
      <c r="BS25" s="112">
        <v>0</v>
      </c>
      <c r="BT25" s="116">
        <v>3109082</v>
      </c>
      <c r="BU25" s="116">
        <v>3671138</v>
      </c>
      <c r="BV25" s="116">
        <v>3059551</v>
      </c>
      <c r="BW25" s="116">
        <v>3077780</v>
      </c>
      <c r="BX25" s="116">
        <v>1851610</v>
      </c>
      <c r="BY25" s="115">
        <v>14769161</v>
      </c>
      <c r="BZ25" s="118">
        <v>15808669</v>
      </c>
      <c r="CA25" s="112">
        <v>466292</v>
      </c>
      <c r="CB25" s="116">
        <v>2304278</v>
      </c>
      <c r="CC25" s="115">
        <v>2770570</v>
      </c>
      <c r="CD25" s="112">
        <v>0</v>
      </c>
      <c r="CE25" s="443">
        <v>24427085</v>
      </c>
      <c r="CF25" s="443">
        <v>16922784</v>
      </c>
      <c r="CG25" s="443">
        <v>17707775</v>
      </c>
      <c r="CH25" s="116">
        <v>10484356</v>
      </c>
      <c r="CI25" s="116">
        <v>4467931</v>
      </c>
      <c r="CJ25" s="451">
        <v>74009931</v>
      </c>
      <c r="CK25" s="452">
        <v>76780501</v>
      </c>
      <c r="CL25" s="112">
        <v>0</v>
      </c>
      <c r="CM25" s="116">
        <v>0</v>
      </c>
      <c r="CN25" s="115">
        <v>0</v>
      </c>
      <c r="CO25" s="113">
        <v>0</v>
      </c>
      <c r="CP25" s="116">
        <v>16294207</v>
      </c>
      <c r="CQ25" s="116">
        <v>10742128</v>
      </c>
      <c r="CR25" s="116">
        <v>13197356</v>
      </c>
      <c r="CS25" s="116">
        <v>6870191</v>
      </c>
      <c r="CT25" s="116">
        <v>3643470</v>
      </c>
      <c r="CU25" s="115">
        <v>50747352</v>
      </c>
      <c r="CV25" s="118">
        <v>50747352</v>
      </c>
      <c r="CW25" s="112">
        <v>466292</v>
      </c>
      <c r="CX25" s="116">
        <v>2304278</v>
      </c>
      <c r="CY25" s="115">
        <v>2770570</v>
      </c>
      <c r="CZ25" s="112">
        <v>0</v>
      </c>
      <c r="DA25" s="116">
        <v>8132878</v>
      </c>
      <c r="DB25" s="116">
        <v>6180656</v>
      </c>
      <c r="DC25" s="116">
        <v>4510419</v>
      </c>
      <c r="DD25" s="116">
        <v>3614165</v>
      </c>
      <c r="DE25" s="116">
        <v>824461</v>
      </c>
      <c r="DF25" s="115">
        <v>23262579</v>
      </c>
      <c r="DG25" s="118">
        <v>26033149</v>
      </c>
      <c r="DH25" s="112">
        <v>56303</v>
      </c>
      <c r="DI25" s="116">
        <v>211322</v>
      </c>
      <c r="DJ25" s="114">
        <v>267625</v>
      </c>
      <c r="DK25" s="113">
        <v>0</v>
      </c>
      <c r="DL25" s="116">
        <v>2701958</v>
      </c>
      <c r="DM25" s="116">
        <v>3673541</v>
      </c>
      <c r="DN25" s="116">
        <v>12025740</v>
      </c>
      <c r="DO25" s="116">
        <v>6482187</v>
      </c>
      <c r="DP25" s="116">
        <v>4034314</v>
      </c>
      <c r="DQ25" s="115">
        <v>28917740</v>
      </c>
      <c r="DR25" s="118">
        <v>29185365</v>
      </c>
      <c r="DS25" s="112">
        <v>56303</v>
      </c>
      <c r="DT25" s="116">
        <v>211322</v>
      </c>
      <c r="DU25" s="115">
        <v>267625</v>
      </c>
      <c r="DV25" s="112">
        <v>0</v>
      </c>
      <c r="DW25" s="116">
        <v>2646448</v>
      </c>
      <c r="DX25" s="116">
        <v>3298455</v>
      </c>
      <c r="DY25" s="116">
        <v>10971473</v>
      </c>
      <c r="DZ25" s="116">
        <v>5863384</v>
      </c>
      <c r="EA25" s="116">
        <v>3680706</v>
      </c>
      <c r="EB25" s="115">
        <v>26460466</v>
      </c>
      <c r="EC25" s="118">
        <v>26728091</v>
      </c>
      <c r="ED25" s="112">
        <v>0</v>
      </c>
      <c r="EE25" s="114">
        <v>0</v>
      </c>
      <c r="EF25" s="115">
        <v>0</v>
      </c>
      <c r="EG25" s="112">
        <v>0</v>
      </c>
      <c r="EH25" s="116">
        <v>55510</v>
      </c>
      <c r="EI25" s="116">
        <v>375086</v>
      </c>
      <c r="EJ25" s="116">
        <v>1054267</v>
      </c>
      <c r="EK25" s="116">
        <v>618803</v>
      </c>
      <c r="EL25" s="116">
        <v>353608</v>
      </c>
      <c r="EM25" s="114">
        <v>2457274</v>
      </c>
      <c r="EN25" s="118">
        <v>2457274</v>
      </c>
      <c r="EO25" s="112">
        <v>0</v>
      </c>
      <c r="EP25" s="116">
        <v>0</v>
      </c>
      <c r="EQ25" s="114">
        <v>0</v>
      </c>
      <c r="ER25" s="113">
        <v>0</v>
      </c>
      <c r="ES25" s="116">
        <v>0</v>
      </c>
      <c r="ET25" s="116">
        <v>0</v>
      </c>
      <c r="EU25" s="116">
        <v>0</v>
      </c>
      <c r="EV25" s="116">
        <v>0</v>
      </c>
      <c r="EW25" s="116">
        <v>0</v>
      </c>
      <c r="EX25" s="115">
        <v>0</v>
      </c>
      <c r="EY25" s="118">
        <v>0</v>
      </c>
      <c r="EZ25" s="112">
        <v>0</v>
      </c>
      <c r="FA25" s="116">
        <v>0</v>
      </c>
      <c r="FB25" s="114">
        <v>0</v>
      </c>
      <c r="FC25" s="390"/>
      <c r="FD25" s="116">
        <v>0</v>
      </c>
      <c r="FE25" s="116">
        <v>0</v>
      </c>
      <c r="FF25" s="116">
        <v>0</v>
      </c>
      <c r="FG25" s="116">
        <v>0</v>
      </c>
      <c r="FH25" s="116">
        <v>0</v>
      </c>
      <c r="FI25" s="115">
        <v>0</v>
      </c>
      <c r="FJ25" s="118">
        <v>0</v>
      </c>
      <c r="FK25" s="112">
        <v>1218479</v>
      </c>
      <c r="FL25" s="116">
        <v>2247990</v>
      </c>
      <c r="FM25" s="115">
        <v>3466469</v>
      </c>
      <c r="FN25" s="112">
        <v>0</v>
      </c>
      <c r="FO25" s="116">
        <v>5955798</v>
      </c>
      <c r="FP25" s="116">
        <v>6777072</v>
      </c>
      <c r="FQ25" s="116">
        <v>5821110</v>
      </c>
      <c r="FR25" s="116">
        <v>4703599</v>
      </c>
      <c r="FS25" s="116">
        <v>3265408</v>
      </c>
      <c r="FT25" s="115">
        <v>26522987</v>
      </c>
      <c r="FU25" s="118">
        <v>29989456</v>
      </c>
      <c r="FV25" s="117">
        <v>706019</v>
      </c>
      <c r="FW25" s="116">
        <v>1897754</v>
      </c>
      <c r="FX25" s="114">
        <v>2603773</v>
      </c>
      <c r="FY25" s="113">
        <v>0</v>
      </c>
      <c r="FZ25" s="116">
        <v>4710038</v>
      </c>
      <c r="GA25" s="116">
        <v>6192857</v>
      </c>
      <c r="GB25" s="116">
        <v>5306044</v>
      </c>
      <c r="GC25" s="116">
        <v>4416976</v>
      </c>
      <c r="GD25" s="116">
        <v>3113236</v>
      </c>
      <c r="GE25" s="115">
        <v>23739151</v>
      </c>
      <c r="GF25" s="354">
        <v>26342924</v>
      </c>
      <c r="GG25" s="117">
        <v>48060</v>
      </c>
      <c r="GH25" s="116">
        <v>32310</v>
      </c>
      <c r="GI25" s="114">
        <v>80370</v>
      </c>
      <c r="GJ25" s="113">
        <v>0</v>
      </c>
      <c r="GK25" s="116">
        <v>236060</v>
      </c>
      <c r="GL25" s="116">
        <v>153815</v>
      </c>
      <c r="GM25" s="116">
        <v>124826</v>
      </c>
      <c r="GN25" s="116">
        <v>47223</v>
      </c>
      <c r="GO25" s="116">
        <v>152172</v>
      </c>
      <c r="GP25" s="115">
        <v>714096</v>
      </c>
      <c r="GQ25" s="118">
        <v>794466</v>
      </c>
      <c r="GR25" s="112">
        <v>464400</v>
      </c>
      <c r="GS25" s="116">
        <v>317926</v>
      </c>
      <c r="GT25" s="115">
        <v>782326</v>
      </c>
      <c r="GU25" s="112">
        <v>0</v>
      </c>
      <c r="GV25" s="116">
        <v>1009700</v>
      </c>
      <c r="GW25" s="116">
        <v>430400</v>
      </c>
      <c r="GX25" s="116">
        <v>390240</v>
      </c>
      <c r="GY25" s="116">
        <v>239400</v>
      </c>
      <c r="GZ25" s="116">
        <v>0</v>
      </c>
      <c r="HA25" s="114">
        <v>2069740</v>
      </c>
      <c r="HB25" s="118">
        <v>2852066</v>
      </c>
      <c r="HC25" s="112">
        <v>521302</v>
      </c>
      <c r="HD25" s="116">
        <v>2813037</v>
      </c>
      <c r="HE25" s="114">
        <v>3334339</v>
      </c>
      <c r="HF25" s="113">
        <v>0</v>
      </c>
      <c r="HG25" s="116">
        <v>11303665</v>
      </c>
      <c r="HH25" s="116">
        <v>13481278</v>
      </c>
      <c r="HI25" s="116">
        <v>10482317</v>
      </c>
      <c r="HJ25" s="116">
        <v>15887130</v>
      </c>
      <c r="HK25" s="116">
        <v>7907380</v>
      </c>
      <c r="HL25" s="115">
        <v>59061770</v>
      </c>
      <c r="HM25" s="111">
        <v>62396109</v>
      </c>
      <c r="HN25" s="117">
        <v>865974</v>
      </c>
      <c r="HO25" s="116">
        <v>1989474</v>
      </c>
      <c r="HP25" s="115">
        <v>2855448</v>
      </c>
      <c r="HQ25" s="112">
        <v>0</v>
      </c>
      <c r="HR25" s="116">
        <v>13760158</v>
      </c>
      <c r="HS25" s="116">
        <v>8058114</v>
      </c>
      <c r="HT25" s="116">
        <v>6635704</v>
      </c>
      <c r="HU25" s="116">
        <v>4349804</v>
      </c>
      <c r="HV25" s="116">
        <v>2178419</v>
      </c>
      <c r="HW25" s="114">
        <v>34982199</v>
      </c>
      <c r="HX25" s="118">
        <v>37837647</v>
      </c>
      <c r="HY25" s="148">
        <v>82468</v>
      </c>
      <c r="HZ25" s="149">
        <v>85376</v>
      </c>
      <c r="IA25" s="150">
        <v>167844</v>
      </c>
      <c r="IB25" s="163">
        <v>0</v>
      </c>
      <c r="IC25" s="149">
        <v>17102996</v>
      </c>
      <c r="ID25" s="164">
        <v>14658039</v>
      </c>
      <c r="IE25" s="150">
        <v>16467323</v>
      </c>
      <c r="IF25" s="149">
        <v>11988918</v>
      </c>
      <c r="IG25" s="150">
        <v>2967190</v>
      </c>
      <c r="IH25" s="165">
        <v>63184466</v>
      </c>
      <c r="II25" s="156">
        <v>63352310</v>
      </c>
      <c r="IJ25" s="261">
        <v>0</v>
      </c>
      <c r="IK25" s="268">
        <v>0</v>
      </c>
      <c r="IL25" s="269">
        <v>0</v>
      </c>
      <c r="IM25" s="157"/>
      <c r="IN25" s="122">
        <v>86634</v>
      </c>
      <c r="IO25" s="122">
        <v>0</v>
      </c>
      <c r="IP25" s="122">
        <v>0</v>
      </c>
      <c r="IQ25" s="122">
        <v>0</v>
      </c>
      <c r="IR25" s="122">
        <v>0</v>
      </c>
      <c r="IS25" s="158">
        <v>86634</v>
      </c>
      <c r="IT25" s="357">
        <v>86634</v>
      </c>
      <c r="IU25" s="159">
        <v>0</v>
      </c>
      <c r="IV25" s="122">
        <v>0</v>
      </c>
      <c r="IW25" s="123">
        <v>0</v>
      </c>
      <c r="IX25" s="161"/>
      <c r="IY25" s="122">
        <v>0</v>
      </c>
      <c r="IZ25" s="122">
        <v>0</v>
      </c>
      <c r="JA25" s="122">
        <v>0</v>
      </c>
      <c r="JB25" s="122">
        <v>0</v>
      </c>
      <c r="JC25" s="122">
        <v>0</v>
      </c>
      <c r="JD25" s="123">
        <v>0</v>
      </c>
      <c r="JE25" s="124">
        <v>0</v>
      </c>
      <c r="JF25" s="159">
        <v>0</v>
      </c>
      <c r="JG25" s="122">
        <v>0</v>
      </c>
      <c r="JH25" s="158">
        <v>0</v>
      </c>
      <c r="JI25" s="121">
        <v>0</v>
      </c>
      <c r="JJ25" s="122">
        <v>7444579</v>
      </c>
      <c r="JK25" s="122">
        <v>4241400</v>
      </c>
      <c r="JL25" s="122">
        <v>3944352</v>
      </c>
      <c r="JM25" s="122">
        <v>3375419</v>
      </c>
      <c r="JN25" s="122">
        <v>777306</v>
      </c>
      <c r="JO25" s="123">
        <v>19783056</v>
      </c>
      <c r="JP25" s="357">
        <v>19783056</v>
      </c>
      <c r="JQ25" s="159">
        <v>0</v>
      </c>
      <c r="JR25" s="122">
        <v>0</v>
      </c>
      <c r="JS25" s="158">
        <v>0</v>
      </c>
      <c r="JT25" s="121">
        <v>0</v>
      </c>
      <c r="JU25" s="122">
        <v>0</v>
      </c>
      <c r="JV25" s="122">
        <v>426921</v>
      </c>
      <c r="JW25" s="122">
        <v>489664</v>
      </c>
      <c r="JX25" s="122">
        <v>250353</v>
      </c>
      <c r="JY25" s="122">
        <v>182294</v>
      </c>
      <c r="JZ25" s="123">
        <v>1349232</v>
      </c>
      <c r="KA25" s="357">
        <v>1349232</v>
      </c>
      <c r="KB25" s="264">
        <v>82468</v>
      </c>
      <c r="KC25" s="258">
        <v>85376</v>
      </c>
      <c r="KD25" s="123">
        <v>167844</v>
      </c>
      <c r="KE25" s="121">
        <v>0</v>
      </c>
      <c r="KF25" s="122">
        <v>2617671</v>
      </c>
      <c r="KG25" s="122">
        <v>3860284</v>
      </c>
      <c r="KH25" s="122">
        <v>1770041</v>
      </c>
      <c r="KI25" s="122">
        <v>1157048</v>
      </c>
      <c r="KJ25" s="122">
        <v>0</v>
      </c>
      <c r="KK25" s="123">
        <v>9405044</v>
      </c>
      <c r="KL25" s="160">
        <v>9572888</v>
      </c>
      <c r="KM25" s="261">
        <v>0</v>
      </c>
      <c r="KN25" s="268">
        <v>0</v>
      </c>
      <c r="KO25" s="269">
        <v>0</v>
      </c>
      <c r="KP25" s="157"/>
      <c r="KQ25" s="122">
        <v>6954112</v>
      </c>
      <c r="KR25" s="122">
        <v>6129434</v>
      </c>
      <c r="KS25" s="122">
        <v>10263266</v>
      </c>
      <c r="KT25" s="122">
        <v>7206098</v>
      </c>
      <c r="KU25" s="122">
        <v>2007590</v>
      </c>
      <c r="KV25" s="123">
        <v>32560500</v>
      </c>
      <c r="KW25" s="357">
        <v>32560500</v>
      </c>
      <c r="KX25" s="159">
        <v>0</v>
      </c>
      <c r="KY25" s="122">
        <v>0</v>
      </c>
      <c r="KZ25" s="123">
        <v>0</v>
      </c>
      <c r="LA25" s="162"/>
      <c r="LB25" s="122">
        <v>0</v>
      </c>
      <c r="LC25" s="122">
        <v>0</v>
      </c>
      <c r="LD25" s="122">
        <v>0</v>
      </c>
      <c r="LE25" s="122">
        <v>0</v>
      </c>
      <c r="LF25" s="122">
        <v>0</v>
      </c>
      <c r="LG25" s="123">
        <v>0</v>
      </c>
      <c r="LH25" s="124">
        <v>0</v>
      </c>
      <c r="LI25" s="159">
        <v>0</v>
      </c>
      <c r="LJ25" s="122">
        <v>0</v>
      </c>
      <c r="LK25" s="123">
        <v>0</v>
      </c>
      <c r="LL25" s="162"/>
      <c r="LM25" s="122">
        <v>0</v>
      </c>
      <c r="LN25" s="122">
        <v>0</v>
      </c>
      <c r="LO25" s="122">
        <v>0</v>
      </c>
      <c r="LP25" s="122">
        <v>0</v>
      </c>
      <c r="LQ25" s="122">
        <v>0</v>
      </c>
      <c r="LR25" s="123">
        <v>0</v>
      </c>
      <c r="LS25" s="357">
        <v>0</v>
      </c>
      <c r="LT25" s="159">
        <v>0</v>
      </c>
      <c r="LU25" s="122">
        <v>0</v>
      </c>
      <c r="LV25" s="123">
        <v>0</v>
      </c>
      <c r="LW25" s="162"/>
      <c r="LX25" s="122">
        <v>0</v>
      </c>
      <c r="LY25" s="122">
        <v>0</v>
      </c>
      <c r="LZ25" s="122">
        <v>0</v>
      </c>
      <c r="MA25" s="122">
        <v>0</v>
      </c>
      <c r="MB25" s="122">
        <v>0</v>
      </c>
      <c r="MC25" s="123">
        <v>0</v>
      </c>
      <c r="MD25" s="124">
        <v>0</v>
      </c>
      <c r="ME25" s="159">
        <v>0</v>
      </c>
      <c r="MF25" s="122">
        <v>0</v>
      </c>
      <c r="MG25" s="123">
        <v>0</v>
      </c>
      <c r="MH25" s="162"/>
      <c r="MI25" s="122">
        <v>6138848</v>
      </c>
      <c r="MJ25" s="122">
        <v>16417222</v>
      </c>
      <c r="MK25" s="122">
        <v>52099253</v>
      </c>
      <c r="ML25" s="122">
        <v>68026054</v>
      </c>
      <c r="MM25" s="122">
        <v>42798516</v>
      </c>
      <c r="MN25" s="123">
        <v>185479893</v>
      </c>
      <c r="MO25" s="160">
        <v>185479893</v>
      </c>
      <c r="MP25" s="159">
        <v>0</v>
      </c>
      <c r="MQ25" s="122">
        <v>0</v>
      </c>
      <c r="MR25" s="123">
        <v>0</v>
      </c>
      <c r="MS25" s="162"/>
      <c r="MT25" s="122">
        <v>867241</v>
      </c>
      <c r="MU25" s="122">
        <v>6291300</v>
      </c>
      <c r="MV25" s="122">
        <v>40043907</v>
      </c>
      <c r="MW25" s="122">
        <v>54894018</v>
      </c>
      <c r="MX25" s="122">
        <v>32764076</v>
      </c>
      <c r="MY25" s="123">
        <v>134860542</v>
      </c>
      <c r="MZ25" s="160">
        <v>134860542</v>
      </c>
      <c r="NA25" s="159">
        <v>0</v>
      </c>
      <c r="NB25" s="122">
        <v>0</v>
      </c>
      <c r="NC25" s="123">
        <v>0</v>
      </c>
      <c r="ND25" s="162"/>
      <c r="NE25" s="122">
        <v>5271607</v>
      </c>
      <c r="NF25" s="122">
        <v>10125922</v>
      </c>
      <c r="NG25" s="122">
        <v>11677994</v>
      </c>
      <c r="NH25" s="122">
        <v>13132036</v>
      </c>
      <c r="NI25" s="122">
        <v>7246867</v>
      </c>
      <c r="NJ25" s="123">
        <v>47454426</v>
      </c>
      <c r="NK25" s="357">
        <v>47454426</v>
      </c>
      <c r="NL25" s="159">
        <v>0</v>
      </c>
      <c r="NM25" s="122">
        <v>0</v>
      </c>
      <c r="NN25" s="123">
        <v>0</v>
      </c>
      <c r="NO25" s="162"/>
      <c r="NP25" s="122">
        <v>0</v>
      </c>
      <c r="NQ25" s="122">
        <v>0</v>
      </c>
      <c r="NR25" s="122">
        <v>0</v>
      </c>
      <c r="NS25" s="122">
        <v>0</v>
      </c>
      <c r="NT25" s="122">
        <v>787252</v>
      </c>
      <c r="NU25" s="123">
        <v>787252</v>
      </c>
      <c r="NV25" s="124">
        <v>787252</v>
      </c>
      <c r="NW25" s="159">
        <v>0</v>
      </c>
      <c r="NX25" s="122">
        <v>0</v>
      </c>
      <c r="NY25" s="123">
        <v>0</v>
      </c>
      <c r="NZ25" s="162"/>
      <c r="OA25" s="122">
        <v>0</v>
      </c>
      <c r="OB25" s="122">
        <v>0</v>
      </c>
      <c r="OC25" s="122">
        <v>377352</v>
      </c>
      <c r="OD25" s="122">
        <v>0</v>
      </c>
      <c r="OE25" s="122">
        <v>2000321</v>
      </c>
      <c r="OF25" s="123">
        <v>2377673</v>
      </c>
      <c r="OG25" s="124">
        <v>2377673</v>
      </c>
      <c r="OH25" s="159">
        <v>4201462</v>
      </c>
      <c r="OI25" s="122">
        <v>13397567</v>
      </c>
      <c r="OJ25" s="158">
        <v>17599029</v>
      </c>
      <c r="OK25" s="121">
        <v>0</v>
      </c>
      <c r="OL25" s="122">
        <v>103908199</v>
      </c>
      <c r="OM25" s="122">
        <v>102068564</v>
      </c>
      <c r="ON25" s="122">
        <v>139816721</v>
      </c>
      <c r="OO25" s="122">
        <v>140272192</v>
      </c>
      <c r="OP25" s="122">
        <v>85344736</v>
      </c>
      <c r="OQ25" s="123">
        <v>571410412</v>
      </c>
      <c r="OR25" s="160">
        <v>589009441</v>
      </c>
    </row>
    <row r="26" spans="1:408" ht="18.75" customHeight="1" x14ac:dyDescent="0.2">
      <c r="A26" s="62" t="s">
        <v>21</v>
      </c>
      <c r="B26" s="112">
        <v>6525420</v>
      </c>
      <c r="C26" s="116">
        <v>13264292</v>
      </c>
      <c r="D26" s="115">
        <v>19789712</v>
      </c>
      <c r="E26" s="111">
        <v>0</v>
      </c>
      <c r="F26" s="116">
        <v>61508886</v>
      </c>
      <c r="G26" s="116">
        <v>98536290</v>
      </c>
      <c r="H26" s="116">
        <v>80659484</v>
      </c>
      <c r="I26" s="116">
        <v>70818108</v>
      </c>
      <c r="J26" s="116">
        <v>51640800</v>
      </c>
      <c r="K26" s="200">
        <v>363163568</v>
      </c>
      <c r="L26" s="118">
        <v>382953280</v>
      </c>
      <c r="M26" s="112">
        <v>2094503</v>
      </c>
      <c r="N26" s="116">
        <v>3987089</v>
      </c>
      <c r="O26" s="115">
        <v>6081592</v>
      </c>
      <c r="P26" s="112">
        <v>0</v>
      </c>
      <c r="Q26" s="116">
        <v>20440278</v>
      </c>
      <c r="R26" s="116">
        <v>33144163</v>
      </c>
      <c r="S26" s="116">
        <v>29276795</v>
      </c>
      <c r="T26" s="116">
        <v>28230514</v>
      </c>
      <c r="U26" s="116">
        <v>24086153</v>
      </c>
      <c r="V26" s="115">
        <v>135177903</v>
      </c>
      <c r="W26" s="118">
        <v>141259495</v>
      </c>
      <c r="X26" s="112">
        <v>0</v>
      </c>
      <c r="Y26" s="116">
        <v>0</v>
      </c>
      <c r="Z26" s="115">
        <v>0</v>
      </c>
      <c r="AA26" s="112">
        <v>0</v>
      </c>
      <c r="AB26" s="116">
        <v>9924832</v>
      </c>
      <c r="AC26" s="116">
        <v>17094553</v>
      </c>
      <c r="AD26" s="116">
        <v>17921878</v>
      </c>
      <c r="AE26" s="443">
        <v>17619151</v>
      </c>
      <c r="AF26" s="443">
        <v>14441169</v>
      </c>
      <c r="AG26" s="115">
        <v>77001583</v>
      </c>
      <c r="AH26" s="118">
        <v>77001583</v>
      </c>
      <c r="AI26" s="112">
        <v>0</v>
      </c>
      <c r="AJ26" s="116">
        <v>0</v>
      </c>
      <c r="AK26" s="115">
        <v>0</v>
      </c>
      <c r="AL26" s="112">
        <v>0</v>
      </c>
      <c r="AM26" s="116">
        <v>0</v>
      </c>
      <c r="AN26" s="116">
        <v>156866</v>
      </c>
      <c r="AO26" s="116">
        <v>826288</v>
      </c>
      <c r="AP26" s="116">
        <v>1607169</v>
      </c>
      <c r="AQ26" s="116">
        <v>3136537</v>
      </c>
      <c r="AR26" s="115">
        <v>5726860</v>
      </c>
      <c r="AS26" s="118">
        <v>5726860</v>
      </c>
      <c r="AT26" s="112">
        <v>1212190</v>
      </c>
      <c r="AU26" s="116">
        <v>2569117</v>
      </c>
      <c r="AV26" s="115">
        <v>3781307</v>
      </c>
      <c r="AW26" s="112">
        <v>0</v>
      </c>
      <c r="AX26" s="116">
        <v>6618114</v>
      </c>
      <c r="AY26" s="116">
        <v>10769483</v>
      </c>
      <c r="AZ26" s="116">
        <v>6308605</v>
      </c>
      <c r="BA26" s="116">
        <v>5218043</v>
      </c>
      <c r="BB26" s="116">
        <v>3697741</v>
      </c>
      <c r="BC26" s="115">
        <v>32611986</v>
      </c>
      <c r="BD26" s="118">
        <v>36393293</v>
      </c>
      <c r="BE26" s="112">
        <v>363156</v>
      </c>
      <c r="BF26" s="116">
        <v>840312</v>
      </c>
      <c r="BG26" s="114">
        <v>1203468</v>
      </c>
      <c r="BH26" s="113">
        <v>0</v>
      </c>
      <c r="BI26" s="116">
        <v>790803</v>
      </c>
      <c r="BJ26" s="116">
        <v>1124028</v>
      </c>
      <c r="BK26" s="116">
        <v>531524</v>
      </c>
      <c r="BL26" s="116">
        <v>632173</v>
      </c>
      <c r="BM26" s="116">
        <v>135312</v>
      </c>
      <c r="BN26" s="115">
        <v>3213840</v>
      </c>
      <c r="BO26" s="118">
        <v>4417308</v>
      </c>
      <c r="BP26" s="112">
        <v>519157</v>
      </c>
      <c r="BQ26" s="116">
        <v>577660</v>
      </c>
      <c r="BR26" s="115">
        <v>1096817</v>
      </c>
      <c r="BS26" s="112">
        <v>0</v>
      </c>
      <c r="BT26" s="116">
        <v>3106529</v>
      </c>
      <c r="BU26" s="116">
        <v>3999233</v>
      </c>
      <c r="BV26" s="116">
        <v>3688500</v>
      </c>
      <c r="BW26" s="116">
        <v>3153978</v>
      </c>
      <c r="BX26" s="116">
        <v>2675394</v>
      </c>
      <c r="BY26" s="115">
        <v>16623634</v>
      </c>
      <c r="BZ26" s="118">
        <v>17720451</v>
      </c>
      <c r="CA26" s="112">
        <v>609633</v>
      </c>
      <c r="CB26" s="116">
        <v>1934865</v>
      </c>
      <c r="CC26" s="115">
        <v>2544498</v>
      </c>
      <c r="CD26" s="112">
        <v>0</v>
      </c>
      <c r="CE26" s="443">
        <v>16472693</v>
      </c>
      <c r="CF26" s="443">
        <v>26494196</v>
      </c>
      <c r="CG26" s="443">
        <v>20215075</v>
      </c>
      <c r="CH26" s="116">
        <v>11069553</v>
      </c>
      <c r="CI26" s="116">
        <v>5386509</v>
      </c>
      <c r="CJ26" s="451">
        <v>79638026</v>
      </c>
      <c r="CK26" s="452">
        <v>82182524</v>
      </c>
      <c r="CL26" s="112">
        <v>0</v>
      </c>
      <c r="CM26" s="116">
        <v>0</v>
      </c>
      <c r="CN26" s="115">
        <v>0</v>
      </c>
      <c r="CO26" s="113">
        <v>0</v>
      </c>
      <c r="CP26" s="116">
        <v>14230484</v>
      </c>
      <c r="CQ26" s="116">
        <v>23149882</v>
      </c>
      <c r="CR26" s="116">
        <v>16688496</v>
      </c>
      <c r="CS26" s="116">
        <v>10034319</v>
      </c>
      <c r="CT26" s="116">
        <v>4009147</v>
      </c>
      <c r="CU26" s="115">
        <v>68112328</v>
      </c>
      <c r="CV26" s="118">
        <v>68112328</v>
      </c>
      <c r="CW26" s="112">
        <v>609633</v>
      </c>
      <c r="CX26" s="116">
        <v>1934865</v>
      </c>
      <c r="CY26" s="115">
        <v>2544498</v>
      </c>
      <c r="CZ26" s="112">
        <v>0</v>
      </c>
      <c r="DA26" s="116">
        <v>2242209</v>
      </c>
      <c r="DB26" s="116">
        <v>3344314</v>
      </c>
      <c r="DC26" s="116">
        <v>3526579</v>
      </c>
      <c r="DD26" s="116">
        <v>1035234</v>
      </c>
      <c r="DE26" s="116">
        <v>1377362</v>
      </c>
      <c r="DF26" s="115">
        <v>11525698</v>
      </c>
      <c r="DG26" s="118">
        <v>14070196</v>
      </c>
      <c r="DH26" s="112">
        <v>62468</v>
      </c>
      <c r="DI26" s="116">
        <v>263692</v>
      </c>
      <c r="DJ26" s="114">
        <v>326160</v>
      </c>
      <c r="DK26" s="113">
        <v>0</v>
      </c>
      <c r="DL26" s="116">
        <v>979643</v>
      </c>
      <c r="DM26" s="116">
        <v>4601424</v>
      </c>
      <c r="DN26" s="116">
        <v>7402007</v>
      </c>
      <c r="DO26" s="116">
        <v>10611261</v>
      </c>
      <c r="DP26" s="116">
        <v>5041488</v>
      </c>
      <c r="DQ26" s="115">
        <v>28635823</v>
      </c>
      <c r="DR26" s="118">
        <v>28961983</v>
      </c>
      <c r="DS26" s="112">
        <v>62468</v>
      </c>
      <c r="DT26" s="116">
        <v>263692</v>
      </c>
      <c r="DU26" s="115">
        <v>326160</v>
      </c>
      <c r="DV26" s="112">
        <v>0</v>
      </c>
      <c r="DW26" s="116">
        <v>979643</v>
      </c>
      <c r="DX26" s="116">
        <v>4118192</v>
      </c>
      <c r="DY26" s="116">
        <v>7244145</v>
      </c>
      <c r="DZ26" s="116">
        <v>10512670</v>
      </c>
      <c r="EA26" s="116">
        <v>4661890</v>
      </c>
      <c r="EB26" s="115">
        <v>27516540</v>
      </c>
      <c r="EC26" s="118">
        <v>27842700</v>
      </c>
      <c r="ED26" s="112">
        <v>0</v>
      </c>
      <c r="EE26" s="114">
        <v>0</v>
      </c>
      <c r="EF26" s="115">
        <v>0</v>
      </c>
      <c r="EG26" s="112">
        <v>0</v>
      </c>
      <c r="EH26" s="116">
        <v>0</v>
      </c>
      <c r="EI26" s="116">
        <v>483232</v>
      </c>
      <c r="EJ26" s="116">
        <v>157862</v>
      </c>
      <c r="EK26" s="116">
        <v>98591</v>
      </c>
      <c r="EL26" s="116">
        <v>379598</v>
      </c>
      <c r="EM26" s="114">
        <v>1119283</v>
      </c>
      <c r="EN26" s="118">
        <v>1119283</v>
      </c>
      <c r="EO26" s="112">
        <v>0</v>
      </c>
      <c r="EP26" s="116">
        <v>0</v>
      </c>
      <c r="EQ26" s="114">
        <v>0</v>
      </c>
      <c r="ER26" s="113">
        <v>0</v>
      </c>
      <c r="ES26" s="116">
        <v>0</v>
      </c>
      <c r="ET26" s="116">
        <v>0</v>
      </c>
      <c r="EU26" s="116">
        <v>0</v>
      </c>
      <c r="EV26" s="116">
        <v>0</v>
      </c>
      <c r="EW26" s="116">
        <v>0</v>
      </c>
      <c r="EX26" s="115">
        <v>0</v>
      </c>
      <c r="EY26" s="118">
        <v>0</v>
      </c>
      <c r="EZ26" s="112">
        <v>0</v>
      </c>
      <c r="FA26" s="116">
        <v>0</v>
      </c>
      <c r="FB26" s="114">
        <v>0</v>
      </c>
      <c r="FC26" s="390"/>
      <c r="FD26" s="116">
        <v>0</v>
      </c>
      <c r="FE26" s="116">
        <v>0</v>
      </c>
      <c r="FF26" s="116">
        <v>0</v>
      </c>
      <c r="FG26" s="116">
        <v>0</v>
      </c>
      <c r="FH26" s="116">
        <v>0</v>
      </c>
      <c r="FI26" s="115">
        <v>0</v>
      </c>
      <c r="FJ26" s="118">
        <v>0</v>
      </c>
      <c r="FK26" s="112">
        <v>1234308</v>
      </c>
      <c r="FL26" s="116">
        <v>3325838</v>
      </c>
      <c r="FM26" s="115">
        <v>4560146</v>
      </c>
      <c r="FN26" s="112">
        <v>0</v>
      </c>
      <c r="FO26" s="116">
        <v>3508130</v>
      </c>
      <c r="FP26" s="116">
        <v>9116412</v>
      </c>
      <c r="FQ26" s="116">
        <v>5714620</v>
      </c>
      <c r="FR26" s="116">
        <v>5360931</v>
      </c>
      <c r="FS26" s="116">
        <v>3787342</v>
      </c>
      <c r="FT26" s="115">
        <v>27487435</v>
      </c>
      <c r="FU26" s="118">
        <v>32047581</v>
      </c>
      <c r="FV26" s="117">
        <v>775351</v>
      </c>
      <c r="FW26" s="116">
        <v>2390662</v>
      </c>
      <c r="FX26" s="114">
        <v>3166013</v>
      </c>
      <c r="FY26" s="113">
        <v>0</v>
      </c>
      <c r="FZ26" s="116">
        <v>2758652</v>
      </c>
      <c r="GA26" s="116">
        <v>8365981</v>
      </c>
      <c r="GB26" s="116">
        <v>5680816</v>
      </c>
      <c r="GC26" s="116">
        <v>5062995</v>
      </c>
      <c r="GD26" s="116">
        <v>3633802</v>
      </c>
      <c r="GE26" s="115">
        <v>25502246</v>
      </c>
      <c r="GF26" s="354">
        <v>28668259</v>
      </c>
      <c r="GG26" s="117">
        <v>41787</v>
      </c>
      <c r="GH26" s="116">
        <v>114424</v>
      </c>
      <c r="GI26" s="114">
        <v>156211</v>
      </c>
      <c r="GJ26" s="113">
        <v>0</v>
      </c>
      <c r="GK26" s="116">
        <v>110716</v>
      </c>
      <c r="GL26" s="116">
        <v>217181</v>
      </c>
      <c r="GM26" s="116">
        <v>21384</v>
      </c>
      <c r="GN26" s="116">
        <v>171036</v>
      </c>
      <c r="GO26" s="116">
        <v>153540</v>
      </c>
      <c r="GP26" s="115">
        <v>673857</v>
      </c>
      <c r="GQ26" s="118">
        <v>830068</v>
      </c>
      <c r="GR26" s="112">
        <v>417170</v>
      </c>
      <c r="GS26" s="116">
        <v>820752</v>
      </c>
      <c r="GT26" s="115">
        <v>1237922</v>
      </c>
      <c r="GU26" s="112">
        <v>0</v>
      </c>
      <c r="GV26" s="116">
        <v>638762</v>
      </c>
      <c r="GW26" s="116">
        <v>533250</v>
      </c>
      <c r="GX26" s="116">
        <v>12420</v>
      </c>
      <c r="GY26" s="116">
        <v>126900</v>
      </c>
      <c r="GZ26" s="116">
        <v>0</v>
      </c>
      <c r="HA26" s="114">
        <v>1311332</v>
      </c>
      <c r="HB26" s="118">
        <v>2549254</v>
      </c>
      <c r="HC26" s="112">
        <v>1347106</v>
      </c>
      <c r="HD26" s="116">
        <v>1811412</v>
      </c>
      <c r="HE26" s="114">
        <v>3158518</v>
      </c>
      <c r="HF26" s="113">
        <v>0</v>
      </c>
      <c r="HG26" s="116">
        <v>9421563</v>
      </c>
      <c r="HH26" s="116">
        <v>12217696</v>
      </c>
      <c r="HI26" s="116">
        <v>9916761</v>
      </c>
      <c r="HJ26" s="116">
        <v>10174874</v>
      </c>
      <c r="HK26" s="116">
        <v>10480867</v>
      </c>
      <c r="HL26" s="115">
        <v>52211761</v>
      </c>
      <c r="HM26" s="111">
        <v>55370279</v>
      </c>
      <c r="HN26" s="117">
        <v>1177402</v>
      </c>
      <c r="HO26" s="116">
        <v>1941396</v>
      </c>
      <c r="HP26" s="115">
        <v>3118798</v>
      </c>
      <c r="HQ26" s="112">
        <v>0</v>
      </c>
      <c r="HR26" s="116">
        <v>10686579</v>
      </c>
      <c r="HS26" s="116">
        <v>12962399</v>
      </c>
      <c r="HT26" s="116">
        <v>8134226</v>
      </c>
      <c r="HU26" s="116">
        <v>5370975</v>
      </c>
      <c r="HV26" s="116">
        <v>2858441</v>
      </c>
      <c r="HW26" s="114">
        <v>40012620</v>
      </c>
      <c r="HX26" s="118">
        <v>43131418</v>
      </c>
      <c r="HY26" s="167">
        <v>46943</v>
      </c>
      <c r="HZ26" s="152">
        <v>84068</v>
      </c>
      <c r="IA26" s="167">
        <v>131011</v>
      </c>
      <c r="IB26" s="151">
        <v>0</v>
      </c>
      <c r="IC26" s="152">
        <v>13768268</v>
      </c>
      <c r="ID26" s="153">
        <v>20665271</v>
      </c>
      <c r="IE26" s="154">
        <v>17683257</v>
      </c>
      <c r="IF26" s="152">
        <v>9834430</v>
      </c>
      <c r="IG26" s="154">
        <v>9328549</v>
      </c>
      <c r="IH26" s="155">
        <v>71279775</v>
      </c>
      <c r="II26" s="167">
        <v>71410786</v>
      </c>
      <c r="IJ26" s="261">
        <v>0</v>
      </c>
      <c r="IK26" s="268">
        <v>0</v>
      </c>
      <c r="IL26" s="269">
        <v>0</v>
      </c>
      <c r="IM26" s="157"/>
      <c r="IN26" s="122">
        <v>84781</v>
      </c>
      <c r="IO26" s="122">
        <v>488807</v>
      </c>
      <c r="IP26" s="122">
        <v>167733</v>
      </c>
      <c r="IQ26" s="122">
        <v>477126</v>
      </c>
      <c r="IR26" s="122">
        <v>795137</v>
      </c>
      <c r="IS26" s="158">
        <v>2013584</v>
      </c>
      <c r="IT26" s="357">
        <v>2013584</v>
      </c>
      <c r="IU26" s="159">
        <v>0</v>
      </c>
      <c r="IV26" s="122">
        <v>0</v>
      </c>
      <c r="IW26" s="123">
        <v>0</v>
      </c>
      <c r="IX26" s="161"/>
      <c r="IY26" s="122">
        <v>0</v>
      </c>
      <c r="IZ26" s="122">
        <v>0</v>
      </c>
      <c r="JA26" s="122">
        <v>0</v>
      </c>
      <c r="JB26" s="122">
        <v>0</v>
      </c>
      <c r="JC26" s="122">
        <v>0</v>
      </c>
      <c r="JD26" s="123">
        <v>0</v>
      </c>
      <c r="JE26" s="124">
        <v>0</v>
      </c>
      <c r="JF26" s="159">
        <v>0</v>
      </c>
      <c r="JG26" s="122">
        <v>0</v>
      </c>
      <c r="JH26" s="158">
        <v>0</v>
      </c>
      <c r="JI26" s="121">
        <v>0</v>
      </c>
      <c r="JJ26" s="122">
        <v>7208819</v>
      </c>
      <c r="JK26" s="122">
        <v>10760417</v>
      </c>
      <c r="JL26" s="122">
        <v>6465396</v>
      </c>
      <c r="JM26" s="122">
        <v>3002383</v>
      </c>
      <c r="JN26" s="122">
        <v>2304312</v>
      </c>
      <c r="JO26" s="123">
        <v>29741327</v>
      </c>
      <c r="JP26" s="357">
        <v>29741327</v>
      </c>
      <c r="JQ26" s="159">
        <v>0</v>
      </c>
      <c r="JR26" s="122">
        <v>0</v>
      </c>
      <c r="JS26" s="158">
        <v>0</v>
      </c>
      <c r="JT26" s="121">
        <v>0</v>
      </c>
      <c r="JU26" s="122">
        <v>0</v>
      </c>
      <c r="JV26" s="122">
        <v>0</v>
      </c>
      <c r="JW26" s="122">
        <v>0</v>
      </c>
      <c r="JX26" s="122">
        <v>0</v>
      </c>
      <c r="JY26" s="122">
        <v>0</v>
      </c>
      <c r="JZ26" s="123">
        <v>0</v>
      </c>
      <c r="KA26" s="357">
        <v>0</v>
      </c>
      <c r="KB26" s="264">
        <v>46943</v>
      </c>
      <c r="KC26" s="258">
        <v>84068</v>
      </c>
      <c r="KD26" s="123">
        <v>131011</v>
      </c>
      <c r="KE26" s="121">
        <v>0</v>
      </c>
      <c r="KF26" s="122">
        <v>2021122</v>
      </c>
      <c r="KG26" s="122">
        <v>1960089</v>
      </c>
      <c r="KH26" s="122">
        <v>4475971</v>
      </c>
      <c r="KI26" s="122">
        <v>2353592</v>
      </c>
      <c r="KJ26" s="122">
        <v>1311833</v>
      </c>
      <c r="KK26" s="123">
        <v>12122607</v>
      </c>
      <c r="KL26" s="160">
        <v>12253618</v>
      </c>
      <c r="KM26" s="261">
        <v>0</v>
      </c>
      <c r="KN26" s="268">
        <v>0</v>
      </c>
      <c r="KO26" s="269">
        <v>0</v>
      </c>
      <c r="KP26" s="157"/>
      <c r="KQ26" s="122">
        <v>4247857</v>
      </c>
      <c r="KR26" s="122">
        <v>6870736</v>
      </c>
      <c r="KS26" s="122">
        <v>6025309</v>
      </c>
      <c r="KT26" s="122">
        <v>3696844</v>
      </c>
      <c r="KU26" s="122">
        <v>2172830</v>
      </c>
      <c r="KV26" s="123">
        <v>23013576</v>
      </c>
      <c r="KW26" s="357">
        <v>23013576</v>
      </c>
      <c r="KX26" s="159">
        <v>0</v>
      </c>
      <c r="KY26" s="122">
        <v>0</v>
      </c>
      <c r="KZ26" s="123">
        <v>0</v>
      </c>
      <c r="LA26" s="162"/>
      <c r="LB26" s="122">
        <v>0</v>
      </c>
      <c r="LC26" s="122">
        <v>0</v>
      </c>
      <c r="LD26" s="122">
        <v>0</v>
      </c>
      <c r="LE26" s="122">
        <v>0</v>
      </c>
      <c r="LF26" s="122">
        <v>0</v>
      </c>
      <c r="LG26" s="123">
        <v>0</v>
      </c>
      <c r="LH26" s="124">
        <v>0</v>
      </c>
      <c r="LI26" s="159">
        <v>0</v>
      </c>
      <c r="LJ26" s="122">
        <v>0</v>
      </c>
      <c r="LK26" s="123">
        <v>0</v>
      </c>
      <c r="LL26" s="162"/>
      <c r="LM26" s="122">
        <v>0</v>
      </c>
      <c r="LN26" s="122">
        <v>0</v>
      </c>
      <c r="LO26" s="122">
        <v>0</v>
      </c>
      <c r="LP26" s="122">
        <v>0</v>
      </c>
      <c r="LQ26" s="122">
        <v>0</v>
      </c>
      <c r="LR26" s="123">
        <v>0</v>
      </c>
      <c r="LS26" s="357">
        <v>0</v>
      </c>
      <c r="LT26" s="159">
        <v>0</v>
      </c>
      <c r="LU26" s="122">
        <v>0</v>
      </c>
      <c r="LV26" s="123">
        <v>0</v>
      </c>
      <c r="LW26" s="162"/>
      <c r="LX26" s="122">
        <v>205689</v>
      </c>
      <c r="LY26" s="122">
        <v>585222</v>
      </c>
      <c r="LZ26" s="122">
        <v>548848</v>
      </c>
      <c r="MA26" s="122">
        <v>304485</v>
      </c>
      <c r="MB26" s="122">
        <v>2744437</v>
      </c>
      <c r="MC26" s="123">
        <v>4388681</v>
      </c>
      <c r="MD26" s="124">
        <v>4388681</v>
      </c>
      <c r="ME26" s="159">
        <v>0</v>
      </c>
      <c r="MF26" s="122">
        <v>0</v>
      </c>
      <c r="MG26" s="123">
        <v>0</v>
      </c>
      <c r="MH26" s="162"/>
      <c r="MI26" s="122">
        <v>6104297</v>
      </c>
      <c r="MJ26" s="122">
        <v>12025208</v>
      </c>
      <c r="MK26" s="122">
        <v>55940249</v>
      </c>
      <c r="ML26" s="122">
        <v>69338456</v>
      </c>
      <c r="MM26" s="122">
        <v>52717819</v>
      </c>
      <c r="MN26" s="123">
        <v>196126029</v>
      </c>
      <c r="MO26" s="160">
        <v>196126029</v>
      </c>
      <c r="MP26" s="159">
        <v>0</v>
      </c>
      <c r="MQ26" s="122">
        <v>0</v>
      </c>
      <c r="MR26" s="123">
        <v>0</v>
      </c>
      <c r="MS26" s="162"/>
      <c r="MT26" s="122">
        <v>692562</v>
      </c>
      <c r="MU26" s="122">
        <v>3047667</v>
      </c>
      <c r="MV26" s="122">
        <v>43685393</v>
      </c>
      <c r="MW26" s="122">
        <v>51573741</v>
      </c>
      <c r="MX26" s="122">
        <v>41565271</v>
      </c>
      <c r="MY26" s="123">
        <v>140564634</v>
      </c>
      <c r="MZ26" s="160">
        <v>140564634</v>
      </c>
      <c r="NA26" s="159">
        <v>0</v>
      </c>
      <c r="NB26" s="122">
        <v>0</v>
      </c>
      <c r="NC26" s="123">
        <v>0</v>
      </c>
      <c r="ND26" s="162"/>
      <c r="NE26" s="122">
        <v>5411735</v>
      </c>
      <c r="NF26" s="122">
        <v>8977541</v>
      </c>
      <c r="NG26" s="122">
        <v>11514285</v>
      </c>
      <c r="NH26" s="122">
        <v>14798367</v>
      </c>
      <c r="NI26" s="122">
        <v>8051237</v>
      </c>
      <c r="NJ26" s="123">
        <v>48753165</v>
      </c>
      <c r="NK26" s="357">
        <v>48753165</v>
      </c>
      <c r="NL26" s="159">
        <v>0</v>
      </c>
      <c r="NM26" s="122">
        <v>0</v>
      </c>
      <c r="NN26" s="123">
        <v>0</v>
      </c>
      <c r="NO26" s="162"/>
      <c r="NP26" s="122">
        <v>0</v>
      </c>
      <c r="NQ26" s="122">
        <v>0</v>
      </c>
      <c r="NR26" s="122">
        <v>362074</v>
      </c>
      <c r="NS26" s="122">
        <v>55822</v>
      </c>
      <c r="NT26" s="122">
        <v>1134440</v>
      </c>
      <c r="NU26" s="123">
        <v>1552336</v>
      </c>
      <c r="NV26" s="124">
        <v>1552336</v>
      </c>
      <c r="NW26" s="159">
        <v>0</v>
      </c>
      <c r="NX26" s="122">
        <v>0</v>
      </c>
      <c r="NY26" s="123">
        <v>0</v>
      </c>
      <c r="NZ26" s="162"/>
      <c r="OA26" s="122">
        <v>0</v>
      </c>
      <c r="OB26" s="122">
        <v>0</v>
      </c>
      <c r="OC26" s="122">
        <v>378497</v>
      </c>
      <c r="OD26" s="122">
        <v>2910526</v>
      </c>
      <c r="OE26" s="122">
        <v>1966871</v>
      </c>
      <c r="OF26" s="123">
        <v>5255894</v>
      </c>
      <c r="OG26" s="124">
        <v>5255894</v>
      </c>
      <c r="OH26" s="159">
        <v>6572363</v>
      </c>
      <c r="OI26" s="122">
        <v>13348360</v>
      </c>
      <c r="OJ26" s="158">
        <v>19920723</v>
      </c>
      <c r="OK26" s="121">
        <v>0</v>
      </c>
      <c r="OL26" s="122">
        <v>81381451</v>
      </c>
      <c r="OM26" s="122">
        <v>131226769</v>
      </c>
      <c r="ON26" s="122">
        <v>154282990</v>
      </c>
      <c r="OO26" s="122">
        <v>149990994</v>
      </c>
      <c r="OP26" s="122">
        <v>113687168</v>
      </c>
      <c r="OQ26" s="123">
        <v>630569372</v>
      </c>
      <c r="OR26" s="160">
        <v>650490095</v>
      </c>
    </row>
    <row r="27" spans="1:408" ht="18.75" customHeight="1" x14ac:dyDescent="0.2">
      <c r="A27" s="62" t="s">
        <v>22</v>
      </c>
      <c r="B27" s="112">
        <v>1099516</v>
      </c>
      <c r="C27" s="116">
        <v>3599597</v>
      </c>
      <c r="D27" s="115">
        <v>4699113</v>
      </c>
      <c r="E27" s="111">
        <v>0</v>
      </c>
      <c r="F27" s="116">
        <v>25471498</v>
      </c>
      <c r="G27" s="116">
        <v>30066361</v>
      </c>
      <c r="H27" s="116">
        <v>19997674</v>
      </c>
      <c r="I27" s="116">
        <v>22278380</v>
      </c>
      <c r="J27" s="116">
        <v>16210641</v>
      </c>
      <c r="K27" s="200">
        <v>114024554</v>
      </c>
      <c r="L27" s="118">
        <v>118723667</v>
      </c>
      <c r="M27" s="112">
        <v>115385</v>
      </c>
      <c r="N27" s="116">
        <v>499743</v>
      </c>
      <c r="O27" s="115">
        <v>615128</v>
      </c>
      <c r="P27" s="112">
        <v>0</v>
      </c>
      <c r="Q27" s="116">
        <v>4523656</v>
      </c>
      <c r="R27" s="116">
        <v>7341777</v>
      </c>
      <c r="S27" s="116">
        <v>3557227</v>
      </c>
      <c r="T27" s="116">
        <v>6868448</v>
      </c>
      <c r="U27" s="116">
        <v>7948758</v>
      </c>
      <c r="V27" s="115">
        <v>30239866</v>
      </c>
      <c r="W27" s="118">
        <v>30854994</v>
      </c>
      <c r="X27" s="112">
        <v>0</v>
      </c>
      <c r="Y27" s="116">
        <v>0</v>
      </c>
      <c r="Z27" s="115">
        <v>0</v>
      </c>
      <c r="AA27" s="112">
        <v>0</v>
      </c>
      <c r="AB27" s="116">
        <v>2247166</v>
      </c>
      <c r="AC27" s="116">
        <v>3391307</v>
      </c>
      <c r="AD27" s="116">
        <v>1674176</v>
      </c>
      <c r="AE27" s="443">
        <v>4001140</v>
      </c>
      <c r="AF27" s="443">
        <v>4059956</v>
      </c>
      <c r="AG27" s="115">
        <v>15373745</v>
      </c>
      <c r="AH27" s="118">
        <v>15373745</v>
      </c>
      <c r="AI27" s="112">
        <v>0</v>
      </c>
      <c r="AJ27" s="116">
        <v>0</v>
      </c>
      <c r="AK27" s="115">
        <v>0</v>
      </c>
      <c r="AL27" s="112">
        <v>0</v>
      </c>
      <c r="AM27" s="116">
        <v>0</v>
      </c>
      <c r="AN27" s="116">
        <v>73008</v>
      </c>
      <c r="AO27" s="116">
        <v>300144</v>
      </c>
      <c r="AP27" s="116">
        <v>525212</v>
      </c>
      <c r="AQ27" s="116">
        <v>1444351</v>
      </c>
      <c r="AR27" s="115">
        <v>2342715</v>
      </c>
      <c r="AS27" s="118">
        <v>2342715</v>
      </c>
      <c r="AT27" s="112">
        <v>40697</v>
      </c>
      <c r="AU27" s="116">
        <v>323203</v>
      </c>
      <c r="AV27" s="115">
        <v>363900</v>
      </c>
      <c r="AW27" s="112">
        <v>0</v>
      </c>
      <c r="AX27" s="116">
        <v>1273207</v>
      </c>
      <c r="AY27" s="116">
        <v>2578487</v>
      </c>
      <c r="AZ27" s="116">
        <v>743836</v>
      </c>
      <c r="BA27" s="116">
        <v>1448659</v>
      </c>
      <c r="BB27" s="116">
        <v>2024140</v>
      </c>
      <c r="BC27" s="115">
        <v>8068329</v>
      </c>
      <c r="BD27" s="118">
        <v>8432229</v>
      </c>
      <c r="BE27" s="112">
        <v>46950</v>
      </c>
      <c r="BF27" s="116">
        <v>47889</v>
      </c>
      <c r="BG27" s="114">
        <v>94839</v>
      </c>
      <c r="BH27" s="113">
        <v>0</v>
      </c>
      <c r="BI27" s="116">
        <v>234448</v>
      </c>
      <c r="BJ27" s="116">
        <v>342649</v>
      </c>
      <c r="BK27" s="116">
        <v>207098</v>
      </c>
      <c r="BL27" s="116">
        <v>96022</v>
      </c>
      <c r="BM27" s="116">
        <v>87213</v>
      </c>
      <c r="BN27" s="115">
        <v>967430</v>
      </c>
      <c r="BO27" s="118">
        <v>1062269</v>
      </c>
      <c r="BP27" s="112">
        <v>27738</v>
      </c>
      <c r="BQ27" s="116">
        <v>128651</v>
      </c>
      <c r="BR27" s="115">
        <v>156389</v>
      </c>
      <c r="BS27" s="112">
        <v>0</v>
      </c>
      <c r="BT27" s="116">
        <v>768835</v>
      </c>
      <c r="BU27" s="116">
        <v>956326</v>
      </c>
      <c r="BV27" s="116">
        <v>631973</v>
      </c>
      <c r="BW27" s="116">
        <v>797415</v>
      </c>
      <c r="BX27" s="116">
        <v>333098</v>
      </c>
      <c r="BY27" s="115">
        <v>3487647</v>
      </c>
      <c r="BZ27" s="118">
        <v>3644036</v>
      </c>
      <c r="CA27" s="112">
        <v>21857</v>
      </c>
      <c r="CB27" s="116">
        <v>344712</v>
      </c>
      <c r="CC27" s="115">
        <v>366569</v>
      </c>
      <c r="CD27" s="112">
        <v>0</v>
      </c>
      <c r="CE27" s="443">
        <v>7740682</v>
      </c>
      <c r="CF27" s="443">
        <v>8525820</v>
      </c>
      <c r="CG27" s="443">
        <v>4117013</v>
      </c>
      <c r="CH27" s="116">
        <v>4282295</v>
      </c>
      <c r="CI27" s="116">
        <v>1802926</v>
      </c>
      <c r="CJ27" s="451">
        <v>26468736</v>
      </c>
      <c r="CK27" s="452">
        <v>26835305</v>
      </c>
      <c r="CL27" s="112">
        <v>0</v>
      </c>
      <c r="CM27" s="116">
        <v>0</v>
      </c>
      <c r="CN27" s="115">
        <v>0</v>
      </c>
      <c r="CO27" s="113">
        <v>0</v>
      </c>
      <c r="CP27" s="116">
        <v>6725405</v>
      </c>
      <c r="CQ27" s="116">
        <v>7342298</v>
      </c>
      <c r="CR27" s="116">
        <v>2964403</v>
      </c>
      <c r="CS27" s="116">
        <v>3309560</v>
      </c>
      <c r="CT27" s="116">
        <v>1306364</v>
      </c>
      <c r="CU27" s="115">
        <v>21648030</v>
      </c>
      <c r="CV27" s="118">
        <v>21648030</v>
      </c>
      <c r="CW27" s="112">
        <v>21857</v>
      </c>
      <c r="CX27" s="116">
        <v>344712</v>
      </c>
      <c r="CY27" s="115">
        <v>366569</v>
      </c>
      <c r="CZ27" s="112">
        <v>0</v>
      </c>
      <c r="DA27" s="116">
        <v>1015277</v>
      </c>
      <c r="DB27" s="116">
        <v>1183522</v>
      </c>
      <c r="DC27" s="116">
        <v>1152610</v>
      </c>
      <c r="DD27" s="116">
        <v>972735</v>
      </c>
      <c r="DE27" s="116">
        <v>496562</v>
      </c>
      <c r="DF27" s="115">
        <v>4820706</v>
      </c>
      <c r="DG27" s="118">
        <v>5187275</v>
      </c>
      <c r="DH27" s="112">
        <v>7805</v>
      </c>
      <c r="DI27" s="116">
        <v>184048</v>
      </c>
      <c r="DJ27" s="114">
        <v>191853</v>
      </c>
      <c r="DK27" s="113">
        <v>0</v>
      </c>
      <c r="DL27" s="116">
        <v>671565</v>
      </c>
      <c r="DM27" s="116">
        <v>1422181</v>
      </c>
      <c r="DN27" s="116">
        <v>4169850</v>
      </c>
      <c r="DO27" s="116">
        <v>1716554</v>
      </c>
      <c r="DP27" s="116">
        <v>1473476</v>
      </c>
      <c r="DQ27" s="115">
        <v>9453626</v>
      </c>
      <c r="DR27" s="118">
        <v>9645479</v>
      </c>
      <c r="DS27" s="112">
        <v>7805</v>
      </c>
      <c r="DT27" s="116">
        <v>184048</v>
      </c>
      <c r="DU27" s="115">
        <v>191853</v>
      </c>
      <c r="DV27" s="112">
        <v>0</v>
      </c>
      <c r="DW27" s="116">
        <v>640407</v>
      </c>
      <c r="DX27" s="116">
        <v>1370638</v>
      </c>
      <c r="DY27" s="116">
        <v>3854176</v>
      </c>
      <c r="DZ27" s="116">
        <v>1614980</v>
      </c>
      <c r="EA27" s="116">
        <v>1259989</v>
      </c>
      <c r="EB27" s="115">
        <v>8740190</v>
      </c>
      <c r="EC27" s="118">
        <v>8932043</v>
      </c>
      <c r="ED27" s="112">
        <v>0</v>
      </c>
      <c r="EE27" s="114">
        <v>0</v>
      </c>
      <c r="EF27" s="115">
        <v>0</v>
      </c>
      <c r="EG27" s="112">
        <v>0</v>
      </c>
      <c r="EH27" s="116">
        <v>31158</v>
      </c>
      <c r="EI27" s="116">
        <v>51543</v>
      </c>
      <c r="EJ27" s="116">
        <v>315674</v>
      </c>
      <c r="EK27" s="116">
        <v>101574</v>
      </c>
      <c r="EL27" s="116">
        <v>213487</v>
      </c>
      <c r="EM27" s="114">
        <v>713436</v>
      </c>
      <c r="EN27" s="118">
        <v>713436</v>
      </c>
      <c r="EO27" s="112">
        <v>0</v>
      </c>
      <c r="EP27" s="116">
        <v>0</v>
      </c>
      <c r="EQ27" s="114">
        <v>0</v>
      </c>
      <c r="ER27" s="113">
        <v>0</v>
      </c>
      <c r="ES27" s="116">
        <v>0</v>
      </c>
      <c r="ET27" s="116">
        <v>0</v>
      </c>
      <c r="EU27" s="116">
        <v>0</v>
      </c>
      <c r="EV27" s="116">
        <v>0</v>
      </c>
      <c r="EW27" s="116">
        <v>0</v>
      </c>
      <c r="EX27" s="115">
        <v>0</v>
      </c>
      <c r="EY27" s="118">
        <v>0</v>
      </c>
      <c r="EZ27" s="112">
        <v>0</v>
      </c>
      <c r="FA27" s="116">
        <v>0</v>
      </c>
      <c r="FB27" s="114">
        <v>0</v>
      </c>
      <c r="FC27" s="390"/>
      <c r="FD27" s="116">
        <v>0</v>
      </c>
      <c r="FE27" s="116">
        <v>0</v>
      </c>
      <c r="FF27" s="116">
        <v>0</v>
      </c>
      <c r="FG27" s="116">
        <v>0</v>
      </c>
      <c r="FH27" s="116">
        <v>0</v>
      </c>
      <c r="FI27" s="115">
        <v>0</v>
      </c>
      <c r="FJ27" s="118">
        <v>0</v>
      </c>
      <c r="FK27" s="112">
        <v>385214</v>
      </c>
      <c r="FL27" s="116">
        <v>1341061</v>
      </c>
      <c r="FM27" s="115">
        <v>1726275</v>
      </c>
      <c r="FN27" s="112">
        <v>0</v>
      </c>
      <c r="FO27" s="116">
        <v>1946822</v>
      </c>
      <c r="FP27" s="116">
        <v>2617745</v>
      </c>
      <c r="FQ27" s="116">
        <v>1757301</v>
      </c>
      <c r="FR27" s="116">
        <v>2252922</v>
      </c>
      <c r="FS27" s="116">
        <v>1533265</v>
      </c>
      <c r="FT27" s="115">
        <v>10108055</v>
      </c>
      <c r="FU27" s="118">
        <v>11834330</v>
      </c>
      <c r="FV27" s="117">
        <v>213777</v>
      </c>
      <c r="FW27" s="116">
        <v>801113</v>
      </c>
      <c r="FX27" s="114">
        <v>1014890</v>
      </c>
      <c r="FY27" s="113">
        <v>0</v>
      </c>
      <c r="FZ27" s="116">
        <v>1291437</v>
      </c>
      <c r="GA27" s="116">
        <v>2589845</v>
      </c>
      <c r="GB27" s="116">
        <v>1632840</v>
      </c>
      <c r="GC27" s="116">
        <v>1761540</v>
      </c>
      <c r="GD27" s="116">
        <v>1519945</v>
      </c>
      <c r="GE27" s="115">
        <v>8795607</v>
      </c>
      <c r="GF27" s="354">
        <v>9810497</v>
      </c>
      <c r="GG27" s="117">
        <v>37080</v>
      </c>
      <c r="GH27" s="116">
        <v>80462</v>
      </c>
      <c r="GI27" s="114">
        <v>117542</v>
      </c>
      <c r="GJ27" s="113">
        <v>0</v>
      </c>
      <c r="GK27" s="116">
        <v>153514</v>
      </c>
      <c r="GL27" s="116">
        <v>27900</v>
      </c>
      <c r="GM27" s="116">
        <v>0</v>
      </c>
      <c r="GN27" s="116">
        <v>54252</v>
      </c>
      <c r="GO27" s="116">
        <v>13320</v>
      </c>
      <c r="GP27" s="115">
        <v>248986</v>
      </c>
      <c r="GQ27" s="118">
        <v>366528</v>
      </c>
      <c r="GR27" s="112">
        <v>134357</v>
      </c>
      <c r="GS27" s="116">
        <v>459486</v>
      </c>
      <c r="GT27" s="115">
        <v>593843</v>
      </c>
      <c r="GU27" s="112">
        <v>0</v>
      </c>
      <c r="GV27" s="116">
        <v>501871</v>
      </c>
      <c r="GW27" s="116">
        <v>0</v>
      </c>
      <c r="GX27" s="116">
        <v>124461</v>
      </c>
      <c r="GY27" s="116">
        <v>437130</v>
      </c>
      <c r="GZ27" s="116">
        <v>0</v>
      </c>
      <c r="HA27" s="114">
        <v>1063462</v>
      </c>
      <c r="HB27" s="118">
        <v>1657305</v>
      </c>
      <c r="HC27" s="112">
        <v>347255</v>
      </c>
      <c r="HD27" s="116">
        <v>564378</v>
      </c>
      <c r="HE27" s="114">
        <v>911633</v>
      </c>
      <c r="HF27" s="113">
        <v>0</v>
      </c>
      <c r="HG27" s="116">
        <v>5348858</v>
      </c>
      <c r="HH27" s="116">
        <v>5639428</v>
      </c>
      <c r="HI27" s="116">
        <v>4142766</v>
      </c>
      <c r="HJ27" s="116">
        <v>5276103</v>
      </c>
      <c r="HK27" s="116">
        <v>2255634</v>
      </c>
      <c r="HL27" s="115">
        <v>22662789</v>
      </c>
      <c r="HM27" s="111">
        <v>23574422</v>
      </c>
      <c r="HN27" s="117">
        <v>222000</v>
      </c>
      <c r="HO27" s="116">
        <v>665655</v>
      </c>
      <c r="HP27" s="115">
        <v>887655</v>
      </c>
      <c r="HQ27" s="112">
        <v>0</v>
      </c>
      <c r="HR27" s="116">
        <v>5239915</v>
      </c>
      <c r="HS27" s="116">
        <v>4519410</v>
      </c>
      <c r="HT27" s="116">
        <v>2253517</v>
      </c>
      <c r="HU27" s="116">
        <v>1882058</v>
      </c>
      <c r="HV27" s="116">
        <v>1196582</v>
      </c>
      <c r="HW27" s="114">
        <v>15091482</v>
      </c>
      <c r="HX27" s="118">
        <v>15979137</v>
      </c>
      <c r="HY27" s="148">
        <v>68520</v>
      </c>
      <c r="HZ27" s="149">
        <v>326872</v>
      </c>
      <c r="IA27" s="150">
        <v>395392</v>
      </c>
      <c r="IB27" s="163">
        <v>0</v>
      </c>
      <c r="IC27" s="149">
        <v>11594088</v>
      </c>
      <c r="ID27" s="164">
        <v>12919472</v>
      </c>
      <c r="IE27" s="150">
        <v>11268797</v>
      </c>
      <c r="IF27" s="149">
        <v>11901971</v>
      </c>
      <c r="IG27" s="150">
        <v>5880817</v>
      </c>
      <c r="IH27" s="165">
        <v>53565145</v>
      </c>
      <c r="II27" s="156">
        <v>53960537</v>
      </c>
      <c r="IJ27" s="261">
        <v>0</v>
      </c>
      <c r="IK27" s="268">
        <v>0</v>
      </c>
      <c r="IL27" s="269">
        <v>0</v>
      </c>
      <c r="IM27" s="157"/>
      <c r="IN27" s="122">
        <v>211643</v>
      </c>
      <c r="IO27" s="122">
        <v>508040</v>
      </c>
      <c r="IP27" s="122">
        <v>487665</v>
      </c>
      <c r="IQ27" s="122">
        <v>224271</v>
      </c>
      <c r="IR27" s="122">
        <v>0</v>
      </c>
      <c r="IS27" s="158">
        <v>1431619</v>
      </c>
      <c r="IT27" s="357">
        <v>1431619</v>
      </c>
      <c r="IU27" s="159">
        <v>0</v>
      </c>
      <c r="IV27" s="122">
        <v>0</v>
      </c>
      <c r="IW27" s="123">
        <v>0</v>
      </c>
      <c r="IX27" s="161"/>
      <c r="IY27" s="122">
        <v>0</v>
      </c>
      <c r="IZ27" s="122">
        <v>0</v>
      </c>
      <c r="JA27" s="122">
        <v>0</v>
      </c>
      <c r="JB27" s="122">
        <v>0</v>
      </c>
      <c r="JC27" s="122">
        <v>0</v>
      </c>
      <c r="JD27" s="123">
        <v>0</v>
      </c>
      <c r="JE27" s="124">
        <v>0</v>
      </c>
      <c r="JF27" s="159">
        <v>0</v>
      </c>
      <c r="JG27" s="122">
        <v>0</v>
      </c>
      <c r="JH27" s="158">
        <v>0</v>
      </c>
      <c r="JI27" s="121">
        <v>0</v>
      </c>
      <c r="JJ27" s="122">
        <v>5498037</v>
      </c>
      <c r="JK27" s="122">
        <v>5728304</v>
      </c>
      <c r="JL27" s="122">
        <v>3236854</v>
      </c>
      <c r="JM27" s="122">
        <v>2356182</v>
      </c>
      <c r="JN27" s="122">
        <v>1090269</v>
      </c>
      <c r="JO27" s="123">
        <v>17909646</v>
      </c>
      <c r="JP27" s="357">
        <v>17909646</v>
      </c>
      <c r="JQ27" s="159">
        <v>0</v>
      </c>
      <c r="JR27" s="122">
        <v>0</v>
      </c>
      <c r="JS27" s="158">
        <v>0</v>
      </c>
      <c r="JT27" s="121">
        <v>0</v>
      </c>
      <c r="JU27" s="122">
        <v>567970</v>
      </c>
      <c r="JV27" s="122">
        <v>762975</v>
      </c>
      <c r="JW27" s="122">
        <v>365437</v>
      </c>
      <c r="JX27" s="122">
        <v>239301</v>
      </c>
      <c r="JY27" s="122">
        <v>325017</v>
      </c>
      <c r="JZ27" s="123">
        <v>2260700</v>
      </c>
      <c r="KA27" s="357">
        <v>2260700</v>
      </c>
      <c r="KB27" s="264">
        <v>68520</v>
      </c>
      <c r="KC27" s="258">
        <v>326872</v>
      </c>
      <c r="KD27" s="123">
        <v>395392</v>
      </c>
      <c r="KE27" s="121">
        <v>0</v>
      </c>
      <c r="KF27" s="122">
        <v>2540920</v>
      </c>
      <c r="KG27" s="122">
        <v>1666014</v>
      </c>
      <c r="KH27" s="122">
        <v>3301416</v>
      </c>
      <c r="KI27" s="122">
        <v>1543410</v>
      </c>
      <c r="KJ27" s="122">
        <v>1368216</v>
      </c>
      <c r="KK27" s="123">
        <v>10419976</v>
      </c>
      <c r="KL27" s="160">
        <v>10815368</v>
      </c>
      <c r="KM27" s="261">
        <v>0</v>
      </c>
      <c r="KN27" s="268">
        <v>0</v>
      </c>
      <c r="KO27" s="269">
        <v>0</v>
      </c>
      <c r="KP27" s="157"/>
      <c r="KQ27" s="122">
        <v>2775518</v>
      </c>
      <c r="KR27" s="122">
        <v>4254139</v>
      </c>
      <c r="KS27" s="122">
        <v>3111453</v>
      </c>
      <c r="KT27" s="122">
        <v>2188654</v>
      </c>
      <c r="KU27" s="122">
        <v>956324</v>
      </c>
      <c r="KV27" s="123">
        <v>13286088</v>
      </c>
      <c r="KW27" s="357">
        <v>13286088</v>
      </c>
      <c r="KX27" s="159">
        <v>0</v>
      </c>
      <c r="KY27" s="122">
        <v>0</v>
      </c>
      <c r="KZ27" s="123">
        <v>0</v>
      </c>
      <c r="LA27" s="162"/>
      <c r="LB27" s="122">
        <v>0</v>
      </c>
      <c r="LC27" s="122">
        <v>0</v>
      </c>
      <c r="LD27" s="122">
        <v>0</v>
      </c>
      <c r="LE27" s="122">
        <v>0</v>
      </c>
      <c r="LF27" s="122">
        <v>0</v>
      </c>
      <c r="LG27" s="123">
        <v>0</v>
      </c>
      <c r="LH27" s="124">
        <v>0</v>
      </c>
      <c r="LI27" s="159">
        <v>0</v>
      </c>
      <c r="LJ27" s="122">
        <v>0</v>
      </c>
      <c r="LK27" s="123">
        <v>0</v>
      </c>
      <c r="LL27" s="162"/>
      <c r="LM27" s="122">
        <v>0</v>
      </c>
      <c r="LN27" s="122">
        <v>0</v>
      </c>
      <c r="LO27" s="122">
        <v>765972</v>
      </c>
      <c r="LP27" s="122">
        <v>5350153</v>
      </c>
      <c r="LQ27" s="122">
        <v>2140991</v>
      </c>
      <c r="LR27" s="123">
        <v>8257116</v>
      </c>
      <c r="LS27" s="357">
        <v>8257116</v>
      </c>
      <c r="LT27" s="159">
        <v>0</v>
      </c>
      <c r="LU27" s="122">
        <v>0</v>
      </c>
      <c r="LV27" s="123">
        <v>0</v>
      </c>
      <c r="LW27" s="162"/>
      <c r="LX27" s="122">
        <v>0</v>
      </c>
      <c r="LY27" s="122">
        <v>0</v>
      </c>
      <c r="LZ27" s="122">
        <v>0</v>
      </c>
      <c r="MA27" s="122">
        <v>0</v>
      </c>
      <c r="MB27" s="122">
        <v>0</v>
      </c>
      <c r="MC27" s="123">
        <v>0</v>
      </c>
      <c r="MD27" s="124">
        <v>0</v>
      </c>
      <c r="ME27" s="159">
        <v>0</v>
      </c>
      <c r="MF27" s="122">
        <v>0</v>
      </c>
      <c r="MG27" s="123">
        <v>0</v>
      </c>
      <c r="MH27" s="162"/>
      <c r="MI27" s="122">
        <v>3829133</v>
      </c>
      <c r="MJ27" s="122">
        <v>8637236</v>
      </c>
      <c r="MK27" s="122">
        <v>19263563</v>
      </c>
      <c r="ML27" s="122">
        <v>28078548</v>
      </c>
      <c r="MM27" s="122">
        <v>19708282</v>
      </c>
      <c r="MN27" s="123">
        <v>79516762</v>
      </c>
      <c r="MO27" s="160">
        <v>79516762</v>
      </c>
      <c r="MP27" s="159">
        <v>0</v>
      </c>
      <c r="MQ27" s="122">
        <v>0</v>
      </c>
      <c r="MR27" s="123">
        <v>0</v>
      </c>
      <c r="MS27" s="162"/>
      <c r="MT27" s="122">
        <v>471848</v>
      </c>
      <c r="MU27" s="122">
        <v>1544625</v>
      </c>
      <c r="MV27" s="122">
        <v>10167726</v>
      </c>
      <c r="MW27" s="122">
        <v>16411203</v>
      </c>
      <c r="MX27" s="122">
        <v>9460817</v>
      </c>
      <c r="MY27" s="123">
        <v>38056219</v>
      </c>
      <c r="MZ27" s="160">
        <v>38056219</v>
      </c>
      <c r="NA27" s="159">
        <v>0</v>
      </c>
      <c r="NB27" s="122">
        <v>0</v>
      </c>
      <c r="NC27" s="123">
        <v>0</v>
      </c>
      <c r="ND27" s="162"/>
      <c r="NE27" s="122">
        <v>3357285</v>
      </c>
      <c r="NF27" s="122">
        <v>7092611</v>
      </c>
      <c r="NG27" s="122">
        <v>8614658</v>
      </c>
      <c r="NH27" s="122">
        <v>10879338</v>
      </c>
      <c r="NI27" s="122">
        <v>7024792</v>
      </c>
      <c r="NJ27" s="123">
        <v>36968684</v>
      </c>
      <c r="NK27" s="357">
        <v>36968684</v>
      </c>
      <c r="NL27" s="159">
        <v>0</v>
      </c>
      <c r="NM27" s="122">
        <v>0</v>
      </c>
      <c r="NN27" s="123">
        <v>0</v>
      </c>
      <c r="NO27" s="162"/>
      <c r="NP27" s="122">
        <v>0</v>
      </c>
      <c r="NQ27" s="122">
        <v>0</v>
      </c>
      <c r="NR27" s="122">
        <v>175872</v>
      </c>
      <c r="NS27" s="122">
        <v>0</v>
      </c>
      <c r="NT27" s="122">
        <v>2021652</v>
      </c>
      <c r="NU27" s="123">
        <v>2197524</v>
      </c>
      <c r="NV27" s="124">
        <v>2197524</v>
      </c>
      <c r="NW27" s="159">
        <v>0</v>
      </c>
      <c r="NX27" s="122">
        <v>0</v>
      </c>
      <c r="NY27" s="123">
        <v>0</v>
      </c>
      <c r="NZ27" s="162"/>
      <c r="OA27" s="122">
        <v>0</v>
      </c>
      <c r="OB27" s="122">
        <v>0</v>
      </c>
      <c r="OC27" s="122">
        <v>305307</v>
      </c>
      <c r="OD27" s="122">
        <v>788007</v>
      </c>
      <c r="OE27" s="122">
        <v>1201021</v>
      </c>
      <c r="OF27" s="123">
        <v>2294335</v>
      </c>
      <c r="OG27" s="124">
        <v>2294335</v>
      </c>
      <c r="OH27" s="159">
        <v>1168036</v>
      </c>
      <c r="OI27" s="122">
        <v>3926469</v>
      </c>
      <c r="OJ27" s="158">
        <v>5094505</v>
      </c>
      <c r="OK27" s="121">
        <v>0</v>
      </c>
      <c r="OL27" s="122">
        <v>40894719</v>
      </c>
      <c r="OM27" s="122">
        <v>51623069</v>
      </c>
      <c r="ON27" s="122">
        <v>50530034</v>
      </c>
      <c r="OO27" s="122">
        <v>62258899</v>
      </c>
      <c r="OP27" s="122">
        <v>41799740</v>
      </c>
      <c r="OQ27" s="123">
        <v>247106461</v>
      </c>
      <c r="OR27" s="160">
        <v>252200966</v>
      </c>
    </row>
    <row r="28" spans="1:408" ht="18.75" customHeight="1" x14ac:dyDescent="0.2">
      <c r="A28" s="62" t="s">
        <v>23</v>
      </c>
      <c r="B28" s="112">
        <v>2443883</v>
      </c>
      <c r="C28" s="116">
        <v>4776248</v>
      </c>
      <c r="D28" s="115">
        <v>7220131</v>
      </c>
      <c r="E28" s="111">
        <v>0</v>
      </c>
      <c r="F28" s="116">
        <v>48700771</v>
      </c>
      <c r="G28" s="116">
        <v>57921910</v>
      </c>
      <c r="H28" s="116">
        <v>40713987</v>
      </c>
      <c r="I28" s="116">
        <v>43701937</v>
      </c>
      <c r="J28" s="116">
        <v>29825208</v>
      </c>
      <c r="K28" s="200">
        <v>220863813</v>
      </c>
      <c r="L28" s="118">
        <v>228083944</v>
      </c>
      <c r="M28" s="112">
        <v>644222</v>
      </c>
      <c r="N28" s="116">
        <v>1000582</v>
      </c>
      <c r="O28" s="115">
        <v>1644804</v>
      </c>
      <c r="P28" s="112">
        <v>0</v>
      </c>
      <c r="Q28" s="116">
        <v>9970867</v>
      </c>
      <c r="R28" s="116">
        <v>12792459</v>
      </c>
      <c r="S28" s="116">
        <v>10329247</v>
      </c>
      <c r="T28" s="116">
        <v>12574560</v>
      </c>
      <c r="U28" s="116">
        <v>10294336</v>
      </c>
      <c r="V28" s="115">
        <v>55961469</v>
      </c>
      <c r="W28" s="118">
        <v>57606273</v>
      </c>
      <c r="X28" s="112">
        <v>0</v>
      </c>
      <c r="Y28" s="116">
        <v>0</v>
      </c>
      <c r="Z28" s="115">
        <v>0</v>
      </c>
      <c r="AA28" s="112">
        <v>0</v>
      </c>
      <c r="AB28" s="116">
        <v>5093767</v>
      </c>
      <c r="AC28" s="116">
        <v>6882135</v>
      </c>
      <c r="AD28" s="116">
        <v>6724318</v>
      </c>
      <c r="AE28" s="443">
        <v>8303365</v>
      </c>
      <c r="AF28" s="443">
        <v>6350162</v>
      </c>
      <c r="AG28" s="115">
        <v>33353747</v>
      </c>
      <c r="AH28" s="118">
        <v>33353747</v>
      </c>
      <c r="AI28" s="112">
        <v>0</v>
      </c>
      <c r="AJ28" s="116">
        <v>0</v>
      </c>
      <c r="AK28" s="115">
        <v>0</v>
      </c>
      <c r="AL28" s="112">
        <v>0</v>
      </c>
      <c r="AM28" s="116">
        <v>64758</v>
      </c>
      <c r="AN28" s="116">
        <v>42667</v>
      </c>
      <c r="AO28" s="116">
        <v>388140</v>
      </c>
      <c r="AP28" s="116">
        <v>685865</v>
      </c>
      <c r="AQ28" s="116">
        <v>789233</v>
      </c>
      <c r="AR28" s="115">
        <v>1970663</v>
      </c>
      <c r="AS28" s="118">
        <v>1970663</v>
      </c>
      <c r="AT28" s="112">
        <v>498224</v>
      </c>
      <c r="AU28" s="116">
        <v>547811</v>
      </c>
      <c r="AV28" s="115">
        <v>1046035</v>
      </c>
      <c r="AW28" s="112">
        <v>0</v>
      </c>
      <c r="AX28" s="116">
        <v>2291821</v>
      </c>
      <c r="AY28" s="116">
        <v>3257163</v>
      </c>
      <c r="AZ28" s="116">
        <v>1121742</v>
      </c>
      <c r="BA28" s="116">
        <v>1580543</v>
      </c>
      <c r="BB28" s="116">
        <v>1461110</v>
      </c>
      <c r="BC28" s="115">
        <v>9712379</v>
      </c>
      <c r="BD28" s="118">
        <v>10758414</v>
      </c>
      <c r="BE28" s="112">
        <v>0</v>
      </c>
      <c r="BF28" s="116">
        <v>301321</v>
      </c>
      <c r="BG28" s="114">
        <v>301321</v>
      </c>
      <c r="BH28" s="113">
        <v>0</v>
      </c>
      <c r="BI28" s="116">
        <v>312531</v>
      </c>
      <c r="BJ28" s="116">
        <v>571989</v>
      </c>
      <c r="BK28" s="116">
        <v>354251</v>
      </c>
      <c r="BL28" s="116">
        <v>196124</v>
      </c>
      <c r="BM28" s="116">
        <v>142563</v>
      </c>
      <c r="BN28" s="115">
        <v>1577458</v>
      </c>
      <c r="BO28" s="118">
        <v>1878779</v>
      </c>
      <c r="BP28" s="112">
        <v>145998</v>
      </c>
      <c r="BQ28" s="116">
        <v>151450</v>
      </c>
      <c r="BR28" s="115">
        <v>297448</v>
      </c>
      <c r="BS28" s="112">
        <v>0</v>
      </c>
      <c r="BT28" s="116">
        <v>2207990</v>
      </c>
      <c r="BU28" s="116">
        <v>2038505</v>
      </c>
      <c r="BV28" s="116">
        <v>1740796</v>
      </c>
      <c r="BW28" s="116">
        <v>1808663</v>
      </c>
      <c r="BX28" s="116">
        <v>1551268</v>
      </c>
      <c r="BY28" s="115">
        <v>9347222</v>
      </c>
      <c r="BZ28" s="118">
        <v>9644670</v>
      </c>
      <c r="CA28" s="112">
        <v>95568</v>
      </c>
      <c r="CB28" s="116">
        <v>546948</v>
      </c>
      <c r="CC28" s="115">
        <v>642516</v>
      </c>
      <c r="CD28" s="112">
        <v>0</v>
      </c>
      <c r="CE28" s="443">
        <v>17864698</v>
      </c>
      <c r="CF28" s="443">
        <v>20870541</v>
      </c>
      <c r="CG28" s="443">
        <v>11890934</v>
      </c>
      <c r="CH28" s="116">
        <v>10017797</v>
      </c>
      <c r="CI28" s="116">
        <v>5160419</v>
      </c>
      <c r="CJ28" s="451">
        <v>65804389</v>
      </c>
      <c r="CK28" s="452">
        <v>66446905</v>
      </c>
      <c r="CL28" s="112">
        <v>0</v>
      </c>
      <c r="CM28" s="116">
        <v>0</v>
      </c>
      <c r="CN28" s="115">
        <v>0</v>
      </c>
      <c r="CO28" s="113">
        <v>0</v>
      </c>
      <c r="CP28" s="116">
        <v>15457363</v>
      </c>
      <c r="CQ28" s="116">
        <v>16598924</v>
      </c>
      <c r="CR28" s="116">
        <v>9287911</v>
      </c>
      <c r="CS28" s="116">
        <v>7750120</v>
      </c>
      <c r="CT28" s="116">
        <v>4495141</v>
      </c>
      <c r="CU28" s="115">
        <v>53589459</v>
      </c>
      <c r="CV28" s="118">
        <v>53589459</v>
      </c>
      <c r="CW28" s="112">
        <v>95568</v>
      </c>
      <c r="CX28" s="116">
        <v>546948</v>
      </c>
      <c r="CY28" s="115">
        <v>642516</v>
      </c>
      <c r="CZ28" s="112">
        <v>0</v>
      </c>
      <c r="DA28" s="116">
        <v>2407335</v>
      </c>
      <c r="DB28" s="116">
        <v>4271617</v>
      </c>
      <c r="DC28" s="116">
        <v>2603023</v>
      </c>
      <c r="DD28" s="116">
        <v>2267677</v>
      </c>
      <c r="DE28" s="116">
        <v>665278</v>
      </c>
      <c r="DF28" s="115">
        <v>12214930</v>
      </c>
      <c r="DG28" s="118">
        <v>12857446</v>
      </c>
      <c r="DH28" s="112">
        <v>76202</v>
      </c>
      <c r="DI28" s="116">
        <v>119738</v>
      </c>
      <c r="DJ28" s="114">
        <v>195940</v>
      </c>
      <c r="DK28" s="113">
        <v>0</v>
      </c>
      <c r="DL28" s="116">
        <v>1626544</v>
      </c>
      <c r="DM28" s="116">
        <v>3115738</v>
      </c>
      <c r="DN28" s="116">
        <v>4515451</v>
      </c>
      <c r="DO28" s="116">
        <v>4939887</v>
      </c>
      <c r="DP28" s="116">
        <v>2403972</v>
      </c>
      <c r="DQ28" s="115">
        <v>16601592</v>
      </c>
      <c r="DR28" s="118">
        <v>16797532</v>
      </c>
      <c r="DS28" s="112">
        <v>76202</v>
      </c>
      <c r="DT28" s="116">
        <v>119738</v>
      </c>
      <c r="DU28" s="115">
        <v>195940</v>
      </c>
      <c r="DV28" s="112">
        <v>0</v>
      </c>
      <c r="DW28" s="116">
        <v>1605294</v>
      </c>
      <c r="DX28" s="116">
        <v>2857603</v>
      </c>
      <c r="DY28" s="116">
        <v>4429029</v>
      </c>
      <c r="DZ28" s="116">
        <v>4709436</v>
      </c>
      <c r="EA28" s="116">
        <v>1773792</v>
      </c>
      <c r="EB28" s="115">
        <v>15375154</v>
      </c>
      <c r="EC28" s="118">
        <v>15571094</v>
      </c>
      <c r="ED28" s="112">
        <v>0</v>
      </c>
      <c r="EE28" s="114">
        <v>0</v>
      </c>
      <c r="EF28" s="115">
        <v>0</v>
      </c>
      <c r="EG28" s="112">
        <v>0</v>
      </c>
      <c r="EH28" s="116">
        <v>21250</v>
      </c>
      <c r="EI28" s="116">
        <v>258135</v>
      </c>
      <c r="EJ28" s="116">
        <v>86422</v>
      </c>
      <c r="EK28" s="116">
        <v>230451</v>
      </c>
      <c r="EL28" s="116">
        <v>630180</v>
      </c>
      <c r="EM28" s="114">
        <v>1226438</v>
      </c>
      <c r="EN28" s="118">
        <v>1226438</v>
      </c>
      <c r="EO28" s="112">
        <v>0</v>
      </c>
      <c r="EP28" s="116">
        <v>0</v>
      </c>
      <c r="EQ28" s="114">
        <v>0</v>
      </c>
      <c r="ER28" s="113">
        <v>0</v>
      </c>
      <c r="ES28" s="116">
        <v>0</v>
      </c>
      <c r="ET28" s="116">
        <v>0</v>
      </c>
      <c r="EU28" s="116">
        <v>0</v>
      </c>
      <c r="EV28" s="116">
        <v>0</v>
      </c>
      <c r="EW28" s="116">
        <v>0</v>
      </c>
      <c r="EX28" s="115">
        <v>0</v>
      </c>
      <c r="EY28" s="118">
        <v>0</v>
      </c>
      <c r="EZ28" s="112">
        <v>0</v>
      </c>
      <c r="FA28" s="116">
        <v>0</v>
      </c>
      <c r="FB28" s="114">
        <v>0</v>
      </c>
      <c r="FC28" s="390"/>
      <c r="FD28" s="116">
        <v>0</v>
      </c>
      <c r="FE28" s="116">
        <v>0</v>
      </c>
      <c r="FF28" s="116">
        <v>0</v>
      </c>
      <c r="FG28" s="116">
        <v>0</v>
      </c>
      <c r="FH28" s="116">
        <v>0</v>
      </c>
      <c r="FI28" s="115">
        <v>0</v>
      </c>
      <c r="FJ28" s="118">
        <v>0</v>
      </c>
      <c r="FK28" s="112">
        <v>688542</v>
      </c>
      <c r="FL28" s="116">
        <v>1764577</v>
      </c>
      <c r="FM28" s="115">
        <v>2453119</v>
      </c>
      <c r="FN28" s="112">
        <v>0</v>
      </c>
      <c r="FO28" s="116">
        <v>3316528</v>
      </c>
      <c r="FP28" s="116">
        <v>5615379</v>
      </c>
      <c r="FQ28" s="116">
        <v>3164850</v>
      </c>
      <c r="FR28" s="116">
        <v>3295634</v>
      </c>
      <c r="FS28" s="116">
        <v>1932084</v>
      </c>
      <c r="FT28" s="115">
        <v>17324475</v>
      </c>
      <c r="FU28" s="118">
        <v>19777594</v>
      </c>
      <c r="FV28" s="117">
        <v>502680</v>
      </c>
      <c r="FW28" s="116">
        <v>1321012</v>
      </c>
      <c r="FX28" s="114">
        <v>1823692</v>
      </c>
      <c r="FY28" s="113">
        <v>0</v>
      </c>
      <c r="FZ28" s="116">
        <v>2643139</v>
      </c>
      <c r="GA28" s="116">
        <v>5131800</v>
      </c>
      <c r="GB28" s="116">
        <v>3022533</v>
      </c>
      <c r="GC28" s="116">
        <v>2880106</v>
      </c>
      <c r="GD28" s="116">
        <v>1886935</v>
      </c>
      <c r="GE28" s="115">
        <v>15564513</v>
      </c>
      <c r="GF28" s="354">
        <v>17388205</v>
      </c>
      <c r="GG28" s="117">
        <v>47917</v>
      </c>
      <c r="GH28" s="116">
        <v>51705</v>
      </c>
      <c r="GI28" s="114">
        <v>99622</v>
      </c>
      <c r="GJ28" s="113">
        <v>0</v>
      </c>
      <c r="GK28" s="116">
        <v>39204</v>
      </c>
      <c r="GL28" s="116">
        <v>122067</v>
      </c>
      <c r="GM28" s="116">
        <v>74817</v>
      </c>
      <c r="GN28" s="116">
        <v>55528</v>
      </c>
      <c r="GO28" s="116">
        <v>45149</v>
      </c>
      <c r="GP28" s="115">
        <v>336765</v>
      </c>
      <c r="GQ28" s="118">
        <v>436387</v>
      </c>
      <c r="GR28" s="112">
        <v>137945</v>
      </c>
      <c r="GS28" s="116">
        <v>391860</v>
      </c>
      <c r="GT28" s="115">
        <v>529805</v>
      </c>
      <c r="GU28" s="112">
        <v>0</v>
      </c>
      <c r="GV28" s="116">
        <v>634185</v>
      </c>
      <c r="GW28" s="116">
        <v>361512</v>
      </c>
      <c r="GX28" s="116">
        <v>67500</v>
      </c>
      <c r="GY28" s="116">
        <v>360000</v>
      </c>
      <c r="GZ28" s="116">
        <v>0</v>
      </c>
      <c r="HA28" s="114">
        <v>1423197</v>
      </c>
      <c r="HB28" s="118">
        <v>1953002</v>
      </c>
      <c r="HC28" s="112">
        <v>362455</v>
      </c>
      <c r="HD28" s="116">
        <v>203136</v>
      </c>
      <c r="HE28" s="114">
        <v>565591</v>
      </c>
      <c r="HF28" s="113">
        <v>0</v>
      </c>
      <c r="HG28" s="116">
        <v>7288572</v>
      </c>
      <c r="HH28" s="116">
        <v>8000070</v>
      </c>
      <c r="HI28" s="116">
        <v>6360040</v>
      </c>
      <c r="HJ28" s="116">
        <v>9275480</v>
      </c>
      <c r="HK28" s="116">
        <v>8281081</v>
      </c>
      <c r="HL28" s="115">
        <v>39205243</v>
      </c>
      <c r="HM28" s="111">
        <v>39770834</v>
      </c>
      <c r="HN28" s="117">
        <v>576894</v>
      </c>
      <c r="HO28" s="116">
        <v>1141267</v>
      </c>
      <c r="HP28" s="115">
        <v>1718161</v>
      </c>
      <c r="HQ28" s="112">
        <v>0</v>
      </c>
      <c r="HR28" s="116">
        <v>8633562</v>
      </c>
      <c r="HS28" s="116">
        <v>7527723</v>
      </c>
      <c r="HT28" s="116">
        <v>4453465</v>
      </c>
      <c r="HU28" s="116">
        <v>3598579</v>
      </c>
      <c r="HV28" s="116">
        <v>1753316</v>
      </c>
      <c r="HW28" s="114">
        <v>25966645</v>
      </c>
      <c r="HX28" s="118">
        <v>27684806</v>
      </c>
      <c r="HY28" s="167">
        <v>0</v>
      </c>
      <c r="HZ28" s="152">
        <v>250031</v>
      </c>
      <c r="IA28" s="167">
        <v>250031</v>
      </c>
      <c r="IB28" s="151">
        <v>0</v>
      </c>
      <c r="IC28" s="152">
        <v>10456692</v>
      </c>
      <c r="ID28" s="153">
        <v>7465896</v>
      </c>
      <c r="IE28" s="154">
        <v>8150115</v>
      </c>
      <c r="IF28" s="152">
        <v>6963605</v>
      </c>
      <c r="IG28" s="154">
        <v>3719627</v>
      </c>
      <c r="IH28" s="155">
        <v>36755935</v>
      </c>
      <c r="II28" s="167">
        <v>37005966</v>
      </c>
      <c r="IJ28" s="261">
        <v>0</v>
      </c>
      <c r="IK28" s="268">
        <v>0</v>
      </c>
      <c r="IL28" s="269">
        <v>0</v>
      </c>
      <c r="IM28" s="157"/>
      <c r="IN28" s="122">
        <v>97650</v>
      </c>
      <c r="IO28" s="122">
        <v>107874</v>
      </c>
      <c r="IP28" s="122">
        <v>0</v>
      </c>
      <c r="IQ28" s="122">
        <v>0</v>
      </c>
      <c r="IR28" s="122">
        <v>267732</v>
      </c>
      <c r="IS28" s="158">
        <v>473256</v>
      </c>
      <c r="IT28" s="357">
        <v>473256</v>
      </c>
      <c r="IU28" s="159">
        <v>0</v>
      </c>
      <c r="IV28" s="122">
        <v>0</v>
      </c>
      <c r="IW28" s="123">
        <v>0</v>
      </c>
      <c r="IX28" s="161"/>
      <c r="IY28" s="122">
        <v>0</v>
      </c>
      <c r="IZ28" s="122">
        <v>0</v>
      </c>
      <c r="JA28" s="122">
        <v>0</v>
      </c>
      <c r="JB28" s="122">
        <v>0</v>
      </c>
      <c r="JC28" s="122">
        <v>0</v>
      </c>
      <c r="JD28" s="123">
        <v>0</v>
      </c>
      <c r="JE28" s="124">
        <v>0</v>
      </c>
      <c r="JF28" s="159">
        <v>0</v>
      </c>
      <c r="JG28" s="122">
        <v>0</v>
      </c>
      <c r="JH28" s="158">
        <v>0</v>
      </c>
      <c r="JI28" s="121">
        <v>0</v>
      </c>
      <c r="JJ28" s="122">
        <v>2220640</v>
      </c>
      <c r="JK28" s="122">
        <v>2226186</v>
      </c>
      <c r="JL28" s="122">
        <v>1404178</v>
      </c>
      <c r="JM28" s="122">
        <v>1738769</v>
      </c>
      <c r="JN28" s="122">
        <v>777752</v>
      </c>
      <c r="JO28" s="123">
        <v>8367525</v>
      </c>
      <c r="JP28" s="357">
        <v>8367525</v>
      </c>
      <c r="JQ28" s="159">
        <v>0</v>
      </c>
      <c r="JR28" s="122">
        <v>0</v>
      </c>
      <c r="JS28" s="158">
        <v>0</v>
      </c>
      <c r="JT28" s="121">
        <v>0</v>
      </c>
      <c r="JU28" s="122">
        <v>0</v>
      </c>
      <c r="JV28" s="122">
        <v>0</v>
      </c>
      <c r="JW28" s="122">
        <v>146566</v>
      </c>
      <c r="JX28" s="122">
        <v>250930</v>
      </c>
      <c r="JY28" s="122">
        <v>0</v>
      </c>
      <c r="JZ28" s="123">
        <v>397496</v>
      </c>
      <c r="KA28" s="357">
        <v>397496</v>
      </c>
      <c r="KB28" s="264">
        <v>0</v>
      </c>
      <c r="KC28" s="258">
        <v>0</v>
      </c>
      <c r="KD28" s="123">
        <v>0</v>
      </c>
      <c r="KE28" s="121">
        <v>0</v>
      </c>
      <c r="KF28" s="122">
        <v>767610</v>
      </c>
      <c r="KG28" s="122">
        <v>369602</v>
      </c>
      <c r="KH28" s="122">
        <v>1516054</v>
      </c>
      <c r="KI28" s="122">
        <v>560326</v>
      </c>
      <c r="KJ28" s="122">
        <v>0</v>
      </c>
      <c r="KK28" s="123">
        <v>3213592</v>
      </c>
      <c r="KL28" s="160">
        <v>3213592</v>
      </c>
      <c r="KM28" s="261">
        <v>0</v>
      </c>
      <c r="KN28" s="268">
        <v>250031</v>
      </c>
      <c r="KO28" s="269">
        <v>250031</v>
      </c>
      <c r="KP28" s="157"/>
      <c r="KQ28" s="122">
        <v>7370792</v>
      </c>
      <c r="KR28" s="122">
        <v>4762234</v>
      </c>
      <c r="KS28" s="122">
        <v>5083317</v>
      </c>
      <c r="KT28" s="122">
        <v>4109095</v>
      </c>
      <c r="KU28" s="122">
        <v>2674143</v>
      </c>
      <c r="KV28" s="123">
        <v>23999581</v>
      </c>
      <c r="KW28" s="357">
        <v>24249612</v>
      </c>
      <c r="KX28" s="159">
        <v>0</v>
      </c>
      <c r="KY28" s="122">
        <v>0</v>
      </c>
      <c r="KZ28" s="123">
        <v>0</v>
      </c>
      <c r="LA28" s="162"/>
      <c r="LB28" s="122">
        <v>0</v>
      </c>
      <c r="LC28" s="122">
        <v>0</v>
      </c>
      <c r="LD28" s="122">
        <v>0</v>
      </c>
      <c r="LE28" s="122">
        <v>0</v>
      </c>
      <c r="LF28" s="122">
        <v>0</v>
      </c>
      <c r="LG28" s="123">
        <v>0</v>
      </c>
      <c r="LH28" s="124">
        <v>0</v>
      </c>
      <c r="LI28" s="159">
        <v>0</v>
      </c>
      <c r="LJ28" s="122">
        <v>0</v>
      </c>
      <c r="LK28" s="123">
        <v>0</v>
      </c>
      <c r="LL28" s="162"/>
      <c r="LM28" s="122">
        <v>0</v>
      </c>
      <c r="LN28" s="122">
        <v>0</v>
      </c>
      <c r="LO28" s="122">
        <v>0</v>
      </c>
      <c r="LP28" s="122">
        <v>0</v>
      </c>
      <c r="LQ28" s="122">
        <v>0</v>
      </c>
      <c r="LR28" s="123">
        <v>0</v>
      </c>
      <c r="LS28" s="357">
        <v>0</v>
      </c>
      <c r="LT28" s="159">
        <v>0</v>
      </c>
      <c r="LU28" s="122">
        <v>0</v>
      </c>
      <c r="LV28" s="123">
        <v>0</v>
      </c>
      <c r="LW28" s="162"/>
      <c r="LX28" s="122">
        <v>0</v>
      </c>
      <c r="LY28" s="122">
        <v>0</v>
      </c>
      <c r="LZ28" s="122">
        <v>0</v>
      </c>
      <c r="MA28" s="122">
        <v>304485</v>
      </c>
      <c r="MB28" s="122">
        <v>0</v>
      </c>
      <c r="MC28" s="123">
        <v>304485</v>
      </c>
      <c r="MD28" s="124">
        <v>304485</v>
      </c>
      <c r="ME28" s="159">
        <v>0</v>
      </c>
      <c r="MF28" s="122">
        <v>0</v>
      </c>
      <c r="MG28" s="123">
        <v>0</v>
      </c>
      <c r="MH28" s="162"/>
      <c r="MI28" s="122">
        <v>4560547</v>
      </c>
      <c r="MJ28" s="122">
        <v>13743794</v>
      </c>
      <c r="MK28" s="122">
        <v>32331364</v>
      </c>
      <c r="ML28" s="122">
        <v>56571421</v>
      </c>
      <c r="MM28" s="122">
        <v>40742803</v>
      </c>
      <c r="MN28" s="123">
        <v>147949929</v>
      </c>
      <c r="MO28" s="160">
        <v>147949929</v>
      </c>
      <c r="MP28" s="159">
        <v>0</v>
      </c>
      <c r="MQ28" s="122">
        <v>0</v>
      </c>
      <c r="MR28" s="123">
        <v>0</v>
      </c>
      <c r="MS28" s="162"/>
      <c r="MT28" s="122">
        <v>896595</v>
      </c>
      <c r="MU28" s="122">
        <v>3696913</v>
      </c>
      <c r="MV28" s="122">
        <v>19343083</v>
      </c>
      <c r="MW28" s="122">
        <v>36422459</v>
      </c>
      <c r="MX28" s="122">
        <v>30294270</v>
      </c>
      <c r="MY28" s="123">
        <v>90653320</v>
      </c>
      <c r="MZ28" s="160">
        <v>90653320</v>
      </c>
      <c r="NA28" s="159">
        <v>0</v>
      </c>
      <c r="NB28" s="122">
        <v>0</v>
      </c>
      <c r="NC28" s="123">
        <v>0</v>
      </c>
      <c r="ND28" s="162"/>
      <c r="NE28" s="122">
        <v>3663952</v>
      </c>
      <c r="NF28" s="122">
        <v>10046881</v>
      </c>
      <c r="NG28" s="122">
        <v>12988281</v>
      </c>
      <c r="NH28" s="122">
        <v>19023510</v>
      </c>
      <c r="NI28" s="122">
        <v>7887673</v>
      </c>
      <c r="NJ28" s="123">
        <v>53610297</v>
      </c>
      <c r="NK28" s="357">
        <v>53610297</v>
      </c>
      <c r="NL28" s="159">
        <v>0</v>
      </c>
      <c r="NM28" s="122">
        <v>0</v>
      </c>
      <c r="NN28" s="123">
        <v>0</v>
      </c>
      <c r="NO28" s="162"/>
      <c r="NP28" s="122">
        <v>0</v>
      </c>
      <c r="NQ28" s="122">
        <v>0</v>
      </c>
      <c r="NR28" s="122">
        <v>0</v>
      </c>
      <c r="NS28" s="122">
        <v>722210</v>
      </c>
      <c r="NT28" s="122">
        <v>976852</v>
      </c>
      <c r="NU28" s="123">
        <v>1699062</v>
      </c>
      <c r="NV28" s="124">
        <v>1699062</v>
      </c>
      <c r="NW28" s="159">
        <v>0</v>
      </c>
      <c r="NX28" s="122">
        <v>0</v>
      </c>
      <c r="NY28" s="123">
        <v>0</v>
      </c>
      <c r="NZ28" s="162"/>
      <c r="OA28" s="122">
        <v>0</v>
      </c>
      <c r="OB28" s="122">
        <v>0</v>
      </c>
      <c r="OC28" s="122">
        <v>0</v>
      </c>
      <c r="OD28" s="122">
        <v>403242</v>
      </c>
      <c r="OE28" s="122">
        <v>1584008</v>
      </c>
      <c r="OF28" s="123">
        <v>1987250</v>
      </c>
      <c r="OG28" s="124">
        <v>1987250</v>
      </c>
      <c r="OH28" s="159">
        <v>2443883</v>
      </c>
      <c r="OI28" s="122">
        <v>5026279</v>
      </c>
      <c r="OJ28" s="158">
        <v>7470162</v>
      </c>
      <c r="OK28" s="121">
        <v>0</v>
      </c>
      <c r="OL28" s="122">
        <v>63718010</v>
      </c>
      <c r="OM28" s="122">
        <v>79131600</v>
      </c>
      <c r="ON28" s="122">
        <v>81195466</v>
      </c>
      <c r="OO28" s="122">
        <v>107236963</v>
      </c>
      <c r="OP28" s="122">
        <v>74287638</v>
      </c>
      <c r="OQ28" s="123">
        <v>405569677</v>
      </c>
      <c r="OR28" s="160">
        <v>413039839</v>
      </c>
    </row>
    <row r="29" spans="1:408" ht="18.75" customHeight="1" x14ac:dyDescent="0.2">
      <c r="A29" s="62" t="s">
        <v>24</v>
      </c>
      <c r="B29" s="112">
        <v>2611204</v>
      </c>
      <c r="C29" s="116">
        <v>2630616</v>
      </c>
      <c r="D29" s="115">
        <v>5241820</v>
      </c>
      <c r="E29" s="111">
        <v>0</v>
      </c>
      <c r="F29" s="116">
        <v>24629081</v>
      </c>
      <c r="G29" s="116">
        <v>24403529</v>
      </c>
      <c r="H29" s="116">
        <v>20398452</v>
      </c>
      <c r="I29" s="116">
        <v>20332391</v>
      </c>
      <c r="J29" s="116">
        <v>21038550</v>
      </c>
      <c r="K29" s="200">
        <v>110802003</v>
      </c>
      <c r="L29" s="118">
        <v>116043823</v>
      </c>
      <c r="M29" s="112">
        <v>503259</v>
      </c>
      <c r="N29" s="116">
        <v>762172</v>
      </c>
      <c r="O29" s="115">
        <v>1265431</v>
      </c>
      <c r="P29" s="112">
        <v>0</v>
      </c>
      <c r="Q29" s="116">
        <v>6010441</v>
      </c>
      <c r="R29" s="116">
        <v>5602801</v>
      </c>
      <c r="S29" s="116">
        <v>5821521</v>
      </c>
      <c r="T29" s="116">
        <v>6738308</v>
      </c>
      <c r="U29" s="116">
        <v>9923883</v>
      </c>
      <c r="V29" s="115">
        <v>34096954</v>
      </c>
      <c r="W29" s="118">
        <v>35362385</v>
      </c>
      <c r="X29" s="112">
        <v>0</v>
      </c>
      <c r="Y29" s="116">
        <v>0</v>
      </c>
      <c r="Z29" s="115">
        <v>0</v>
      </c>
      <c r="AA29" s="112">
        <v>0</v>
      </c>
      <c r="AB29" s="116">
        <v>2122142</v>
      </c>
      <c r="AC29" s="116">
        <v>2467821</v>
      </c>
      <c r="AD29" s="116">
        <v>3231632</v>
      </c>
      <c r="AE29" s="443">
        <v>3639508</v>
      </c>
      <c r="AF29" s="443">
        <v>5867737</v>
      </c>
      <c r="AG29" s="115">
        <v>17328840</v>
      </c>
      <c r="AH29" s="118">
        <v>17328840</v>
      </c>
      <c r="AI29" s="112">
        <v>0</v>
      </c>
      <c r="AJ29" s="116">
        <v>0</v>
      </c>
      <c r="AK29" s="115">
        <v>0</v>
      </c>
      <c r="AL29" s="112">
        <v>0</v>
      </c>
      <c r="AM29" s="116">
        <v>39014</v>
      </c>
      <c r="AN29" s="116">
        <v>117422</v>
      </c>
      <c r="AO29" s="116">
        <v>133178</v>
      </c>
      <c r="AP29" s="116">
        <v>373980</v>
      </c>
      <c r="AQ29" s="116">
        <v>1029799</v>
      </c>
      <c r="AR29" s="115">
        <v>1693393</v>
      </c>
      <c r="AS29" s="118">
        <v>1693393</v>
      </c>
      <c r="AT29" s="112">
        <v>262354</v>
      </c>
      <c r="AU29" s="116">
        <v>456011</v>
      </c>
      <c r="AV29" s="115">
        <v>718365</v>
      </c>
      <c r="AW29" s="112">
        <v>0</v>
      </c>
      <c r="AX29" s="116">
        <v>2694340</v>
      </c>
      <c r="AY29" s="116">
        <v>1966561</v>
      </c>
      <c r="AZ29" s="116">
        <v>1544022</v>
      </c>
      <c r="BA29" s="116">
        <v>1696961</v>
      </c>
      <c r="BB29" s="116">
        <v>1747093</v>
      </c>
      <c r="BC29" s="115">
        <v>9648977</v>
      </c>
      <c r="BD29" s="118">
        <v>10367342</v>
      </c>
      <c r="BE29" s="112">
        <v>31416</v>
      </c>
      <c r="BF29" s="116">
        <v>135870</v>
      </c>
      <c r="BG29" s="114">
        <v>167286</v>
      </c>
      <c r="BH29" s="113">
        <v>0</v>
      </c>
      <c r="BI29" s="116">
        <v>124684</v>
      </c>
      <c r="BJ29" s="116">
        <v>114229</v>
      </c>
      <c r="BK29" s="116">
        <v>24420</v>
      </c>
      <c r="BL29" s="116">
        <v>93437</v>
      </c>
      <c r="BM29" s="116">
        <v>322917</v>
      </c>
      <c r="BN29" s="115">
        <v>679687</v>
      </c>
      <c r="BO29" s="118">
        <v>846973</v>
      </c>
      <c r="BP29" s="112">
        <v>209489</v>
      </c>
      <c r="BQ29" s="116">
        <v>170291</v>
      </c>
      <c r="BR29" s="115">
        <v>379780</v>
      </c>
      <c r="BS29" s="112">
        <v>0</v>
      </c>
      <c r="BT29" s="116">
        <v>1030261</v>
      </c>
      <c r="BU29" s="116">
        <v>936768</v>
      </c>
      <c r="BV29" s="116">
        <v>888269</v>
      </c>
      <c r="BW29" s="116">
        <v>934422</v>
      </c>
      <c r="BX29" s="116">
        <v>956337</v>
      </c>
      <c r="BY29" s="115">
        <v>4746057</v>
      </c>
      <c r="BZ29" s="118">
        <v>5125837</v>
      </c>
      <c r="CA29" s="112">
        <v>223932</v>
      </c>
      <c r="CB29" s="116">
        <v>339402</v>
      </c>
      <c r="CC29" s="115">
        <v>563334</v>
      </c>
      <c r="CD29" s="112">
        <v>0</v>
      </c>
      <c r="CE29" s="443">
        <v>6831315</v>
      </c>
      <c r="CF29" s="443">
        <v>6572243</v>
      </c>
      <c r="CG29" s="443">
        <v>4486556</v>
      </c>
      <c r="CH29" s="116">
        <v>2402679</v>
      </c>
      <c r="CI29" s="116">
        <v>1296755</v>
      </c>
      <c r="CJ29" s="451">
        <v>21589548</v>
      </c>
      <c r="CK29" s="452">
        <v>22152882</v>
      </c>
      <c r="CL29" s="112">
        <v>0</v>
      </c>
      <c r="CM29" s="116">
        <v>0</v>
      </c>
      <c r="CN29" s="115">
        <v>0</v>
      </c>
      <c r="CO29" s="113">
        <v>0</v>
      </c>
      <c r="CP29" s="116">
        <v>4575379</v>
      </c>
      <c r="CQ29" s="116">
        <v>4574274</v>
      </c>
      <c r="CR29" s="116">
        <v>3162414</v>
      </c>
      <c r="CS29" s="116">
        <v>1365647</v>
      </c>
      <c r="CT29" s="116">
        <v>453527</v>
      </c>
      <c r="CU29" s="115">
        <v>14131241</v>
      </c>
      <c r="CV29" s="118">
        <v>14131241</v>
      </c>
      <c r="CW29" s="112">
        <v>223932</v>
      </c>
      <c r="CX29" s="116">
        <v>339402</v>
      </c>
      <c r="CY29" s="115">
        <v>563334</v>
      </c>
      <c r="CZ29" s="112">
        <v>0</v>
      </c>
      <c r="DA29" s="116">
        <v>2255936</v>
      </c>
      <c r="DB29" s="116">
        <v>1997969</v>
      </c>
      <c r="DC29" s="116">
        <v>1324142</v>
      </c>
      <c r="DD29" s="116">
        <v>1037032</v>
      </c>
      <c r="DE29" s="116">
        <v>843228</v>
      </c>
      <c r="DF29" s="115">
        <v>7458307</v>
      </c>
      <c r="DG29" s="118">
        <v>8021641</v>
      </c>
      <c r="DH29" s="112">
        <v>19891</v>
      </c>
      <c r="DI29" s="116">
        <v>70858</v>
      </c>
      <c r="DJ29" s="114">
        <v>90749</v>
      </c>
      <c r="DK29" s="113">
        <v>0</v>
      </c>
      <c r="DL29" s="116">
        <v>1284200</v>
      </c>
      <c r="DM29" s="116">
        <v>1612213</v>
      </c>
      <c r="DN29" s="116">
        <v>2027083</v>
      </c>
      <c r="DO29" s="116">
        <v>1601042</v>
      </c>
      <c r="DP29" s="116">
        <v>1671647</v>
      </c>
      <c r="DQ29" s="115">
        <v>8196185</v>
      </c>
      <c r="DR29" s="118">
        <v>8286934</v>
      </c>
      <c r="DS29" s="112">
        <v>19891</v>
      </c>
      <c r="DT29" s="116">
        <v>70858</v>
      </c>
      <c r="DU29" s="115">
        <v>90749</v>
      </c>
      <c r="DV29" s="112">
        <v>0</v>
      </c>
      <c r="DW29" s="116">
        <v>1102139</v>
      </c>
      <c r="DX29" s="116">
        <v>1576897</v>
      </c>
      <c r="DY29" s="116">
        <v>1927917</v>
      </c>
      <c r="DZ29" s="116">
        <v>1509550</v>
      </c>
      <c r="EA29" s="116">
        <v>1529813</v>
      </c>
      <c r="EB29" s="115">
        <v>7646316</v>
      </c>
      <c r="EC29" s="118">
        <v>7737065</v>
      </c>
      <c r="ED29" s="112">
        <v>0</v>
      </c>
      <c r="EE29" s="114">
        <v>0</v>
      </c>
      <c r="EF29" s="115">
        <v>0</v>
      </c>
      <c r="EG29" s="112">
        <v>0</v>
      </c>
      <c r="EH29" s="116">
        <v>182061</v>
      </c>
      <c r="EI29" s="116">
        <v>35316</v>
      </c>
      <c r="EJ29" s="116">
        <v>99166</v>
      </c>
      <c r="EK29" s="116">
        <v>91492</v>
      </c>
      <c r="EL29" s="116">
        <v>141834</v>
      </c>
      <c r="EM29" s="114">
        <v>549869</v>
      </c>
      <c r="EN29" s="118">
        <v>549869</v>
      </c>
      <c r="EO29" s="112">
        <v>0</v>
      </c>
      <c r="EP29" s="116">
        <v>0</v>
      </c>
      <c r="EQ29" s="114">
        <v>0</v>
      </c>
      <c r="ER29" s="113">
        <v>0</v>
      </c>
      <c r="ES29" s="116">
        <v>0</v>
      </c>
      <c r="ET29" s="116">
        <v>0</v>
      </c>
      <c r="EU29" s="116">
        <v>0</v>
      </c>
      <c r="EV29" s="116">
        <v>0</v>
      </c>
      <c r="EW29" s="116">
        <v>0</v>
      </c>
      <c r="EX29" s="115">
        <v>0</v>
      </c>
      <c r="EY29" s="118">
        <v>0</v>
      </c>
      <c r="EZ29" s="112">
        <v>0</v>
      </c>
      <c r="FA29" s="116">
        <v>0</v>
      </c>
      <c r="FB29" s="114">
        <v>0</v>
      </c>
      <c r="FC29" s="390"/>
      <c r="FD29" s="116">
        <v>0</v>
      </c>
      <c r="FE29" s="116">
        <v>0</v>
      </c>
      <c r="FF29" s="116">
        <v>0</v>
      </c>
      <c r="FG29" s="116">
        <v>0</v>
      </c>
      <c r="FH29" s="116">
        <v>0</v>
      </c>
      <c r="FI29" s="115">
        <v>0</v>
      </c>
      <c r="FJ29" s="118">
        <v>0</v>
      </c>
      <c r="FK29" s="112">
        <v>771149</v>
      </c>
      <c r="FL29" s="116">
        <v>448047</v>
      </c>
      <c r="FM29" s="115">
        <v>1219196</v>
      </c>
      <c r="FN29" s="112">
        <v>0</v>
      </c>
      <c r="FO29" s="116">
        <v>1355051</v>
      </c>
      <c r="FP29" s="116">
        <v>2150591</v>
      </c>
      <c r="FQ29" s="116">
        <v>1492039</v>
      </c>
      <c r="FR29" s="116">
        <v>1558656</v>
      </c>
      <c r="FS29" s="116">
        <v>1638490</v>
      </c>
      <c r="FT29" s="115">
        <v>8194827</v>
      </c>
      <c r="FU29" s="118">
        <v>9414023</v>
      </c>
      <c r="FV29" s="117">
        <v>285359</v>
      </c>
      <c r="FW29" s="116">
        <v>396559</v>
      </c>
      <c r="FX29" s="114">
        <v>681918</v>
      </c>
      <c r="FY29" s="113">
        <v>0</v>
      </c>
      <c r="FZ29" s="116">
        <v>1019137</v>
      </c>
      <c r="GA29" s="116">
        <v>2083181</v>
      </c>
      <c r="GB29" s="116">
        <v>1370219</v>
      </c>
      <c r="GC29" s="116">
        <v>1340180</v>
      </c>
      <c r="GD29" s="116">
        <v>1606810</v>
      </c>
      <c r="GE29" s="115">
        <v>7419527</v>
      </c>
      <c r="GF29" s="354">
        <v>8101445</v>
      </c>
      <c r="GG29" s="117">
        <v>0</v>
      </c>
      <c r="GH29" s="116">
        <v>15488</v>
      </c>
      <c r="GI29" s="114">
        <v>15488</v>
      </c>
      <c r="GJ29" s="113">
        <v>0</v>
      </c>
      <c r="GK29" s="116">
        <v>26224</v>
      </c>
      <c r="GL29" s="116">
        <v>22410</v>
      </c>
      <c r="GM29" s="116">
        <v>8800</v>
      </c>
      <c r="GN29" s="116">
        <v>70976</v>
      </c>
      <c r="GO29" s="116">
        <v>31680</v>
      </c>
      <c r="GP29" s="115">
        <v>160090</v>
      </c>
      <c r="GQ29" s="118">
        <v>175578</v>
      </c>
      <c r="GR29" s="112">
        <v>485790</v>
      </c>
      <c r="GS29" s="116">
        <v>36000</v>
      </c>
      <c r="GT29" s="115">
        <v>521790</v>
      </c>
      <c r="GU29" s="112">
        <v>0</v>
      </c>
      <c r="GV29" s="116">
        <v>309690</v>
      </c>
      <c r="GW29" s="116">
        <v>45000</v>
      </c>
      <c r="GX29" s="116">
        <v>113020</v>
      </c>
      <c r="GY29" s="116">
        <v>147500</v>
      </c>
      <c r="GZ29" s="116">
        <v>0</v>
      </c>
      <c r="HA29" s="114">
        <v>615210</v>
      </c>
      <c r="HB29" s="118">
        <v>1137000</v>
      </c>
      <c r="HC29" s="112">
        <v>678993</v>
      </c>
      <c r="HD29" s="116">
        <v>588284</v>
      </c>
      <c r="HE29" s="114">
        <v>1267277</v>
      </c>
      <c r="HF29" s="113">
        <v>0</v>
      </c>
      <c r="HG29" s="116">
        <v>4997263</v>
      </c>
      <c r="HH29" s="116">
        <v>6098152</v>
      </c>
      <c r="HI29" s="116">
        <v>4491538</v>
      </c>
      <c r="HJ29" s="116">
        <v>6810143</v>
      </c>
      <c r="HK29" s="116">
        <v>5411462</v>
      </c>
      <c r="HL29" s="115">
        <v>27808558</v>
      </c>
      <c r="HM29" s="111">
        <v>29075835</v>
      </c>
      <c r="HN29" s="117">
        <v>413980</v>
      </c>
      <c r="HO29" s="116">
        <v>421853</v>
      </c>
      <c r="HP29" s="115">
        <v>835833</v>
      </c>
      <c r="HQ29" s="112">
        <v>0</v>
      </c>
      <c r="HR29" s="116">
        <v>4150811</v>
      </c>
      <c r="HS29" s="116">
        <v>2367529</v>
      </c>
      <c r="HT29" s="116">
        <v>2079715</v>
      </c>
      <c r="HU29" s="116">
        <v>1221563</v>
      </c>
      <c r="HV29" s="116">
        <v>1096313</v>
      </c>
      <c r="HW29" s="114">
        <v>10915931</v>
      </c>
      <c r="HX29" s="118">
        <v>11751764</v>
      </c>
      <c r="HY29" s="148">
        <v>310518</v>
      </c>
      <c r="HZ29" s="149">
        <v>387171</v>
      </c>
      <c r="IA29" s="150">
        <v>697689</v>
      </c>
      <c r="IB29" s="163">
        <v>0</v>
      </c>
      <c r="IC29" s="149">
        <v>6401657</v>
      </c>
      <c r="ID29" s="164">
        <v>4036125</v>
      </c>
      <c r="IE29" s="150">
        <v>7290735</v>
      </c>
      <c r="IF29" s="149">
        <v>2817533</v>
      </c>
      <c r="IG29" s="150">
        <v>2380417</v>
      </c>
      <c r="IH29" s="165">
        <v>22926467</v>
      </c>
      <c r="II29" s="156">
        <v>23624156</v>
      </c>
      <c r="IJ29" s="261">
        <v>0</v>
      </c>
      <c r="IK29" s="268">
        <v>0</v>
      </c>
      <c r="IL29" s="269">
        <v>0</v>
      </c>
      <c r="IM29" s="157"/>
      <c r="IN29" s="122">
        <v>130997</v>
      </c>
      <c r="IO29" s="122">
        <v>111982</v>
      </c>
      <c r="IP29" s="122">
        <v>366781</v>
      </c>
      <c r="IQ29" s="122">
        <v>185413</v>
      </c>
      <c r="IR29" s="122">
        <v>329893</v>
      </c>
      <c r="IS29" s="158">
        <v>1125066</v>
      </c>
      <c r="IT29" s="357">
        <v>1125066</v>
      </c>
      <c r="IU29" s="159">
        <v>0</v>
      </c>
      <c r="IV29" s="122">
        <v>0</v>
      </c>
      <c r="IW29" s="123">
        <v>0</v>
      </c>
      <c r="IX29" s="161"/>
      <c r="IY29" s="122">
        <v>0</v>
      </c>
      <c r="IZ29" s="122">
        <v>0</v>
      </c>
      <c r="JA29" s="122">
        <v>0</v>
      </c>
      <c r="JB29" s="122">
        <v>0</v>
      </c>
      <c r="JC29" s="122">
        <v>0</v>
      </c>
      <c r="JD29" s="123">
        <v>0</v>
      </c>
      <c r="JE29" s="124">
        <v>0</v>
      </c>
      <c r="JF29" s="159">
        <v>0</v>
      </c>
      <c r="JG29" s="122">
        <v>0</v>
      </c>
      <c r="JH29" s="158">
        <v>0</v>
      </c>
      <c r="JI29" s="121">
        <v>0</v>
      </c>
      <c r="JJ29" s="122">
        <v>3124643</v>
      </c>
      <c r="JK29" s="122">
        <v>1272697</v>
      </c>
      <c r="JL29" s="122">
        <v>1543084</v>
      </c>
      <c r="JM29" s="122">
        <v>870916</v>
      </c>
      <c r="JN29" s="122">
        <v>548513</v>
      </c>
      <c r="JO29" s="123">
        <v>7359853</v>
      </c>
      <c r="JP29" s="357">
        <v>7359853</v>
      </c>
      <c r="JQ29" s="159">
        <v>0</v>
      </c>
      <c r="JR29" s="122">
        <v>0</v>
      </c>
      <c r="JS29" s="158">
        <v>0</v>
      </c>
      <c r="JT29" s="121">
        <v>0</v>
      </c>
      <c r="JU29" s="122">
        <v>671571</v>
      </c>
      <c r="JV29" s="122">
        <v>691909</v>
      </c>
      <c r="JW29" s="122">
        <v>349585</v>
      </c>
      <c r="JX29" s="122">
        <v>216590</v>
      </c>
      <c r="JY29" s="122">
        <v>241020</v>
      </c>
      <c r="JZ29" s="123">
        <v>2170675</v>
      </c>
      <c r="KA29" s="357">
        <v>2170675</v>
      </c>
      <c r="KB29" s="264">
        <v>310518</v>
      </c>
      <c r="KC29" s="258">
        <v>387171</v>
      </c>
      <c r="KD29" s="123">
        <v>697689</v>
      </c>
      <c r="KE29" s="121">
        <v>0</v>
      </c>
      <c r="KF29" s="122">
        <v>1977323</v>
      </c>
      <c r="KG29" s="122">
        <v>1177147</v>
      </c>
      <c r="KH29" s="122">
        <v>1451406</v>
      </c>
      <c r="KI29" s="122">
        <v>273349</v>
      </c>
      <c r="KJ29" s="122">
        <v>303109</v>
      </c>
      <c r="KK29" s="123">
        <v>5182334</v>
      </c>
      <c r="KL29" s="160">
        <v>5880023</v>
      </c>
      <c r="KM29" s="261">
        <v>0</v>
      </c>
      <c r="KN29" s="268">
        <v>0</v>
      </c>
      <c r="KO29" s="269">
        <v>0</v>
      </c>
      <c r="KP29" s="157"/>
      <c r="KQ29" s="122">
        <v>497123</v>
      </c>
      <c r="KR29" s="122">
        <v>782390</v>
      </c>
      <c r="KS29" s="122">
        <v>3579879</v>
      </c>
      <c r="KT29" s="122">
        <v>1271265</v>
      </c>
      <c r="KU29" s="122">
        <v>957882</v>
      </c>
      <c r="KV29" s="123">
        <v>7088539</v>
      </c>
      <c r="KW29" s="357">
        <v>7088539</v>
      </c>
      <c r="KX29" s="159">
        <v>0</v>
      </c>
      <c r="KY29" s="122">
        <v>0</v>
      </c>
      <c r="KZ29" s="123">
        <v>0</v>
      </c>
      <c r="LA29" s="162"/>
      <c r="LB29" s="122">
        <v>0</v>
      </c>
      <c r="LC29" s="122">
        <v>0</v>
      </c>
      <c r="LD29" s="122">
        <v>0</v>
      </c>
      <c r="LE29" s="122">
        <v>0</v>
      </c>
      <c r="LF29" s="122">
        <v>0</v>
      </c>
      <c r="LG29" s="123">
        <v>0</v>
      </c>
      <c r="LH29" s="124">
        <v>0</v>
      </c>
      <c r="LI29" s="159">
        <v>0</v>
      </c>
      <c r="LJ29" s="122">
        <v>0</v>
      </c>
      <c r="LK29" s="123">
        <v>0</v>
      </c>
      <c r="LL29" s="162"/>
      <c r="LM29" s="122">
        <v>0</v>
      </c>
      <c r="LN29" s="122">
        <v>0</v>
      </c>
      <c r="LO29" s="122">
        <v>0</v>
      </c>
      <c r="LP29" s="122">
        <v>0</v>
      </c>
      <c r="LQ29" s="122">
        <v>0</v>
      </c>
      <c r="LR29" s="123">
        <v>0</v>
      </c>
      <c r="LS29" s="357">
        <v>0</v>
      </c>
      <c r="LT29" s="159">
        <v>0</v>
      </c>
      <c r="LU29" s="122">
        <v>0</v>
      </c>
      <c r="LV29" s="123">
        <v>0</v>
      </c>
      <c r="LW29" s="162"/>
      <c r="LX29" s="122">
        <v>0</v>
      </c>
      <c r="LY29" s="122">
        <v>0</v>
      </c>
      <c r="LZ29" s="122">
        <v>0</v>
      </c>
      <c r="MA29" s="122">
        <v>0</v>
      </c>
      <c r="MB29" s="122">
        <v>0</v>
      </c>
      <c r="MC29" s="123">
        <v>0</v>
      </c>
      <c r="MD29" s="124">
        <v>0</v>
      </c>
      <c r="ME29" s="159">
        <v>0</v>
      </c>
      <c r="MF29" s="122">
        <v>0</v>
      </c>
      <c r="MG29" s="123">
        <v>0</v>
      </c>
      <c r="MH29" s="162"/>
      <c r="MI29" s="122">
        <v>2908210</v>
      </c>
      <c r="MJ29" s="122">
        <v>6229291</v>
      </c>
      <c r="MK29" s="122">
        <v>13731478</v>
      </c>
      <c r="ML29" s="122">
        <v>25660322</v>
      </c>
      <c r="MM29" s="122">
        <v>21890439</v>
      </c>
      <c r="MN29" s="123">
        <v>70419740</v>
      </c>
      <c r="MO29" s="160">
        <v>70419740</v>
      </c>
      <c r="MP29" s="159">
        <v>0</v>
      </c>
      <c r="MQ29" s="122">
        <v>0</v>
      </c>
      <c r="MR29" s="123">
        <v>0</v>
      </c>
      <c r="MS29" s="162"/>
      <c r="MT29" s="122">
        <v>0</v>
      </c>
      <c r="MU29" s="122">
        <v>0</v>
      </c>
      <c r="MV29" s="122">
        <v>8067791</v>
      </c>
      <c r="MW29" s="122">
        <v>18007311</v>
      </c>
      <c r="MX29" s="122">
        <v>17606496</v>
      </c>
      <c r="MY29" s="123">
        <v>43681598</v>
      </c>
      <c r="MZ29" s="160">
        <v>43681598</v>
      </c>
      <c r="NA29" s="159">
        <v>0</v>
      </c>
      <c r="NB29" s="122">
        <v>0</v>
      </c>
      <c r="NC29" s="123">
        <v>0</v>
      </c>
      <c r="ND29" s="162"/>
      <c r="NE29" s="122">
        <v>2908210</v>
      </c>
      <c r="NF29" s="122">
        <v>6229291</v>
      </c>
      <c r="NG29" s="122">
        <v>5663687</v>
      </c>
      <c r="NH29" s="122">
        <v>7653011</v>
      </c>
      <c r="NI29" s="122">
        <v>3961320</v>
      </c>
      <c r="NJ29" s="123">
        <v>26415519</v>
      </c>
      <c r="NK29" s="357">
        <v>26415519</v>
      </c>
      <c r="NL29" s="159">
        <v>0</v>
      </c>
      <c r="NM29" s="122">
        <v>0</v>
      </c>
      <c r="NN29" s="123">
        <v>0</v>
      </c>
      <c r="NO29" s="162"/>
      <c r="NP29" s="122">
        <v>0</v>
      </c>
      <c r="NQ29" s="122">
        <v>0</v>
      </c>
      <c r="NR29" s="122">
        <v>0</v>
      </c>
      <c r="NS29" s="122">
        <v>0</v>
      </c>
      <c r="NT29" s="122">
        <v>322623</v>
      </c>
      <c r="NU29" s="123">
        <v>322623</v>
      </c>
      <c r="NV29" s="124">
        <v>322623</v>
      </c>
      <c r="NW29" s="159">
        <v>0</v>
      </c>
      <c r="NX29" s="122">
        <v>0</v>
      </c>
      <c r="NY29" s="123">
        <v>0</v>
      </c>
      <c r="NZ29" s="162"/>
      <c r="OA29" s="122">
        <v>0</v>
      </c>
      <c r="OB29" s="122">
        <v>0</v>
      </c>
      <c r="OC29" s="122">
        <v>0</v>
      </c>
      <c r="OD29" s="122">
        <v>0</v>
      </c>
      <c r="OE29" s="122">
        <v>0</v>
      </c>
      <c r="OF29" s="123">
        <v>0</v>
      </c>
      <c r="OG29" s="124">
        <v>0</v>
      </c>
      <c r="OH29" s="159">
        <v>2921722</v>
      </c>
      <c r="OI29" s="122">
        <v>3017787</v>
      </c>
      <c r="OJ29" s="158">
        <v>5939509</v>
      </c>
      <c r="OK29" s="121">
        <v>0</v>
      </c>
      <c r="OL29" s="122">
        <v>33938948</v>
      </c>
      <c r="OM29" s="122">
        <v>34668945</v>
      </c>
      <c r="ON29" s="122">
        <v>41420665</v>
      </c>
      <c r="OO29" s="122">
        <v>48810246</v>
      </c>
      <c r="OP29" s="122">
        <v>45309406</v>
      </c>
      <c r="OQ29" s="123">
        <v>204148210</v>
      </c>
      <c r="OR29" s="160">
        <v>210087719</v>
      </c>
    </row>
    <row r="30" spans="1:408" ht="18.75" customHeight="1" x14ac:dyDescent="0.2">
      <c r="A30" s="62" t="s">
        <v>25</v>
      </c>
      <c r="B30" s="112">
        <v>1573899</v>
      </c>
      <c r="C30" s="116">
        <v>3314655</v>
      </c>
      <c r="D30" s="115">
        <v>4888554</v>
      </c>
      <c r="E30" s="111">
        <v>0</v>
      </c>
      <c r="F30" s="116">
        <v>25455782</v>
      </c>
      <c r="G30" s="116">
        <v>26135902</v>
      </c>
      <c r="H30" s="116">
        <v>16578029</v>
      </c>
      <c r="I30" s="116">
        <v>25917756</v>
      </c>
      <c r="J30" s="116">
        <v>17072419</v>
      </c>
      <c r="K30" s="200">
        <v>111159888</v>
      </c>
      <c r="L30" s="118">
        <v>116048442</v>
      </c>
      <c r="M30" s="112">
        <v>366454</v>
      </c>
      <c r="N30" s="116">
        <v>879535</v>
      </c>
      <c r="O30" s="115">
        <v>1245989</v>
      </c>
      <c r="P30" s="112">
        <v>0</v>
      </c>
      <c r="Q30" s="116">
        <v>6734092</v>
      </c>
      <c r="R30" s="116">
        <v>6533908</v>
      </c>
      <c r="S30" s="116">
        <v>5517649</v>
      </c>
      <c r="T30" s="116">
        <v>9202366</v>
      </c>
      <c r="U30" s="116">
        <v>9326014</v>
      </c>
      <c r="V30" s="115">
        <v>37314029</v>
      </c>
      <c r="W30" s="118">
        <v>38560018</v>
      </c>
      <c r="X30" s="112">
        <v>0</v>
      </c>
      <c r="Y30" s="116">
        <v>0</v>
      </c>
      <c r="Z30" s="115">
        <v>0</v>
      </c>
      <c r="AA30" s="112">
        <v>0</v>
      </c>
      <c r="AB30" s="116">
        <v>3618182</v>
      </c>
      <c r="AC30" s="116">
        <v>3210019</v>
      </c>
      <c r="AD30" s="116">
        <v>3309303</v>
      </c>
      <c r="AE30" s="443">
        <v>5752937</v>
      </c>
      <c r="AF30" s="443">
        <v>5349688</v>
      </c>
      <c r="AG30" s="115">
        <v>21240129</v>
      </c>
      <c r="AH30" s="118">
        <v>21240129</v>
      </c>
      <c r="AI30" s="112">
        <v>0</v>
      </c>
      <c r="AJ30" s="116">
        <v>0</v>
      </c>
      <c r="AK30" s="115">
        <v>0</v>
      </c>
      <c r="AL30" s="112">
        <v>0</v>
      </c>
      <c r="AM30" s="116">
        <v>138044</v>
      </c>
      <c r="AN30" s="116">
        <v>289469</v>
      </c>
      <c r="AO30" s="116">
        <v>195753</v>
      </c>
      <c r="AP30" s="116">
        <v>1159716</v>
      </c>
      <c r="AQ30" s="116">
        <v>1394408</v>
      </c>
      <c r="AR30" s="115">
        <v>3177390</v>
      </c>
      <c r="AS30" s="118">
        <v>3177390</v>
      </c>
      <c r="AT30" s="112">
        <v>267465</v>
      </c>
      <c r="AU30" s="116">
        <v>636177</v>
      </c>
      <c r="AV30" s="115">
        <v>903642</v>
      </c>
      <c r="AW30" s="112">
        <v>0</v>
      </c>
      <c r="AX30" s="116">
        <v>2075063</v>
      </c>
      <c r="AY30" s="116">
        <v>2000548</v>
      </c>
      <c r="AZ30" s="116">
        <v>1192150</v>
      </c>
      <c r="BA30" s="116">
        <v>1371673</v>
      </c>
      <c r="BB30" s="116">
        <v>1908638</v>
      </c>
      <c r="BC30" s="115">
        <v>8548072</v>
      </c>
      <c r="BD30" s="118">
        <v>9451714</v>
      </c>
      <c r="BE30" s="112">
        <v>50519</v>
      </c>
      <c r="BF30" s="116">
        <v>72644</v>
      </c>
      <c r="BG30" s="114">
        <v>123163</v>
      </c>
      <c r="BH30" s="113">
        <v>0</v>
      </c>
      <c r="BI30" s="116">
        <v>76652</v>
      </c>
      <c r="BJ30" s="116">
        <v>178090</v>
      </c>
      <c r="BK30" s="116">
        <v>269393</v>
      </c>
      <c r="BL30" s="116">
        <v>111927</v>
      </c>
      <c r="BM30" s="116">
        <v>147038</v>
      </c>
      <c r="BN30" s="115">
        <v>783100</v>
      </c>
      <c r="BO30" s="118">
        <v>906263</v>
      </c>
      <c r="BP30" s="112">
        <v>48470</v>
      </c>
      <c r="BQ30" s="116">
        <v>170714</v>
      </c>
      <c r="BR30" s="115">
        <v>219184</v>
      </c>
      <c r="BS30" s="112">
        <v>0</v>
      </c>
      <c r="BT30" s="116">
        <v>826151</v>
      </c>
      <c r="BU30" s="116">
        <v>855782</v>
      </c>
      <c r="BV30" s="116">
        <v>551050</v>
      </c>
      <c r="BW30" s="116">
        <v>806113</v>
      </c>
      <c r="BX30" s="116">
        <v>526242</v>
      </c>
      <c r="BY30" s="115">
        <v>3565338</v>
      </c>
      <c r="BZ30" s="118">
        <v>3784522</v>
      </c>
      <c r="CA30" s="112">
        <v>90638</v>
      </c>
      <c r="CB30" s="116">
        <v>529692</v>
      </c>
      <c r="CC30" s="115">
        <v>620330</v>
      </c>
      <c r="CD30" s="112">
        <v>0</v>
      </c>
      <c r="CE30" s="443">
        <v>8575752</v>
      </c>
      <c r="CF30" s="443">
        <v>8164395</v>
      </c>
      <c r="CG30" s="443">
        <v>4111253</v>
      </c>
      <c r="CH30" s="116">
        <v>6553031</v>
      </c>
      <c r="CI30" s="116">
        <v>1426575</v>
      </c>
      <c r="CJ30" s="451">
        <v>28831006</v>
      </c>
      <c r="CK30" s="452">
        <v>29451336</v>
      </c>
      <c r="CL30" s="112">
        <v>0</v>
      </c>
      <c r="CM30" s="116">
        <v>0</v>
      </c>
      <c r="CN30" s="115">
        <v>0</v>
      </c>
      <c r="CO30" s="113">
        <v>0</v>
      </c>
      <c r="CP30" s="116">
        <v>7170495</v>
      </c>
      <c r="CQ30" s="116">
        <v>5128244</v>
      </c>
      <c r="CR30" s="116">
        <v>2876580</v>
      </c>
      <c r="CS30" s="116">
        <v>5437599</v>
      </c>
      <c r="CT30" s="116">
        <v>739639</v>
      </c>
      <c r="CU30" s="115">
        <v>21352557</v>
      </c>
      <c r="CV30" s="118">
        <v>21352557</v>
      </c>
      <c r="CW30" s="112">
        <v>90638</v>
      </c>
      <c r="CX30" s="116">
        <v>529692</v>
      </c>
      <c r="CY30" s="115">
        <v>620330</v>
      </c>
      <c r="CZ30" s="112">
        <v>0</v>
      </c>
      <c r="DA30" s="116">
        <v>1405257</v>
      </c>
      <c r="DB30" s="116">
        <v>3036151</v>
      </c>
      <c r="DC30" s="116">
        <v>1234673</v>
      </c>
      <c r="DD30" s="116">
        <v>1115432</v>
      </c>
      <c r="DE30" s="116">
        <v>686936</v>
      </c>
      <c r="DF30" s="115">
        <v>7478449</v>
      </c>
      <c r="DG30" s="118">
        <v>8098779</v>
      </c>
      <c r="DH30" s="112">
        <v>0</v>
      </c>
      <c r="DI30" s="116">
        <v>104666</v>
      </c>
      <c r="DJ30" s="114">
        <v>104666</v>
      </c>
      <c r="DK30" s="113">
        <v>0</v>
      </c>
      <c r="DL30" s="116">
        <v>950126</v>
      </c>
      <c r="DM30" s="116">
        <v>1892501</v>
      </c>
      <c r="DN30" s="116">
        <v>737129</v>
      </c>
      <c r="DO30" s="116">
        <v>1464749</v>
      </c>
      <c r="DP30" s="116">
        <v>897150</v>
      </c>
      <c r="DQ30" s="115">
        <v>5941655</v>
      </c>
      <c r="DR30" s="118">
        <v>6046321</v>
      </c>
      <c r="DS30" s="112">
        <v>0</v>
      </c>
      <c r="DT30" s="116">
        <v>104666</v>
      </c>
      <c r="DU30" s="115">
        <v>104666</v>
      </c>
      <c r="DV30" s="112">
        <v>0</v>
      </c>
      <c r="DW30" s="116">
        <v>872762</v>
      </c>
      <c r="DX30" s="116">
        <v>1556297</v>
      </c>
      <c r="DY30" s="116">
        <v>698165</v>
      </c>
      <c r="DZ30" s="116">
        <v>1095464</v>
      </c>
      <c r="EA30" s="116">
        <v>732618</v>
      </c>
      <c r="EB30" s="115">
        <v>4955306</v>
      </c>
      <c r="EC30" s="118">
        <v>5059972</v>
      </c>
      <c r="ED30" s="112">
        <v>0</v>
      </c>
      <c r="EE30" s="114">
        <v>0</v>
      </c>
      <c r="EF30" s="115">
        <v>0</v>
      </c>
      <c r="EG30" s="112">
        <v>0</v>
      </c>
      <c r="EH30" s="116">
        <v>77364</v>
      </c>
      <c r="EI30" s="116">
        <v>336204</v>
      </c>
      <c r="EJ30" s="116">
        <v>38964</v>
      </c>
      <c r="EK30" s="116">
        <v>369285</v>
      </c>
      <c r="EL30" s="116">
        <v>164532</v>
      </c>
      <c r="EM30" s="114">
        <v>986349</v>
      </c>
      <c r="EN30" s="118">
        <v>986349</v>
      </c>
      <c r="EO30" s="112">
        <v>0</v>
      </c>
      <c r="EP30" s="116">
        <v>0</v>
      </c>
      <c r="EQ30" s="114">
        <v>0</v>
      </c>
      <c r="ER30" s="113">
        <v>0</v>
      </c>
      <c r="ES30" s="116">
        <v>0</v>
      </c>
      <c r="ET30" s="116">
        <v>0</v>
      </c>
      <c r="EU30" s="116">
        <v>0</v>
      </c>
      <c r="EV30" s="116">
        <v>0</v>
      </c>
      <c r="EW30" s="116">
        <v>0</v>
      </c>
      <c r="EX30" s="115">
        <v>0</v>
      </c>
      <c r="EY30" s="118">
        <v>0</v>
      </c>
      <c r="EZ30" s="112">
        <v>0</v>
      </c>
      <c r="FA30" s="116">
        <v>0</v>
      </c>
      <c r="FB30" s="114">
        <v>0</v>
      </c>
      <c r="FC30" s="390"/>
      <c r="FD30" s="116">
        <v>0</v>
      </c>
      <c r="FE30" s="116">
        <v>0</v>
      </c>
      <c r="FF30" s="116">
        <v>0</v>
      </c>
      <c r="FG30" s="116">
        <v>0</v>
      </c>
      <c r="FH30" s="116">
        <v>0</v>
      </c>
      <c r="FI30" s="115">
        <v>0</v>
      </c>
      <c r="FJ30" s="118">
        <v>0</v>
      </c>
      <c r="FK30" s="112">
        <v>639488</v>
      </c>
      <c r="FL30" s="116">
        <v>648604</v>
      </c>
      <c r="FM30" s="115">
        <v>1288092</v>
      </c>
      <c r="FN30" s="112">
        <v>0</v>
      </c>
      <c r="FO30" s="116">
        <v>1180213</v>
      </c>
      <c r="FP30" s="116">
        <v>2637532</v>
      </c>
      <c r="FQ30" s="116">
        <v>2008884</v>
      </c>
      <c r="FR30" s="116">
        <v>2083074</v>
      </c>
      <c r="FS30" s="116">
        <v>1473096</v>
      </c>
      <c r="FT30" s="115">
        <v>9382799</v>
      </c>
      <c r="FU30" s="118">
        <v>10670891</v>
      </c>
      <c r="FV30" s="117">
        <v>346088</v>
      </c>
      <c r="FW30" s="116">
        <v>613404</v>
      </c>
      <c r="FX30" s="114">
        <v>959492</v>
      </c>
      <c r="FY30" s="113">
        <v>0</v>
      </c>
      <c r="FZ30" s="116">
        <v>877093</v>
      </c>
      <c r="GA30" s="116">
        <v>2242792</v>
      </c>
      <c r="GB30" s="116">
        <v>1682904</v>
      </c>
      <c r="GC30" s="116">
        <v>2083074</v>
      </c>
      <c r="GD30" s="116">
        <v>1473096</v>
      </c>
      <c r="GE30" s="115">
        <v>8358959</v>
      </c>
      <c r="GF30" s="354">
        <v>9318451</v>
      </c>
      <c r="GG30" s="117">
        <v>113400</v>
      </c>
      <c r="GH30" s="116">
        <v>0</v>
      </c>
      <c r="GI30" s="114">
        <v>113400</v>
      </c>
      <c r="GJ30" s="113">
        <v>0</v>
      </c>
      <c r="GK30" s="116">
        <v>17820</v>
      </c>
      <c r="GL30" s="116">
        <v>115740</v>
      </c>
      <c r="GM30" s="116">
        <v>13320</v>
      </c>
      <c r="GN30" s="116">
        <v>0</v>
      </c>
      <c r="GO30" s="116">
        <v>0</v>
      </c>
      <c r="GP30" s="115">
        <v>146880</v>
      </c>
      <c r="GQ30" s="118">
        <v>260280</v>
      </c>
      <c r="GR30" s="112">
        <v>180000</v>
      </c>
      <c r="GS30" s="116">
        <v>35200</v>
      </c>
      <c r="GT30" s="115">
        <v>215200</v>
      </c>
      <c r="GU30" s="112">
        <v>0</v>
      </c>
      <c r="GV30" s="116">
        <v>285300</v>
      </c>
      <c r="GW30" s="116">
        <v>279000</v>
      </c>
      <c r="GX30" s="116">
        <v>312660</v>
      </c>
      <c r="GY30" s="116">
        <v>0</v>
      </c>
      <c r="GZ30" s="116">
        <v>0</v>
      </c>
      <c r="HA30" s="114">
        <v>876960</v>
      </c>
      <c r="HB30" s="118">
        <v>1092160</v>
      </c>
      <c r="HC30" s="112">
        <v>120667</v>
      </c>
      <c r="HD30" s="116">
        <v>500546</v>
      </c>
      <c r="HE30" s="114">
        <v>621213</v>
      </c>
      <c r="HF30" s="113">
        <v>0</v>
      </c>
      <c r="HG30" s="116">
        <v>3329559</v>
      </c>
      <c r="HH30" s="116">
        <v>3809263</v>
      </c>
      <c r="HI30" s="116">
        <v>2235135</v>
      </c>
      <c r="HJ30" s="116">
        <v>4374241</v>
      </c>
      <c r="HK30" s="116">
        <v>2830999</v>
      </c>
      <c r="HL30" s="115">
        <v>16579197</v>
      </c>
      <c r="HM30" s="111">
        <v>17200410</v>
      </c>
      <c r="HN30" s="117">
        <v>356652</v>
      </c>
      <c r="HO30" s="116">
        <v>651612</v>
      </c>
      <c r="HP30" s="115">
        <v>1008264</v>
      </c>
      <c r="HQ30" s="112">
        <v>0</v>
      </c>
      <c r="HR30" s="116">
        <v>4686040</v>
      </c>
      <c r="HS30" s="116">
        <v>3098303</v>
      </c>
      <c r="HT30" s="116">
        <v>1967979</v>
      </c>
      <c r="HU30" s="116">
        <v>2240295</v>
      </c>
      <c r="HV30" s="116">
        <v>1118585</v>
      </c>
      <c r="HW30" s="114">
        <v>13111202</v>
      </c>
      <c r="HX30" s="118">
        <v>14119466</v>
      </c>
      <c r="HY30" s="167">
        <v>0</v>
      </c>
      <c r="HZ30" s="152">
        <v>0</v>
      </c>
      <c r="IA30" s="167">
        <v>0</v>
      </c>
      <c r="IB30" s="151">
        <v>0</v>
      </c>
      <c r="IC30" s="152">
        <v>7359028</v>
      </c>
      <c r="ID30" s="153">
        <v>4507555</v>
      </c>
      <c r="IE30" s="154">
        <v>3220150</v>
      </c>
      <c r="IF30" s="152">
        <v>2029533</v>
      </c>
      <c r="IG30" s="154">
        <v>928095</v>
      </c>
      <c r="IH30" s="155">
        <v>18044361</v>
      </c>
      <c r="II30" s="167">
        <v>18044361</v>
      </c>
      <c r="IJ30" s="261">
        <v>0</v>
      </c>
      <c r="IK30" s="268">
        <v>0</v>
      </c>
      <c r="IL30" s="269">
        <v>0</v>
      </c>
      <c r="IM30" s="157"/>
      <c r="IN30" s="122">
        <v>0</v>
      </c>
      <c r="IO30" s="122">
        <v>0</v>
      </c>
      <c r="IP30" s="122">
        <v>0</v>
      </c>
      <c r="IQ30" s="122">
        <v>0</v>
      </c>
      <c r="IR30" s="122">
        <v>0</v>
      </c>
      <c r="IS30" s="158">
        <v>0</v>
      </c>
      <c r="IT30" s="357">
        <v>0</v>
      </c>
      <c r="IU30" s="159">
        <v>0</v>
      </c>
      <c r="IV30" s="122">
        <v>0</v>
      </c>
      <c r="IW30" s="123">
        <v>0</v>
      </c>
      <c r="IX30" s="161"/>
      <c r="IY30" s="122">
        <v>0</v>
      </c>
      <c r="IZ30" s="122">
        <v>0</v>
      </c>
      <c r="JA30" s="122">
        <v>0</v>
      </c>
      <c r="JB30" s="122">
        <v>0</v>
      </c>
      <c r="JC30" s="122">
        <v>0</v>
      </c>
      <c r="JD30" s="123">
        <v>0</v>
      </c>
      <c r="JE30" s="124">
        <v>0</v>
      </c>
      <c r="JF30" s="159">
        <v>0</v>
      </c>
      <c r="JG30" s="122">
        <v>0</v>
      </c>
      <c r="JH30" s="158">
        <v>0</v>
      </c>
      <c r="JI30" s="121">
        <v>0</v>
      </c>
      <c r="JJ30" s="122">
        <v>3574860</v>
      </c>
      <c r="JK30" s="122">
        <v>1827691</v>
      </c>
      <c r="JL30" s="122">
        <v>1173392</v>
      </c>
      <c r="JM30" s="122">
        <v>895877</v>
      </c>
      <c r="JN30" s="122">
        <v>223177</v>
      </c>
      <c r="JO30" s="123">
        <v>7694997</v>
      </c>
      <c r="JP30" s="357">
        <v>7694997</v>
      </c>
      <c r="JQ30" s="159">
        <v>0</v>
      </c>
      <c r="JR30" s="122">
        <v>0</v>
      </c>
      <c r="JS30" s="158">
        <v>0</v>
      </c>
      <c r="JT30" s="121">
        <v>0</v>
      </c>
      <c r="JU30" s="122">
        <v>496926</v>
      </c>
      <c r="JV30" s="122">
        <v>498818</v>
      </c>
      <c r="JW30" s="122">
        <v>0</v>
      </c>
      <c r="JX30" s="122">
        <v>0</v>
      </c>
      <c r="JY30" s="122">
        <v>184155</v>
      </c>
      <c r="JZ30" s="123">
        <v>1179899</v>
      </c>
      <c r="KA30" s="357">
        <v>1179899</v>
      </c>
      <c r="KB30" s="264">
        <v>0</v>
      </c>
      <c r="KC30" s="258">
        <v>0</v>
      </c>
      <c r="KD30" s="123">
        <v>0</v>
      </c>
      <c r="KE30" s="121">
        <v>0</v>
      </c>
      <c r="KF30" s="122">
        <v>239044</v>
      </c>
      <c r="KG30" s="122">
        <v>346709</v>
      </c>
      <c r="KH30" s="122">
        <v>999582</v>
      </c>
      <c r="KI30" s="122">
        <v>0</v>
      </c>
      <c r="KJ30" s="122">
        <v>228823</v>
      </c>
      <c r="KK30" s="123">
        <v>1814158</v>
      </c>
      <c r="KL30" s="160">
        <v>1814158</v>
      </c>
      <c r="KM30" s="261">
        <v>0</v>
      </c>
      <c r="KN30" s="268">
        <v>0</v>
      </c>
      <c r="KO30" s="269">
        <v>0</v>
      </c>
      <c r="KP30" s="157"/>
      <c r="KQ30" s="122">
        <v>3048198</v>
      </c>
      <c r="KR30" s="122">
        <v>1834337</v>
      </c>
      <c r="KS30" s="122">
        <v>1047176</v>
      </c>
      <c r="KT30" s="122">
        <v>1133656</v>
      </c>
      <c r="KU30" s="122">
        <v>291940</v>
      </c>
      <c r="KV30" s="123">
        <v>7355307</v>
      </c>
      <c r="KW30" s="357">
        <v>7355307</v>
      </c>
      <c r="KX30" s="159">
        <v>0</v>
      </c>
      <c r="KY30" s="122">
        <v>0</v>
      </c>
      <c r="KZ30" s="123">
        <v>0</v>
      </c>
      <c r="LA30" s="162"/>
      <c r="LB30" s="122">
        <v>0</v>
      </c>
      <c r="LC30" s="122">
        <v>0</v>
      </c>
      <c r="LD30" s="122">
        <v>0</v>
      </c>
      <c r="LE30" s="122">
        <v>0</v>
      </c>
      <c r="LF30" s="122">
        <v>0</v>
      </c>
      <c r="LG30" s="123">
        <v>0</v>
      </c>
      <c r="LH30" s="124">
        <v>0</v>
      </c>
      <c r="LI30" s="159">
        <v>0</v>
      </c>
      <c r="LJ30" s="122">
        <v>0</v>
      </c>
      <c r="LK30" s="123">
        <v>0</v>
      </c>
      <c r="LL30" s="162"/>
      <c r="LM30" s="122">
        <v>0</v>
      </c>
      <c r="LN30" s="122">
        <v>0</v>
      </c>
      <c r="LO30" s="122">
        <v>0</v>
      </c>
      <c r="LP30" s="122">
        <v>0</v>
      </c>
      <c r="LQ30" s="122">
        <v>0</v>
      </c>
      <c r="LR30" s="123">
        <v>0</v>
      </c>
      <c r="LS30" s="357">
        <v>0</v>
      </c>
      <c r="LT30" s="159">
        <v>0</v>
      </c>
      <c r="LU30" s="122">
        <v>0</v>
      </c>
      <c r="LV30" s="123">
        <v>0</v>
      </c>
      <c r="LW30" s="162"/>
      <c r="LX30" s="122">
        <v>0</v>
      </c>
      <c r="LY30" s="122">
        <v>0</v>
      </c>
      <c r="LZ30" s="122">
        <v>0</v>
      </c>
      <c r="MA30" s="122">
        <v>0</v>
      </c>
      <c r="MB30" s="122">
        <v>0</v>
      </c>
      <c r="MC30" s="123">
        <v>0</v>
      </c>
      <c r="MD30" s="124">
        <v>0</v>
      </c>
      <c r="ME30" s="159">
        <v>0</v>
      </c>
      <c r="MF30" s="122">
        <v>0</v>
      </c>
      <c r="MG30" s="123">
        <v>0</v>
      </c>
      <c r="MH30" s="162"/>
      <c r="MI30" s="122">
        <v>5459487</v>
      </c>
      <c r="MJ30" s="122">
        <v>6587338</v>
      </c>
      <c r="MK30" s="122">
        <v>24617301</v>
      </c>
      <c r="ML30" s="122">
        <v>35013009</v>
      </c>
      <c r="MM30" s="122">
        <v>21564987</v>
      </c>
      <c r="MN30" s="123">
        <v>93242122</v>
      </c>
      <c r="MO30" s="160">
        <v>93242122</v>
      </c>
      <c r="MP30" s="159">
        <v>0</v>
      </c>
      <c r="MQ30" s="122">
        <v>0</v>
      </c>
      <c r="MR30" s="123">
        <v>0</v>
      </c>
      <c r="MS30" s="162"/>
      <c r="MT30" s="122">
        <v>1346844</v>
      </c>
      <c r="MU30" s="122">
        <v>2241985</v>
      </c>
      <c r="MV30" s="122">
        <v>16891784</v>
      </c>
      <c r="MW30" s="122">
        <v>20159390</v>
      </c>
      <c r="MX30" s="122">
        <v>15568285</v>
      </c>
      <c r="MY30" s="123">
        <v>56208288</v>
      </c>
      <c r="MZ30" s="160">
        <v>56208288</v>
      </c>
      <c r="NA30" s="159">
        <v>0</v>
      </c>
      <c r="NB30" s="122">
        <v>0</v>
      </c>
      <c r="NC30" s="123">
        <v>0</v>
      </c>
      <c r="ND30" s="162"/>
      <c r="NE30" s="122">
        <v>4112643</v>
      </c>
      <c r="NF30" s="122">
        <v>4345353</v>
      </c>
      <c r="NG30" s="122">
        <v>7725517</v>
      </c>
      <c r="NH30" s="122">
        <v>14453344</v>
      </c>
      <c r="NI30" s="122">
        <v>5645302</v>
      </c>
      <c r="NJ30" s="123">
        <v>36282159</v>
      </c>
      <c r="NK30" s="357">
        <v>36282159</v>
      </c>
      <c r="NL30" s="159">
        <v>0</v>
      </c>
      <c r="NM30" s="122">
        <v>0</v>
      </c>
      <c r="NN30" s="123">
        <v>0</v>
      </c>
      <c r="NO30" s="162"/>
      <c r="NP30" s="122">
        <v>0</v>
      </c>
      <c r="NQ30" s="122">
        <v>0</v>
      </c>
      <c r="NR30" s="122">
        <v>0</v>
      </c>
      <c r="NS30" s="122">
        <v>0</v>
      </c>
      <c r="NT30" s="122">
        <v>351400</v>
      </c>
      <c r="NU30" s="123">
        <v>351400</v>
      </c>
      <c r="NV30" s="124">
        <v>351400</v>
      </c>
      <c r="NW30" s="159">
        <v>0</v>
      </c>
      <c r="NX30" s="122">
        <v>0</v>
      </c>
      <c r="NY30" s="123">
        <v>0</v>
      </c>
      <c r="NZ30" s="162"/>
      <c r="OA30" s="122">
        <v>0</v>
      </c>
      <c r="OB30" s="122">
        <v>0</v>
      </c>
      <c r="OC30" s="122">
        <v>0</v>
      </c>
      <c r="OD30" s="122">
        <v>400275</v>
      </c>
      <c r="OE30" s="122">
        <v>0</v>
      </c>
      <c r="OF30" s="123">
        <v>400275</v>
      </c>
      <c r="OG30" s="124">
        <v>400275</v>
      </c>
      <c r="OH30" s="159">
        <v>1573899</v>
      </c>
      <c r="OI30" s="122">
        <v>3314655</v>
      </c>
      <c r="OJ30" s="158">
        <v>4888554</v>
      </c>
      <c r="OK30" s="121">
        <v>0</v>
      </c>
      <c r="OL30" s="122">
        <v>38274297</v>
      </c>
      <c r="OM30" s="122">
        <v>37230795</v>
      </c>
      <c r="ON30" s="122">
        <v>44415480</v>
      </c>
      <c r="OO30" s="122">
        <v>62960298</v>
      </c>
      <c r="OP30" s="122">
        <v>39565501</v>
      </c>
      <c r="OQ30" s="123">
        <v>222446371</v>
      </c>
      <c r="OR30" s="160">
        <v>227334925</v>
      </c>
    </row>
    <row r="31" spans="1:408" ht="18.75" customHeight="1" x14ac:dyDescent="0.2">
      <c r="A31" s="62" t="s">
        <v>26</v>
      </c>
      <c r="B31" s="112">
        <v>2179810</v>
      </c>
      <c r="C31" s="116">
        <v>2280702</v>
      </c>
      <c r="D31" s="115">
        <v>4460512</v>
      </c>
      <c r="E31" s="111">
        <v>0</v>
      </c>
      <c r="F31" s="116">
        <v>23070974</v>
      </c>
      <c r="G31" s="116">
        <v>24219897</v>
      </c>
      <c r="H31" s="116">
        <v>20833392</v>
      </c>
      <c r="I31" s="116">
        <v>20452419</v>
      </c>
      <c r="J31" s="116">
        <v>21263936</v>
      </c>
      <c r="K31" s="200">
        <v>109840618</v>
      </c>
      <c r="L31" s="118">
        <v>114301130</v>
      </c>
      <c r="M31" s="112">
        <v>438050</v>
      </c>
      <c r="N31" s="116">
        <v>600609</v>
      </c>
      <c r="O31" s="115">
        <v>1038659</v>
      </c>
      <c r="P31" s="112">
        <v>0</v>
      </c>
      <c r="Q31" s="116">
        <v>6206111</v>
      </c>
      <c r="R31" s="116">
        <v>7389459</v>
      </c>
      <c r="S31" s="116">
        <v>5557426</v>
      </c>
      <c r="T31" s="116">
        <v>7682791</v>
      </c>
      <c r="U31" s="116">
        <v>11380810</v>
      </c>
      <c r="V31" s="115">
        <v>38216597</v>
      </c>
      <c r="W31" s="118">
        <v>39255256</v>
      </c>
      <c r="X31" s="112">
        <v>0</v>
      </c>
      <c r="Y31" s="116">
        <v>0</v>
      </c>
      <c r="Z31" s="115">
        <v>0</v>
      </c>
      <c r="AA31" s="112">
        <v>0</v>
      </c>
      <c r="AB31" s="116">
        <v>2752968</v>
      </c>
      <c r="AC31" s="116">
        <v>4606519</v>
      </c>
      <c r="AD31" s="116">
        <v>2794205</v>
      </c>
      <c r="AE31" s="443">
        <v>4729638</v>
      </c>
      <c r="AF31" s="443">
        <v>6847650</v>
      </c>
      <c r="AG31" s="115">
        <v>21730980</v>
      </c>
      <c r="AH31" s="118">
        <v>21730980</v>
      </c>
      <c r="AI31" s="112">
        <v>0</v>
      </c>
      <c r="AJ31" s="116">
        <v>0</v>
      </c>
      <c r="AK31" s="115">
        <v>0</v>
      </c>
      <c r="AL31" s="112">
        <v>0</v>
      </c>
      <c r="AM31" s="116">
        <v>0</v>
      </c>
      <c r="AN31" s="116">
        <v>145006</v>
      </c>
      <c r="AO31" s="116">
        <v>194862</v>
      </c>
      <c r="AP31" s="116">
        <v>535989</v>
      </c>
      <c r="AQ31" s="116">
        <v>1181330</v>
      </c>
      <c r="AR31" s="115">
        <v>2057187</v>
      </c>
      <c r="AS31" s="118">
        <v>2057187</v>
      </c>
      <c r="AT31" s="112">
        <v>232067</v>
      </c>
      <c r="AU31" s="116">
        <v>568004</v>
      </c>
      <c r="AV31" s="115">
        <v>800071</v>
      </c>
      <c r="AW31" s="112">
        <v>0</v>
      </c>
      <c r="AX31" s="116">
        <v>2452078</v>
      </c>
      <c r="AY31" s="116">
        <v>1766033</v>
      </c>
      <c r="AZ31" s="116">
        <v>1555894</v>
      </c>
      <c r="BA31" s="116">
        <v>1567776</v>
      </c>
      <c r="BB31" s="116">
        <v>2631784</v>
      </c>
      <c r="BC31" s="115">
        <v>9973565</v>
      </c>
      <c r="BD31" s="118">
        <v>10773636</v>
      </c>
      <c r="BE31" s="112">
        <v>47550</v>
      </c>
      <c r="BF31" s="116">
        <v>0</v>
      </c>
      <c r="BG31" s="114">
        <v>47550</v>
      </c>
      <c r="BH31" s="113">
        <v>0</v>
      </c>
      <c r="BI31" s="116">
        <v>215511</v>
      </c>
      <c r="BJ31" s="116">
        <v>180777</v>
      </c>
      <c r="BK31" s="116">
        <v>134058</v>
      </c>
      <c r="BL31" s="116">
        <v>11955</v>
      </c>
      <c r="BM31" s="116">
        <v>99640</v>
      </c>
      <c r="BN31" s="115">
        <v>641941</v>
      </c>
      <c r="BO31" s="118">
        <v>689491</v>
      </c>
      <c r="BP31" s="112">
        <v>158433</v>
      </c>
      <c r="BQ31" s="116">
        <v>32605</v>
      </c>
      <c r="BR31" s="115">
        <v>191038</v>
      </c>
      <c r="BS31" s="112">
        <v>0</v>
      </c>
      <c r="BT31" s="116">
        <v>785554</v>
      </c>
      <c r="BU31" s="116">
        <v>691124</v>
      </c>
      <c r="BV31" s="116">
        <v>878407</v>
      </c>
      <c r="BW31" s="116">
        <v>837433</v>
      </c>
      <c r="BX31" s="116">
        <v>620406</v>
      </c>
      <c r="BY31" s="115">
        <v>3812924</v>
      </c>
      <c r="BZ31" s="118">
        <v>4003962</v>
      </c>
      <c r="CA31" s="112">
        <v>66501</v>
      </c>
      <c r="CB31" s="116">
        <v>237430</v>
      </c>
      <c r="CC31" s="115">
        <v>303931</v>
      </c>
      <c r="CD31" s="112">
        <v>0</v>
      </c>
      <c r="CE31" s="443">
        <v>6674485</v>
      </c>
      <c r="CF31" s="443">
        <v>6585076</v>
      </c>
      <c r="CG31" s="443">
        <v>4969336</v>
      </c>
      <c r="CH31" s="116">
        <v>2660586</v>
      </c>
      <c r="CI31" s="116">
        <v>2917405</v>
      </c>
      <c r="CJ31" s="451">
        <v>23806888</v>
      </c>
      <c r="CK31" s="452">
        <v>24110819</v>
      </c>
      <c r="CL31" s="112">
        <v>0</v>
      </c>
      <c r="CM31" s="116">
        <v>0</v>
      </c>
      <c r="CN31" s="115">
        <v>0</v>
      </c>
      <c r="CO31" s="113">
        <v>0</v>
      </c>
      <c r="CP31" s="116">
        <v>5660164</v>
      </c>
      <c r="CQ31" s="116">
        <v>5225512</v>
      </c>
      <c r="CR31" s="116">
        <v>4173283</v>
      </c>
      <c r="CS31" s="116">
        <v>2091118</v>
      </c>
      <c r="CT31" s="116">
        <v>2469959</v>
      </c>
      <c r="CU31" s="115">
        <v>19620036</v>
      </c>
      <c r="CV31" s="118">
        <v>19620036</v>
      </c>
      <c r="CW31" s="112">
        <v>66501</v>
      </c>
      <c r="CX31" s="116">
        <v>237430</v>
      </c>
      <c r="CY31" s="115">
        <v>303931</v>
      </c>
      <c r="CZ31" s="112">
        <v>0</v>
      </c>
      <c r="DA31" s="116">
        <v>1014321</v>
      </c>
      <c r="DB31" s="116">
        <v>1359564</v>
      </c>
      <c r="DC31" s="116">
        <v>796053</v>
      </c>
      <c r="DD31" s="116">
        <v>569468</v>
      </c>
      <c r="DE31" s="116">
        <v>447446</v>
      </c>
      <c r="DF31" s="115">
        <v>4186852</v>
      </c>
      <c r="DG31" s="118">
        <v>4490783</v>
      </c>
      <c r="DH31" s="112">
        <v>0</v>
      </c>
      <c r="DI31" s="116">
        <v>385510</v>
      </c>
      <c r="DJ31" s="114">
        <v>385510</v>
      </c>
      <c r="DK31" s="113">
        <v>0</v>
      </c>
      <c r="DL31" s="116">
        <v>491623</v>
      </c>
      <c r="DM31" s="116">
        <v>1085863</v>
      </c>
      <c r="DN31" s="116">
        <v>2528614</v>
      </c>
      <c r="DO31" s="116">
        <v>2046022</v>
      </c>
      <c r="DP31" s="116">
        <v>1067913</v>
      </c>
      <c r="DQ31" s="115">
        <v>7220035</v>
      </c>
      <c r="DR31" s="118">
        <v>7605545</v>
      </c>
      <c r="DS31" s="112">
        <v>0</v>
      </c>
      <c r="DT31" s="116">
        <v>385510</v>
      </c>
      <c r="DU31" s="115">
        <v>385510</v>
      </c>
      <c r="DV31" s="112">
        <v>0</v>
      </c>
      <c r="DW31" s="116">
        <v>328246</v>
      </c>
      <c r="DX31" s="116">
        <v>1085863</v>
      </c>
      <c r="DY31" s="116">
        <v>1876317</v>
      </c>
      <c r="DZ31" s="116">
        <v>1774401</v>
      </c>
      <c r="EA31" s="116">
        <v>894942</v>
      </c>
      <c r="EB31" s="115">
        <v>5959769</v>
      </c>
      <c r="EC31" s="118">
        <v>6345279</v>
      </c>
      <c r="ED31" s="112">
        <v>0</v>
      </c>
      <c r="EE31" s="114">
        <v>0</v>
      </c>
      <c r="EF31" s="115">
        <v>0</v>
      </c>
      <c r="EG31" s="112">
        <v>0</v>
      </c>
      <c r="EH31" s="116">
        <v>163377</v>
      </c>
      <c r="EI31" s="116">
        <v>0</v>
      </c>
      <c r="EJ31" s="116">
        <v>652297</v>
      </c>
      <c r="EK31" s="116">
        <v>271621</v>
      </c>
      <c r="EL31" s="116">
        <v>172971</v>
      </c>
      <c r="EM31" s="114">
        <v>1260266</v>
      </c>
      <c r="EN31" s="118">
        <v>1260266</v>
      </c>
      <c r="EO31" s="112">
        <v>0</v>
      </c>
      <c r="EP31" s="116">
        <v>0</v>
      </c>
      <c r="EQ31" s="114">
        <v>0</v>
      </c>
      <c r="ER31" s="113">
        <v>0</v>
      </c>
      <c r="ES31" s="116">
        <v>0</v>
      </c>
      <c r="ET31" s="116">
        <v>0</v>
      </c>
      <c r="EU31" s="116">
        <v>0</v>
      </c>
      <c r="EV31" s="116">
        <v>0</v>
      </c>
      <c r="EW31" s="116">
        <v>0</v>
      </c>
      <c r="EX31" s="115">
        <v>0</v>
      </c>
      <c r="EY31" s="118">
        <v>0</v>
      </c>
      <c r="EZ31" s="112">
        <v>0</v>
      </c>
      <c r="FA31" s="116">
        <v>0</v>
      </c>
      <c r="FB31" s="114">
        <v>0</v>
      </c>
      <c r="FC31" s="390"/>
      <c r="FD31" s="116">
        <v>0</v>
      </c>
      <c r="FE31" s="116">
        <v>0</v>
      </c>
      <c r="FF31" s="116">
        <v>0</v>
      </c>
      <c r="FG31" s="116">
        <v>0</v>
      </c>
      <c r="FH31" s="116">
        <v>0</v>
      </c>
      <c r="FI31" s="115">
        <v>0</v>
      </c>
      <c r="FJ31" s="118">
        <v>0</v>
      </c>
      <c r="FK31" s="112">
        <v>558386</v>
      </c>
      <c r="FL31" s="116">
        <v>520461</v>
      </c>
      <c r="FM31" s="115">
        <v>1078847</v>
      </c>
      <c r="FN31" s="112">
        <v>0</v>
      </c>
      <c r="FO31" s="116">
        <v>1216421</v>
      </c>
      <c r="FP31" s="116">
        <v>2272009</v>
      </c>
      <c r="FQ31" s="116">
        <v>1811650</v>
      </c>
      <c r="FR31" s="116">
        <v>1571566</v>
      </c>
      <c r="FS31" s="116">
        <v>1790597</v>
      </c>
      <c r="FT31" s="115">
        <v>8662243</v>
      </c>
      <c r="FU31" s="118">
        <v>9741090</v>
      </c>
      <c r="FV31" s="117">
        <v>228314</v>
      </c>
      <c r="FW31" s="116">
        <v>410850</v>
      </c>
      <c r="FX31" s="114">
        <v>639164</v>
      </c>
      <c r="FY31" s="113">
        <v>0</v>
      </c>
      <c r="FZ31" s="116">
        <v>1180762</v>
      </c>
      <c r="GA31" s="116">
        <v>2158569</v>
      </c>
      <c r="GB31" s="116">
        <v>1444078</v>
      </c>
      <c r="GC31" s="116">
        <v>1527214</v>
      </c>
      <c r="GD31" s="116">
        <v>1702487</v>
      </c>
      <c r="GE31" s="115">
        <v>8013110</v>
      </c>
      <c r="GF31" s="354">
        <v>8652274</v>
      </c>
      <c r="GG31" s="117">
        <v>75240</v>
      </c>
      <c r="GH31" s="116">
        <v>61611</v>
      </c>
      <c r="GI31" s="114">
        <v>136851</v>
      </c>
      <c r="GJ31" s="113">
        <v>0</v>
      </c>
      <c r="GK31" s="116">
        <v>35659</v>
      </c>
      <c r="GL31" s="116">
        <v>57640</v>
      </c>
      <c r="GM31" s="116">
        <v>54912</v>
      </c>
      <c r="GN31" s="116">
        <v>44352</v>
      </c>
      <c r="GO31" s="116">
        <v>88110</v>
      </c>
      <c r="GP31" s="115">
        <v>280673</v>
      </c>
      <c r="GQ31" s="118">
        <v>417524</v>
      </c>
      <c r="GR31" s="112">
        <v>254832</v>
      </c>
      <c r="GS31" s="116">
        <v>48000</v>
      </c>
      <c r="GT31" s="115">
        <v>302832</v>
      </c>
      <c r="GU31" s="112">
        <v>0</v>
      </c>
      <c r="GV31" s="116">
        <v>0</v>
      </c>
      <c r="GW31" s="116">
        <v>55800</v>
      </c>
      <c r="GX31" s="116">
        <v>312660</v>
      </c>
      <c r="GY31" s="116">
        <v>0</v>
      </c>
      <c r="GZ31" s="116">
        <v>0</v>
      </c>
      <c r="HA31" s="114">
        <v>368460</v>
      </c>
      <c r="HB31" s="118">
        <v>671292</v>
      </c>
      <c r="HC31" s="112">
        <v>768396</v>
      </c>
      <c r="HD31" s="116">
        <v>77914</v>
      </c>
      <c r="HE31" s="114">
        <v>846310</v>
      </c>
      <c r="HF31" s="113">
        <v>0</v>
      </c>
      <c r="HG31" s="116">
        <v>4109863</v>
      </c>
      <c r="HH31" s="116">
        <v>3653055</v>
      </c>
      <c r="HI31" s="116">
        <v>3817172</v>
      </c>
      <c r="HJ31" s="116">
        <v>4914409</v>
      </c>
      <c r="HK31" s="116">
        <v>2780152</v>
      </c>
      <c r="HL31" s="115">
        <v>19274651</v>
      </c>
      <c r="HM31" s="111">
        <v>20120961</v>
      </c>
      <c r="HN31" s="117">
        <v>348477</v>
      </c>
      <c r="HO31" s="116">
        <v>458778</v>
      </c>
      <c r="HP31" s="115">
        <v>807255</v>
      </c>
      <c r="HQ31" s="112">
        <v>0</v>
      </c>
      <c r="HR31" s="116">
        <v>4372471</v>
      </c>
      <c r="HS31" s="116">
        <v>3234435</v>
      </c>
      <c r="HT31" s="116">
        <v>2149194</v>
      </c>
      <c r="HU31" s="116">
        <v>1577045</v>
      </c>
      <c r="HV31" s="116">
        <v>1327059</v>
      </c>
      <c r="HW31" s="114">
        <v>12660204</v>
      </c>
      <c r="HX31" s="118">
        <v>13467459</v>
      </c>
      <c r="HY31" s="148">
        <v>105462</v>
      </c>
      <c r="HZ31" s="149">
        <v>0</v>
      </c>
      <c r="IA31" s="150">
        <v>105462</v>
      </c>
      <c r="IB31" s="163">
        <v>0</v>
      </c>
      <c r="IC31" s="149">
        <v>6440558</v>
      </c>
      <c r="ID31" s="164">
        <v>6682703</v>
      </c>
      <c r="IE31" s="150">
        <v>8502768</v>
      </c>
      <c r="IF31" s="149">
        <v>5366712</v>
      </c>
      <c r="IG31" s="150">
        <v>4409656</v>
      </c>
      <c r="IH31" s="165">
        <v>31402397</v>
      </c>
      <c r="II31" s="156">
        <v>31507859</v>
      </c>
      <c r="IJ31" s="261">
        <v>0</v>
      </c>
      <c r="IK31" s="268">
        <v>0</v>
      </c>
      <c r="IL31" s="269">
        <v>0</v>
      </c>
      <c r="IM31" s="157"/>
      <c r="IN31" s="122">
        <v>0</v>
      </c>
      <c r="IO31" s="122">
        <v>0</v>
      </c>
      <c r="IP31" s="122">
        <v>0</v>
      </c>
      <c r="IQ31" s="122">
        <v>0</v>
      </c>
      <c r="IR31" s="122">
        <v>0</v>
      </c>
      <c r="IS31" s="158">
        <v>0</v>
      </c>
      <c r="IT31" s="357">
        <v>0</v>
      </c>
      <c r="IU31" s="159">
        <v>0</v>
      </c>
      <c r="IV31" s="122">
        <v>0</v>
      </c>
      <c r="IW31" s="123">
        <v>0</v>
      </c>
      <c r="IX31" s="161"/>
      <c r="IY31" s="122">
        <v>0</v>
      </c>
      <c r="IZ31" s="122">
        <v>0</v>
      </c>
      <c r="JA31" s="122">
        <v>0</v>
      </c>
      <c r="JB31" s="122">
        <v>0</v>
      </c>
      <c r="JC31" s="122">
        <v>0</v>
      </c>
      <c r="JD31" s="123">
        <v>0</v>
      </c>
      <c r="JE31" s="124">
        <v>0</v>
      </c>
      <c r="JF31" s="159">
        <v>0</v>
      </c>
      <c r="JG31" s="122">
        <v>0</v>
      </c>
      <c r="JH31" s="158">
        <v>0</v>
      </c>
      <c r="JI31" s="121">
        <v>0</v>
      </c>
      <c r="JJ31" s="122">
        <v>2617178</v>
      </c>
      <c r="JK31" s="122">
        <v>3164144</v>
      </c>
      <c r="JL31" s="122">
        <v>1692950</v>
      </c>
      <c r="JM31" s="122">
        <v>1121169</v>
      </c>
      <c r="JN31" s="122">
        <v>1323380</v>
      </c>
      <c r="JO31" s="123">
        <v>9918821</v>
      </c>
      <c r="JP31" s="357">
        <v>9918821</v>
      </c>
      <c r="JQ31" s="159">
        <v>0</v>
      </c>
      <c r="JR31" s="122">
        <v>0</v>
      </c>
      <c r="JS31" s="158">
        <v>0</v>
      </c>
      <c r="JT31" s="121">
        <v>0</v>
      </c>
      <c r="JU31" s="122">
        <v>74831</v>
      </c>
      <c r="JV31" s="122">
        <v>237677</v>
      </c>
      <c r="JW31" s="122">
        <v>1054550</v>
      </c>
      <c r="JX31" s="122">
        <v>76830</v>
      </c>
      <c r="JY31" s="122">
        <v>227942</v>
      </c>
      <c r="JZ31" s="123">
        <v>1671830</v>
      </c>
      <c r="KA31" s="357">
        <v>1671830</v>
      </c>
      <c r="KB31" s="264">
        <v>105462</v>
      </c>
      <c r="KC31" s="258">
        <v>0</v>
      </c>
      <c r="KD31" s="123">
        <v>105462</v>
      </c>
      <c r="KE31" s="121">
        <v>0</v>
      </c>
      <c r="KF31" s="122">
        <v>1187480</v>
      </c>
      <c r="KG31" s="122">
        <v>1154226</v>
      </c>
      <c r="KH31" s="122">
        <v>320047</v>
      </c>
      <c r="KI31" s="122">
        <v>851063</v>
      </c>
      <c r="KJ31" s="122">
        <v>1228529</v>
      </c>
      <c r="KK31" s="123">
        <v>4741345</v>
      </c>
      <c r="KL31" s="160">
        <v>4846807</v>
      </c>
      <c r="KM31" s="261">
        <v>0</v>
      </c>
      <c r="KN31" s="268">
        <v>0</v>
      </c>
      <c r="KO31" s="269">
        <v>0</v>
      </c>
      <c r="KP31" s="157"/>
      <c r="KQ31" s="122">
        <v>2561069</v>
      </c>
      <c r="KR31" s="122">
        <v>1895323</v>
      </c>
      <c r="KS31" s="122">
        <v>5435221</v>
      </c>
      <c r="KT31" s="122">
        <v>3317650</v>
      </c>
      <c r="KU31" s="122">
        <v>1629805</v>
      </c>
      <c r="KV31" s="123">
        <v>14839068</v>
      </c>
      <c r="KW31" s="357">
        <v>14839068</v>
      </c>
      <c r="KX31" s="159">
        <v>0</v>
      </c>
      <c r="KY31" s="122">
        <v>0</v>
      </c>
      <c r="KZ31" s="123">
        <v>0</v>
      </c>
      <c r="LA31" s="162"/>
      <c r="LB31" s="122">
        <v>0</v>
      </c>
      <c r="LC31" s="122">
        <v>0</v>
      </c>
      <c r="LD31" s="122">
        <v>0</v>
      </c>
      <c r="LE31" s="122">
        <v>0</v>
      </c>
      <c r="LF31" s="122">
        <v>0</v>
      </c>
      <c r="LG31" s="123">
        <v>0</v>
      </c>
      <c r="LH31" s="124">
        <v>0</v>
      </c>
      <c r="LI31" s="159">
        <v>0</v>
      </c>
      <c r="LJ31" s="122">
        <v>0</v>
      </c>
      <c r="LK31" s="123">
        <v>0</v>
      </c>
      <c r="LL31" s="162"/>
      <c r="LM31" s="122">
        <v>0</v>
      </c>
      <c r="LN31" s="122">
        <v>231333</v>
      </c>
      <c r="LO31" s="122">
        <v>0</v>
      </c>
      <c r="LP31" s="122">
        <v>0</v>
      </c>
      <c r="LQ31" s="122">
        <v>0</v>
      </c>
      <c r="LR31" s="123">
        <v>231333</v>
      </c>
      <c r="LS31" s="357">
        <v>231333</v>
      </c>
      <c r="LT31" s="159">
        <v>0</v>
      </c>
      <c r="LU31" s="122">
        <v>0</v>
      </c>
      <c r="LV31" s="123">
        <v>0</v>
      </c>
      <c r="LW31" s="162"/>
      <c r="LX31" s="122">
        <v>0</v>
      </c>
      <c r="LY31" s="122">
        <v>0</v>
      </c>
      <c r="LZ31" s="122">
        <v>0</v>
      </c>
      <c r="MA31" s="122">
        <v>0</v>
      </c>
      <c r="MB31" s="122">
        <v>0</v>
      </c>
      <c r="MC31" s="123">
        <v>0</v>
      </c>
      <c r="MD31" s="124">
        <v>0</v>
      </c>
      <c r="ME31" s="159">
        <v>0</v>
      </c>
      <c r="MF31" s="122">
        <v>0</v>
      </c>
      <c r="MG31" s="123">
        <v>0</v>
      </c>
      <c r="MH31" s="162"/>
      <c r="MI31" s="122">
        <v>2642357</v>
      </c>
      <c r="MJ31" s="122">
        <v>6102810</v>
      </c>
      <c r="MK31" s="122">
        <v>16530288</v>
      </c>
      <c r="ML31" s="122">
        <v>24260157</v>
      </c>
      <c r="MM31" s="122">
        <v>20256562</v>
      </c>
      <c r="MN31" s="123">
        <v>69792174</v>
      </c>
      <c r="MO31" s="160">
        <v>69792174</v>
      </c>
      <c r="MP31" s="159">
        <v>0</v>
      </c>
      <c r="MQ31" s="122">
        <v>0</v>
      </c>
      <c r="MR31" s="123">
        <v>0</v>
      </c>
      <c r="MS31" s="162"/>
      <c r="MT31" s="122">
        <v>211555</v>
      </c>
      <c r="MU31" s="122">
        <v>953385</v>
      </c>
      <c r="MV31" s="122">
        <v>9335935</v>
      </c>
      <c r="MW31" s="122">
        <v>17230057</v>
      </c>
      <c r="MX31" s="122">
        <v>17012562</v>
      </c>
      <c r="MY31" s="123">
        <v>44743494</v>
      </c>
      <c r="MZ31" s="160">
        <v>44743494</v>
      </c>
      <c r="NA31" s="159">
        <v>0</v>
      </c>
      <c r="NB31" s="122">
        <v>0</v>
      </c>
      <c r="NC31" s="123">
        <v>0</v>
      </c>
      <c r="ND31" s="162"/>
      <c r="NE31" s="122">
        <v>2430802</v>
      </c>
      <c r="NF31" s="122">
        <v>5149425</v>
      </c>
      <c r="NG31" s="122">
        <v>7194353</v>
      </c>
      <c r="NH31" s="122">
        <v>6284305</v>
      </c>
      <c r="NI31" s="122">
        <v>2831486</v>
      </c>
      <c r="NJ31" s="123">
        <v>23890371</v>
      </c>
      <c r="NK31" s="357">
        <v>23890371</v>
      </c>
      <c r="NL31" s="159">
        <v>0</v>
      </c>
      <c r="NM31" s="122">
        <v>0</v>
      </c>
      <c r="NN31" s="123">
        <v>0</v>
      </c>
      <c r="NO31" s="162"/>
      <c r="NP31" s="122">
        <v>0</v>
      </c>
      <c r="NQ31" s="122">
        <v>0</v>
      </c>
      <c r="NR31" s="122">
        <v>0</v>
      </c>
      <c r="NS31" s="122">
        <v>330106</v>
      </c>
      <c r="NT31" s="122">
        <v>0</v>
      </c>
      <c r="NU31" s="123">
        <v>330106</v>
      </c>
      <c r="NV31" s="124">
        <v>330106</v>
      </c>
      <c r="NW31" s="159">
        <v>0</v>
      </c>
      <c r="NX31" s="122">
        <v>0</v>
      </c>
      <c r="NY31" s="123">
        <v>0</v>
      </c>
      <c r="NZ31" s="162"/>
      <c r="OA31" s="122">
        <v>0</v>
      </c>
      <c r="OB31" s="122">
        <v>0</v>
      </c>
      <c r="OC31" s="122">
        <v>0</v>
      </c>
      <c r="OD31" s="122">
        <v>415689</v>
      </c>
      <c r="OE31" s="122">
        <v>412514</v>
      </c>
      <c r="OF31" s="123">
        <v>828203</v>
      </c>
      <c r="OG31" s="124">
        <v>828203</v>
      </c>
      <c r="OH31" s="159">
        <v>2285272</v>
      </c>
      <c r="OI31" s="122">
        <v>2280702</v>
      </c>
      <c r="OJ31" s="158">
        <v>4565974</v>
      </c>
      <c r="OK31" s="121">
        <v>0</v>
      </c>
      <c r="OL31" s="122">
        <v>32153889</v>
      </c>
      <c r="OM31" s="122">
        <v>37005410</v>
      </c>
      <c r="ON31" s="122">
        <v>45866448</v>
      </c>
      <c r="OO31" s="122">
        <v>50079288</v>
      </c>
      <c r="OP31" s="122">
        <v>45930154</v>
      </c>
      <c r="OQ31" s="123">
        <v>211035189</v>
      </c>
      <c r="OR31" s="160">
        <v>215601163</v>
      </c>
    </row>
    <row r="32" spans="1:408" ht="18.75" customHeight="1" x14ac:dyDescent="0.2">
      <c r="A32" s="62" t="s">
        <v>27</v>
      </c>
      <c r="B32" s="112">
        <v>2427555</v>
      </c>
      <c r="C32" s="116">
        <v>5025309</v>
      </c>
      <c r="D32" s="115">
        <v>7452864</v>
      </c>
      <c r="E32" s="111">
        <v>0</v>
      </c>
      <c r="F32" s="116">
        <v>19071767</v>
      </c>
      <c r="G32" s="116">
        <v>22607430</v>
      </c>
      <c r="H32" s="116">
        <v>24170591</v>
      </c>
      <c r="I32" s="116">
        <v>22581230</v>
      </c>
      <c r="J32" s="116">
        <v>17307293</v>
      </c>
      <c r="K32" s="200">
        <v>105738311</v>
      </c>
      <c r="L32" s="118">
        <v>113191175</v>
      </c>
      <c r="M32" s="112">
        <v>563056</v>
      </c>
      <c r="N32" s="116">
        <v>1155350</v>
      </c>
      <c r="O32" s="115">
        <v>1718406</v>
      </c>
      <c r="P32" s="112">
        <v>0</v>
      </c>
      <c r="Q32" s="116">
        <v>4398913</v>
      </c>
      <c r="R32" s="116">
        <v>4922294</v>
      </c>
      <c r="S32" s="116">
        <v>6090915</v>
      </c>
      <c r="T32" s="116">
        <v>6444826</v>
      </c>
      <c r="U32" s="116">
        <v>8653082</v>
      </c>
      <c r="V32" s="115">
        <v>30510030</v>
      </c>
      <c r="W32" s="118">
        <v>32228436</v>
      </c>
      <c r="X32" s="112">
        <v>0</v>
      </c>
      <c r="Y32" s="116">
        <v>0</v>
      </c>
      <c r="Z32" s="115">
        <v>0</v>
      </c>
      <c r="AA32" s="112">
        <v>0</v>
      </c>
      <c r="AB32" s="116">
        <v>2600227</v>
      </c>
      <c r="AC32" s="116">
        <v>2619262</v>
      </c>
      <c r="AD32" s="116">
        <v>3409796</v>
      </c>
      <c r="AE32" s="443">
        <v>3009714</v>
      </c>
      <c r="AF32" s="443">
        <v>5001933</v>
      </c>
      <c r="AG32" s="115">
        <v>16640932</v>
      </c>
      <c r="AH32" s="118">
        <v>16640932</v>
      </c>
      <c r="AI32" s="112">
        <v>0</v>
      </c>
      <c r="AJ32" s="116">
        <v>0</v>
      </c>
      <c r="AK32" s="115">
        <v>0</v>
      </c>
      <c r="AL32" s="112">
        <v>0</v>
      </c>
      <c r="AM32" s="116">
        <v>0</v>
      </c>
      <c r="AN32" s="116">
        <v>155515</v>
      </c>
      <c r="AO32" s="116">
        <v>213131</v>
      </c>
      <c r="AP32" s="116">
        <v>748605</v>
      </c>
      <c r="AQ32" s="116">
        <v>715378</v>
      </c>
      <c r="AR32" s="115">
        <v>1832629</v>
      </c>
      <c r="AS32" s="118">
        <v>1832629</v>
      </c>
      <c r="AT32" s="112">
        <v>455734</v>
      </c>
      <c r="AU32" s="116">
        <v>904061</v>
      </c>
      <c r="AV32" s="115">
        <v>1359795</v>
      </c>
      <c r="AW32" s="112">
        <v>0</v>
      </c>
      <c r="AX32" s="116">
        <v>1084750</v>
      </c>
      <c r="AY32" s="116">
        <v>1324351</v>
      </c>
      <c r="AZ32" s="116">
        <v>1400762</v>
      </c>
      <c r="BA32" s="116">
        <v>1799726</v>
      </c>
      <c r="BB32" s="116">
        <v>2308847</v>
      </c>
      <c r="BC32" s="115">
        <v>7918436</v>
      </c>
      <c r="BD32" s="118">
        <v>9278231</v>
      </c>
      <c r="BE32" s="112">
        <v>0</v>
      </c>
      <c r="BF32" s="116">
        <v>84387</v>
      </c>
      <c r="BG32" s="114">
        <v>84387</v>
      </c>
      <c r="BH32" s="113">
        <v>0</v>
      </c>
      <c r="BI32" s="116">
        <v>0</v>
      </c>
      <c r="BJ32" s="116">
        <v>17775</v>
      </c>
      <c r="BK32" s="116">
        <v>44438</v>
      </c>
      <c r="BL32" s="116">
        <v>0</v>
      </c>
      <c r="BM32" s="116">
        <v>26663</v>
      </c>
      <c r="BN32" s="115">
        <v>88876</v>
      </c>
      <c r="BO32" s="118">
        <v>173263</v>
      </c>
      <c r="BP32" s="112">
        <v>107322</v>
      </c>
      <c r="BQ32" s="116">
        <v>166902</v>
      </c>
      <c r="BR32" s="115">
        <v>274224</v>
      </c>
      <c r="BS32" s="112">
        <v>0</v>
      </c>
      <c r="BT32" s="116">
        <v>713936</v>
      </c>
      <c r="BU32" s="116">
        <v>805391</v>
      </c>
      <c r="BV32" s="116">
        <v>1022788</v>
      </c>
      <c r="BW32" s="116">
        <v>886781</v>
      </c>
      <c r="BX32" s="116">
        <v>600261</v>
      </c>
      <c r="BY32" s="115">
        <v>4029157</v>
      </c>
      <c r="BZ32" s="118">
        <v>4303381</v>
      </c>
      <c r="CA32" s="112">
        <v>253235</v>
      </c>
      <c r="CB32" s="116">
        <v>1005592</v>
      </c>
      <c r="CC32" s="115">
        <v>1258827</v>
      </c>
      <c r="CD32" s="112">
        <v>0</v>
      </c>
      <c r="CE32" s="443">
        <v>5974815</v>
      </c>
      <c r="CF32" s="443">
        <v>6401532</v>
      </c>
      <c r="CG32" s="443">
        <v>4951287</v>
      </c>
      <c r="CH32" s="116">
        <v>3386140</v>
      </c>
      <c r="CI32" s="116">
        <v>1979898</v>
      </c>
      <c r="CJ32" s="451">
        <v>22693672</v>
      </c>
      <c r="CK32" s="452">
        <v>23952499</v>
      </c>
      <c r="CL32" s="112">
        <v>0</v>
      </c>
      <c r="CM32" s="116">
        <v>0</v>
      </c>
      <c r="CN32" s="115">
        <v>0</v>
      </c>
      <c r="CO32" s="113">
        <v>0</v>
      </c>
      <c r="CP32" s="116">
        <v>5226325</v>
      </c>
      <c r="CQ32" s="116">
        <v>5070987</v>
      </c>
      <c r="CR32" s="116">
        <v>4035095</v>
      </c>
      <c r="CS32" s="116">
        <v>2704147</v>
      </c>
      <c r="CT32" s="116">
        <v>1676732</v>
      </c>
      <c r="CU32" s="115">
        <v>18713286</v>
      </c>
      <c r="CV32" s="118">
        <v>18713286</v>
      </c>
      <c r="CW32" s="112">
        <v>253235</v>
      </c>
      <c r="CX32" s="116">
        <v>1005592</v>
      </c>
      <c r="CY32" s="115">
        <v>1258827</v>
      </c>
      <c r="CZ32" s="112">
        <v>0</v>
      </c>
      <c r="DA32" s="116">
        <v>748490</v>
      </c>
      <c r="DB32" s="116">
        <v>1330545</v>
      </c>
      <c r="DC32" s="116">
        <v>916192</v>
      </c>
      <c r="DD32" s="116">
        <v>681993</v>
      </c>
      <c r="DE32" s="116">
        <v>303166</v>
      </c>
      <c r="DF32" s="115">
        <v>3980386</v>
      </c>
      <c r="DG32" s="118">
        <v>5239213</v>
      </c>
      <c r="DH32" s="112">
        <v>0</v>
      </c>
      <c r="DI32" s="116">
        <v>0</v>
      </c>
      <c r="DJ32" s="114">
        <v>0</v>
      </c>
      <c r="DK32" s="113">
        <v>0</v>
      </c>
      <c r="DL32" s="116">
        <v>681811</v>
      </c>
      <c r="DM32" s="116">
        <v>986912</v>
      </c>
      <c r="DN32" s="116">
        <v>1748256</v>
      </c>
      <c r="DO32" s="116">
        <v>1152864</v>
      </c>
      <c r="DP32" s="116">
        <v>410018</v>
      </c>
      <c r="DQ32" s="115">
        <v>4979861</v>
      </c>
      <c r="DR32" s="118">
        <v>4979861</v>
      </c>
      <c r="DS32" s="112">
        <v>0</v>
      </c>
      <c r="DT32" s="116">
        <v>0</v>
      </c>
      <c r="DU32" s="115">
        <v>0</v>
      </c>
      <c r="DV32" s="112">
        <v>0</v>
      </c>
      <c r="DW32" s="116">
        <v>614307</v>
      </c>
      <c r="DX32" s="116">
        <v>907128</v>
      </c>
      <c r="DY32" s="116">
        <v>1302759</v>
      </c>
      <c r="DZ32" s="116">
        <v>969084</v>
      </c>
      <c r="EA32" s="116">
        <v>256846</v>
      </c>
      <c r="EB32" s="115">
        <v>4050124</v>
      </c>
      <c r="EC32" s="118">
        <v>4050124</v>
      </c>
      <c r="ED32" s="112">
        <v>0</v>
      </c>
      <c r="EE32" s="114">
        <v>0</v>
      </c>
      <c r="EF32" s="115">
        <v>0</v>
      </c>
      <c r="EG32" s="112">
        <v>0</v>
      </c>
      <c r="EH32" s="116">
        <v>67504</v>
      </c>
      <c r="EI32" s="116">
        <v>79784</v>
      </c>
      <c r="EJ32" s="116">
        <v>445497</v>
      </c>
      <c r="EK32" s="116">
        <v>183780</v>
      </c>
      <c r="EL32" s="116">
        <v>153172</v>
      </c>
      <c r="EM32" s="114">
        <v>929737</v>
      </c>
      <c r="EN32" s="118">
        <v>929737</v>
      </c>
      <c r="EO32" s="112">
        <v>0</v>
      </c>
      <c r="EP32" s="116">
        <v>0</v>
      </c>
      <c r="EQ32" s="114">
        <v>0</v>
      </c>
      <c r="ER32" s="113">
        <v>0</v>
      </c>
      <c r="ES32" s="116">
        <v>0</v>
      </c>
      <c r="ET32" s="116">
        <v>0</v>
      </c>
      <c r="EU32" s="116">
        <v>0</v>
      </c>
      <c r="EV32" s="116">
        <v>0</v>
      </c>
      <c r="EW32" s="116">
        <v>0</v>
      </c>
      <c r="EX32" s="115">
        <v>0</v>
      </c>
      <c r="EY32" s="118">
        <v>0</v>
      </c>
      <c r="EZ32" s="112">
        <v>0</v>
      </c>
      <c r="FA32" s="116">
        <v>0</v>
      </c>
      <c r="FB32" s="114">
        <v>0</v>
      </c>
      <c r="FC32" s="390"/>
      <c r="FD32" s="116">
        <v>0</v>
      </c>
      <c r="FE32" s="116">
        <v>0</v>
      </c>
      <c r="FF32" s="116">
        <v>0</v>
      </c>
      <c r="FG32" s="116">
        <v>0</v>
      </c>
      <c r="FH32" s="116">
        <v>0</v>
      </c>
      <c r="FI32" s="115">
        <v>0</v>
      </c>
      <c r="FJ32" s="118">
        <v>0</v>
      </c>
      <c r="FK32" s="112">
        <v>425530</v>
      </c>
      <c r="FL32" s="116">
        <v>973275</v>
      </c>
      <c r="FM32" s="115">
        <v>1398805</v>
      </c>
      <c r="FN32" s="112">
        <v>0</v>
      </c>
      <c r="FO32" s="116">
        <v>576229</v>
      </c>
      <c r="FP32" s="116">
        <v>2239180</v>
      </c>
      <c r="FQ32" s="116">
        <v>1617967</v>
      </c>
      <c r="FR32" s="116">
        <v>1406562</v>
      </c>
      <c r="FS32" s="116">
        <v>1059646</v>
      </c>
      <c r="FT32" s="115">
        <v>6899584</v>
      </c>
      <c r="FU32" s="118">
        <v>8298389</v>
      </c>
      <c r="FV32" s="117">
        <v>335993</v>
      </c>
      <c r="FW32" s="116">
        <v>706335</v>
      </c>
      <c r="FX32" s="114">
        <v>1042328</v>
      </c>
      <c r="FY32" s="113">
        <v>0</v>
      </c>
      <c r="FZ32" s="116">
        <v>354319</v>
      </c>
      <c r="GA32" s="116">
        <v>1871427</v>
      </c>
      <c r="GB32" s="116">
        <v>1568863</v>
      </c>
      <c r="GC32" s="116">
        <v>1177256</v>
      </c>
      <c r="GD32" s="116">
        <v>1059646</v>
      </c>
      <c r="GE32" s="115">
        <v>6031511</v>
      </c>
      <c r="GF32" s="354">
        <v>7073839</v>
      </c>
      <c r="GG32" s="117">
        <v>65147</v>
      </c>
      <c r="GH32" s="116">
        <v>31140</v>
      </c>
      <c r="GI32" s="114">
        <v>96287</v>
      </c>
      <c r="GJ32" s="113">
        <v>0</v>
      </c>
      <c r="GK32" s="116">
        <v>41910</v>
      </c>
      <c r="GL32" s="116">
        <v>21384</v>
      </c>
      <c r="GM32" s="116">
        <v>49104</v>
      </c>
      <c r="GN32" s="116">
        <v>49306</v>
      </c>
      <c r="GO32" s="116">
        <v>0</v>
      </c>
      <c r="GP32" s="115">
        <v>161704</v>
      </c>
      <c r="GQ32" s="118">
        <v>257991</v>
      </c>
      <c r="GR32" s="112">
        <v>24390</v>
      </c>
      <c r="GS32" s="116">
        <v>235800</v>
      </c>
      <c r="GT32" s="115">
        <v>260190</v>
      </c>
      <c r="GU32" s="112">
        <v>0</v>
      </c>
      <c r="GV32" s="116">
        <v>180000</v>
      </c>
      <c r="GW32" s="116">
        <v>346369</v>
      </c>
      <c r="GX32" s="116">
        <v>0</v>
      </c>
      <c r="GY32" s="116">
        <v>180000</v>
      </c>
      <c r="GZ32" s="116">
        <v>0</v>
      </c>
      <c r="HA32" s="114">
        <v>706369</v>
      </c>
      <c r="HB32" s="118">
        <v>966559</v>
      </c>
      <c r="HC32" s="112">
        <v>726056</v>
      </c>
      <c r="HD32" s="116">
        <v>1280712</v>
      </c>
      <c r="HE32" s="114">
        <v>2006768</v>
      </c>
      <c r="HF32" s="113">
        <v>0</v>
      </c>
      <c r="HG32" s="116">
        <v>4587119</v>
      </c>
      <c r="HH32" s="116">
        <v>5551914</v>
      </c>
      <c r="HI32" s="116">
        <v>7653068</v>
      </c>
      <c r="HJ32" s="116">
        <v>9026516</v>
      </c>
      <c r="HK32" s="116">
        <v>4318920</v>
      </c>
      <c r="HL32" s="115">
        <v>31137537</v>
      </c>
      <c r="HM32" s="111">
        <v>33144305</v>
      </c>
      <c r="HN32" s="117">
        <v>459678</v>
      </c>
      <c r="HO32" s="116">
        <v>610380</v>
      </c>
      <c r="HP32" s="115">
        <v>1070058</v>
      </c>
      <c r="HQ32" s="112">
        <v>0</v>
      </c>
      <c r="HR32" s="116">
        <v>2852880</v>
      </c>
      <c r="HS32" s="116">
        <v>2505598</v>
      </c>
      <c r="HT32" s="116">
        <v>2109098</v>
      </c>
      <c r="HU32" s="116">
        <v>1164322</v>
      </c>
      <c r="HV32" s="116">
        <v>885729</v>
      </c>
      <c r="HW32" s="114">
        <v>9517627</v>
      </c>
      <c r="HX32" s="118">
        <v>10587685</v>
      </c>
      <c r="HY32" s="167">
        <v>0</v>
      </c>
      <c r="HZ32" s="152">
        <v>0</v>
      </c>
      <c r="IA32" s="167">
        <v>0</v>
      </c>
      <c r="IB32" s="151">
        <v>0</v>
      </c>
      <c r="IC32" s="152">
        <v>5937611</v>
      </c>
      <c r="ID32" s="153">
        <v>2451262</v>
      </c>
      <c r="IE32" s="154">
        <v>5973577</v>
      </c>
      <c r="IF32" s="152">
        <v>2177213</v>
      </c>
      <c r="IG32" s="154">
        <v>2267835</v>
      </c>
      <c r="IH32" s="155">
        <v>18807498</v>
      </c>
      <c r="II32" s="167">
        <v>18807498</v>
      </c>
      <c r="IJ32" s="261">
        <v>0</v>
      </c>
      <c r="IK32" s="268">
        <v>0</v>
      </c>
      <c r="IL32" s="269">
        <v>0</v>
      </c>
      <c r="IM32" s="157"/>
      <c r="IN32" s="122">
        <v>0</v>
      </c>
      <c r="IO32" s="122">
        <v>107592</v>
      </c>
      <c r="IP32" s="122">
        <v>169722</v>
      </c>
      <c r="IQ32" s="122">
        <v>0</v>
      </c>
      <c r="IR32" s="122">
        <v>0</v>
      </c>
      <c r="IS32" s="158">
        <v>277314</v>
      </c>
      <c r="IT32" s="357">
        <v>277314</v>
      </c>
      <c r="IU32" s="159">
        <v>0</v>
      </c>
      <c r="IV32" s="122">
        <v>0</v>
      </c>
      <c r="IW32" s="123">
        <v>0</v>
      </c>
      <c r="IX32" s="161"/>
      <c r="IY32" s="122">
        <v>0</v>
      </c>
      <c r="IZ32" s="122">
        <v>0</v>
      </c>
      <c r="JA32" s="122">
        <v>0</v>
      </c>
      <c r="JB32" s="122">
        <v>0</v>
      </c>
      <c r="JC32" s="122">
        <v>0</v>
      </c>
      <c r="JD32" s="123">
        <v>0</v>
      </c>
      <c r="JE32" s="124">
        <v>0</v>
      </c>
      <c r="JF32" s="159">
        <v>0</v>
      </c>
      <c r="JG32" s="122">
        <v>0</v>
      </c>
      <c r="JH32" s="158">
        <v>0</v>
      </c>
      <c r="JI32" s="121">
        <v>0</v>
      </c>
      <c r="JJ32" s="122">
        <v>1178423</v>
      </c>
      <c r="JK32" s="122">
        <v>976150</v>
      </c>
      <c r="JL32" s="122">
        <v>887136</v>
      </c>
      <c r="JM32" s="122">
        <v>27303</v>
      </c>
      <c r="JN32" s="122">
        <v>10265</v>
      </c>
      <c r="JO32" s="123">
        <v>3079277</v>
      </c>
      <c r="JP32" s="357">
        <v>3079277</v>
      </c>
      <c r="JQ32" s="159">
        <v>0</v>
      </c>
      <c r="JR32" s="122">
        <v>0</v>
      </c>
      <c r="JS32" s="158">
        <v>0</v>
      </c>
      <c r="JT32" s="121">
        <v>0</v>
      </c>
      <c r="JU32" s="122">
        <v>301428</v>
      </c>
      <c r="JV32" s="122">
        <v>152979</v>
      </c>
      <c r="JW32" s="122">
        <v>90819</v>
      </c>
      <c r="JX32" s="122">
        <v>259425</v>
      </c>
      <c r="JY32" s="122">
        <v>75897</v>
      </c>
      <c r="JZ32" s="123">
        <v>880548</v>
      </c>
      <c r="KA32" s="357">
        <v>880548</v>
      </c>
      <c r="KB32" s="264">
        <v>0</v>
      </c>
      <c r="KC32" s="258">
        <v>0</v>
      </c>
      <c r="KD32" s="123">
        <v>0</v>
      </c>
      <c r="KE32" s="121">
        <v>0</v>
      </c>
      <c r="KF32" s="122">
        <v>0</v>
      </c>
      <c r="KG32" s="122">
        <v>194790</v>
      </c>
      <c r="KH32" s="122">
        <v>0</v>
      </c>
      <c r="KI32" s="122">
        <v>0</v>
      </c>
      <c r="KJ32" s="122">
        <v>0</v>
      </c>
      <c r="KK32" s="123">
        <v>194790</v>
      </c>
      <c r="KL32" s="160">
        <v>194790</v>
      </c>
      <c r="KM32" s="261">
        <v>0</v>
      </c>
      <c r="KN32" s="268">
        <v>0</v>
      </c>
      <c r="KO32" s="269">
        <v>0</v>
      </c>
      <c r="KP32" s="157"/>
      <c r="KQ32" s="122">
        <v>4457760</v>
      </c>
      <c r="KR32" s="122">
        <v>1019751</v>
      </c>
      <c r="KS32" s="122">
        <v>1357520</v>
      </c>
      <c r="KT32" s="122">
        <v>564732</v>
      </c>
      <c r="KU32" s="122">
        <v>1284559</v>
      </c>
      <c r="KV32" s="123">
        <v>8684322</v>
      </c>
      <c r="KW32" s="357">
        <v>8684322</v>
      </c>
      <c r="KX32" s="159">
        <v>0</v>
      </c>
      <c r="KY32" s="122">
        <v>0</v>
      </c>
      <c r="KZ32" s="123">
        <v>0</v>
      </c>
      <c r="LA32" s="162"/>
      <c r="LB32" s="122">
        <v>0</v>
      </c>
      <c r="LC32" s="122">
        <v>0</v>
      </c>
      <c r="LD32" s="122">
        <v>0</v>
      </c>
      <c r="LE32" s="122">
        <v>0</v>
      </c>
      <c r="LF32" s="122">
        <v>0</v>
      </c>
      <c r="LG32" s="123">
        <v>0</v>
      </c>
      <c r="LH32" s="124">
        <v>0</v>
      </c>
      <c r="LI32" s="159">
        <v>0</v>
      </c>
      <c r="LJ32" s="122">
        <v>0</v>
      </c>
      <c r="LK32" s="123">
        <v>0</v>
      </c>
      <c r="LL32" s="162"/>
      <c r="LM32" s="122">
        <v>0</v>
      </c>
      <c r="LN32" s="122">
        <v>0</v>
      </c>
      <c r="LO32" s="122">
        <v>3187977</v>
      </c>
      <c r="LP32" s="122">
        <v>1325753</v>
      </c>
      <c r="LQ32" s="122">
        <v>897114</v>
      </c>
      <c r="LR32" s="123">
        <v>5410844</v>
      </c>
      <c r="LS32" s="357">
        <v>5410844</v>
      </c>
      <c r="LT32" s="159">
        <v>0</v>
      </c>
      <c r="LU32" s="122">
        <v>0</v>
      </c>
      <c r="LV32" s="123">
        <v>0</v>
      </c>
      <c r="LW32" s="162"/>
      <c r="LX32" s="122">
        <v>0</v>
      </c>
      <c r="LY32" s="122">
        <v>0</v>
      </c>
      <c r="LZ32" s="122">
        <v>280403</v>
      </c>
      <c r="MA32" s="122">
        <v>0</v>
      </c>
      <c r="MB32" s="122">
        <v>0</v>
      </c>
      <c r="MC32" s="123">
        <v>280403</v>
      </c>
      <c r="MD32" s="124">
        <v>280403</v>
      </c>
      <c r="ME32" s="159">
        <v>0</v>
      </c>
      <c r="MF32" s="122">
        <v>0</v>
      </c>
      <c r="MG32" s="123">
        <v>0</v>
      </c>
      <c r="MH32" s="162"/>
      <c r="MI32" s="122">
        <v>2079177</v>
      </c>
      <c r="MJ32" s="122">
        <v>3433971</v>
      </c>
      <c r="MK32" s="122">
        <v>17447636</v>
      </c>
      <c r="ML32" s="122">
        <v>21774747</v>
      </c>
      <c r="MM32" s="122">
        <v>16118740</v>
      </c>
      <c r="MN32" s="123">
        <v>60854271</v>
      </c>
      <c r="MO32" s="160">
        <v>60854271</v>
      </c>
      <c r="MP32" s="159">
        <v>0</v>
      </c>
      <c r="MQ32" s="122">
        <v>0</v>
      </c>
      <c r="MR32" s="123">
        <v>0</v>
      </c>
      <c r="MS32" s="162"/>
      <c r="MT32" s="122">
        <v>414768</v>
      </c>
      <c r="MU32" s="122">
        <v>460300</v>
      </c>
      <c r="MV32" s="122">
        <v>9720808</v>
      </c>
      <c r="MW32" s="122">
        <v>15917052</v>
      </c>
      <c r="MX32" s="122">
        <v>11844124</v>
      </c>
      <c r="MY32" s="123">
        <v>38357052</v>
      </c>
      <c r="MZ32" s="160">
        <v>38357052</v>
      </c>
      <c r="NA32" s="159">
        <v>0</v>
      </c>
      <c r="NB32" s="122">
        <v>0</v>
      </c>
      <c r="NC32" s="123">
        <v>0</v>
      </c>
      <c r="ND32" s="162"/>
      <c r="NE32" s="122">
        <v>1664409</v>
      </c>
      <c r="NF32" s="122">
        <v>2973671</v>
      </c>
      <c r="NG32" s="122">
        <v>7316167</v>
      </c>
      <c r="NH32" s="122">
        <v>5184498</v>
      </c>
      <c r="NI32" s="122">
        <v>3870520</v>
      </c>
      <c r="NJ32" s="123">
        <v>21009265</v>
      </c>
      <c r="NK32" s="357">
        <v>21009265</v>
      </c>
      <c r="NL32" s="159">
        <v>0</v>
      </c>
      <c r="NM32" s="122">
        <v>0</v>
      </c>
      <c r="NN32" s="123">
        <v>0</v>
      </c>
      <c r="NO32" s="162"/>
      <c r="NP32" s="122">
        <v>0</v>
      </c>
      <c r="NQ32" s="122">
        <v>0</v>
      </c>
      <c r="NR32" s="122">
        <v>0</v>
      </c>
      <c r="NS32" s="122">
        <v>0</v>
      </c>
      <c r="NT32" s="122">
        <v>0</v>
      </c>
      <c r="NU32" s="123">
        <v>0</v>
      </c>
      <c r="NV32" s="124">
        <v>0</v>
      </c>
      <c r="NW32" s="159">
        <v>0</v>
      </c>
      <c r="NX32" s="122">
        <v>0</v>
      </c>
      <c r="NY32" s="123">
        <v>0</v>
      </c>
      <c r="NZ32" s="162"/>
      <c r="OA32" s="122">
        <v>0</v>
      </c>
      <c r="OB32" s="122">
        <v>0</v>
      </c>
      <c r="OC32" s="122">
        <v>410661</v>
      </c>
      <c r="OD32" s="122">
        <v>673197</v>
      </c>
      <c r="OE32" s="122">
        <v>404096</v>
      </c>
      <c r="OF32" s="123">
        <v>1487954</v>
      </c>
      <c r="OG32" s="124">
        <v>1487954</v>
      </c>
      <c r="OH32" s="159">
        <v>2427555</v>
      </c>
      <c r="OI32" s="122">
        <v>5025309</v>
      </c>
      <c r="OJ32" s="158">
        <v>7452864</v>
      </c>
      <c r="OK32" s="121">
        <v>0</v>
      </c>
      <c r="OL32" s="122">
        <v>27088555</v>
      </c>
      <c r="OM32" s="122">
        <v>28492663</v>
      </c>
      <c r="ON32" s="122">
        <v>47591804</v>
      </c>
      <c r="OO32" s="122">
        <v>46533190</v>
      </c>
      <c r="OP32" s="122">
        <v>35693868</v>
      </c>
      <c r="OQ32" s="123">
        <v>185400080</v>
      </c>
      <c r="OR32" s="160">
        <v>192852944</v>
      </c>
    </row>
    <row r="33" spans="1:408" ht="18.75" customHeight="1" x14ac:dyDescent="0.2">
      <c r="A33" s="62" t="s">
        <v>28</v>
      </c>
      <c r="B33" s="112">
        <v>161434</v>
      </c>
      <c r="C33" s="116">
        <v>350170</v>
      </c>
      <c r="D33" s="115">
        <v>511604</v>
      </c>
      <c r="E33" s="111">
        <v>0</v>
      </c>
      <c r="F33" s="116">
        <v>4829906</v>
      </c>
      <c r="G33" s="116">
        <v>8187210</v>
      </c>
      <c r="H33" s="116">
        <v>5334528</v>
      </c>
      <c r="I33" s="116">
        <v>5208475</v>
      </c>
      <c r="J33" s="116">
        <v>6635696</v>
      </c>
      <c r="K33" s="200">
        <v>30195815</v>
      </c>
      <c r="L33" s="118">
        <v>30707419</v>
      </c>
      <c r="M33" s="112">
        <v>48330</v>
      </c>
      <c r="N33" s="116">
        <v>71224</v>
      </c>
      <c r="O33" s="115">
        <v>119554</v>
      </c>
      <c r="P33" s="112">
        <v>0</v>
      </c>
      <c r="Q33" s="116">
        <v>1001666</v>
      </c>
      <c r="R33" s="116">
        <v>1471007</v>
      </c>
      <c r="S33" s="116">
        <v>843802</v>
      </c>
      <c r="T33" s="116">
        <v>1212945</v>
      </c>
      <c r="U33" s="116">
        <v>3428858</v>
      </c>
      <c r="V33" s="115">
        <v>7958278</v>
      </c>
      <c r="W33" s="118">
        <v>8077832</v>
      </c>
      <c r="X33" s="112">
        <v>0</v>
      </c>
      <c r="Y33" s="116">
        <v>0</v>
      </c>
      <c r="Z33" s="115">
        <v>0</v>
      </c>
      <c r="AA33" s="112">
        <v>0</v>
      </c>
      <c r="AB33" s="116">
        <v>555740</v>
      </c>
      <c r="AC33" s="116">
        <v>428119</v>
      </c>
      <c r="AD33" s="116">
        <v>422497</v>
      </c>
      <c r="AE33" s="443">
        <v>555930</v>
      </c>
      <c r="AF33" s="443">
        <v>1678268</v>
      </c>
      <c r="AG33" s="115">
        <v>3640554</v>
      </c>
      <c r="AH33" s="118">
        <v>3640554</v>
      </c>
      <c r="AI33" s="112">
        <v>0</v>
      </c>
      <c r="AJ33" s="116">
        <v>0</v>
      </c>
      <c r="AK33" s="115">
        <v>0</v>
      </c>
      <c r="AL33" s="112">
        <v>0</v>
      </c>
      <c r="AM33" s="116">
        <v>0</v>
      </c>
      <c r="AN33" s="116">
        <v>0</v>
      </c>
      <c r="AO33" s="116">
        <v>50715</v>
      </c>
      <c r="AP33" s="116">
        <v>75563</v>
      </c>
      <c r="AQ33" s="116">
        <v>378809</v>
      </c>
      <c r="AR33" s="115">
        <v>505087</v>
      </c>
      <c r="AS33" s="118">
        <v>505087</v>
      </c>
      <c r="AT33" s="112">
        <v>40986</v>
      </c>
      <c r="AU33" s="116">
        <v>65860</v>
      </c>
      <c r="AV33" s="115">
        <v>106846</v>
      </c>
      <c r="AW33" s="112">
        <v>0</v>
      </c>
      <c r="AX33" s="116">
        <v>225103</v>
      </c>
      <c r="AY33" s="116">
        <v>798041</v>
      </c>
      <c r="AZ33" s="116">
        <v>166224</v>
      </c>
      <c r="BA33" s="116">
        <v>342138</v>
      </c>
      <c r="BB33" s="116">
        <v>1072065</v>
      </c>
      <c r="BC33" s="115">
        <v>2603571</v>
      </c>
      <c r="BD33" s="118">
        <v>2710417</v>
      </c>
      <c r="BE33" s="112">
        <v>0</v>
      </c>
      <c r="BF33" s="116">
        <v>0</v>
      </c>
      <c r="BG33" s="114">
        <v>0</v>
      </c>
      <c r="BH33" s="113">
        <v>0</v>
      </c>
      <c r="BI33" s="116">
        <v>114261</v>
      </c>
      <c r="BJ33" s="116">
        <v>0</v>
      </c>
      <c r="BK33" s="116">
        <v>0</v>
      </c>
      <c r="BL33" s="116">
        <v>42988</v>
      </c>
      <c r="BM33" s="116">
        <v>97763</v>
      </c>
      <c r="BN33" s="115">
        <v>255012</v>
      </c>
      <c r="BO33" s="118">
        <v>255012</v>
      </c>
      <c r="BP33" s="112">
        <v>7344</v>
      </c>
      <c r="BQ33" s="116">
        <v>5364</v>
      </c>
      <c r="BR33" s="115">
        <v>12708</v>
      </c>
      <c r="BS33" s="112">
        <v>0</v>
      </c>
      <c r="BT33" s="116">
        <v>106562</v>
      </c>
      <c r="BU33" s="116">
        <v>244847</v>
      </c>
      <c r="BV33" s="116">
        <v>204366</v>
      </c>
      <c r="BW33" s="116">
        <v>196326</v>
      </c>
      <c r="BX33" s="116">
        <v>201953</v>
      </c>
      <c r="BY33" s="115">
        <v>954054</v>
      </c>
      <c r="BZ33" s="118">
        <v>966762</v>
      </c>
      <c r="CA33" s="112">
        <v>24664</v>
      </c>
      <c r="CB33" s="116">
        <v>147286</v>
      </c>
      <c r="CC33" s="115">
        <v>171950</v>
      </c>
      <c r="CD33" s="112">
        <v>0</v>
      </c>
      <c r="CE33" s="443">
        <v>1820674</v>
      </c>
      <c r="CF33" s="443">
        <v>3242821</v>
      </c>
      <c r="CG33" s="443">
        <v>1893231</v>
      </c>
      <c r="CH33" s="116">
        <v>1489941</v>
      </c>
      <c r="CI33" s="116">
        <v>1263162</v>
      </c>
      <c r="CJ33" s="451">
        <v>9709829</v>
      </c>
      <c r="CK33" s="452">
        <v>9881779</v>
      </c>
      <c r="CL33" s="112">
        <v>0</v>
      </c>
      <c r="CM33" s="116">
        <v>0</v>
      </c>
      <c r="CN33" s="115">
        <v>0</v>
      </c>
      <c r="CO33" s="113">
        <v>0</v>
      </c>
      <c r="CP33" s="116">
        <v>1709266</v>
      </c>
      <c r="CQ33" s="116">
        <v>2706590</v>
      </c>
      <c r="CR33" s="116">
        <v>1488633</v>
      </c>
      <c r="CS33" s="116">
        <v>1143981</v>
      </c>
      <c r="CT33" s="116">
        <v>987887</v>
      </c>
      <c r="CU33" s="115">
        <v>8036357</v>
      </c>
      <c r="CV33" s="118">
        <v>8036357</v>
      </c>
      <c r="CW33" s="112">
        <v>24664</v>
      </c>
      <c r="CX33" s="116">
        <v>147286</v>
      </c>
      <c r="CY33" s="115">
        <v>171950</v>
      </c>
      <c r="CZ33" s="112">
        <v>0</v>
      </c>
      <c r="DA33" s="116">
        <v>111408</v>
      </c>
      <c r="DB33" s="116">
        <v>536231</v>
      </c>
      <c r="DC33" s="116">
        <v>404598</v>
      </c>
      <c r="DD33" s="116">
        <v>345960</v>
      </c>
      <c r="DE33" s="116">
        <v>275275</v>
      </c>
      <c r="DF33" s="115">
        <v>1673472</v>
      </c>
      <c r="DG33" s="118">
        <v>1845422</v>
      </c>
      <c r="DH33" s="112">
        <v>0</v>
      </c>
      <c r="DI33" s="116">
        <v>0</v>
      </c>
      <c r="DJ33" s="114">
        <v>0</v>
      </c>
      <c r="DK33" s="113">
        <v>0</v>
      </c>
      <c r="DL33" s="116">
        <v>141887</v>
      </c>
      <c r="DM33" s="116">
        <v>470780</v>
      </c>
      <c r="DN33" s="116">
        <v>676235</v>
      </c>
      <c r="DO33" s="116">
        <v>497153</v>
      </c>
      <c r="DP33" s="116">
        <v>157507</v>
      </c>
      <c r="DQ33" s="115">
        <v>1943562</v>
      </c>
      <c r="DR33" s="118">
        <v>1943562</v>
      </c>
      <c r="DS33" s="112">
        <v>0</v>
      </c>
      <c r="DT33" s="116">
        <v>0</v>
      </c>
      <c r="DU33" s="115">
        <v>0</v>
      </c>
      <c r="DV33" s="112">
        <v>0</v>
      </c>
      <c r="DW33" s="116">
        <v>86985</v>
      </c>
      <c r="DX33" s="116">
        <v>436841</v>
      </c>
      <c r="DY33" s="116">
        <v>606627</v>
      </c>
      <c r="DZ33" s="116">
        <v>358267</v>
      </c>
      <c r="EA33" s="116">
        <v>157507</v>
      </c>
      <c r="EB33" s="115">
        <v>1646227</v>
      </c>
      <c r="EC33" s="118">
        <v>1646227</v>
      </c>
      <c r="ED33" s="112">
        <v>0</v>
      </c>
      <c r="EE33" s="114">
        <v>0</v>
      </c>
      <c r="EF33" s="115">
        <v>0</v>
      </c>
      <c r="EG33" s="112">
        <v>0</v>
      </c>
      <c r="EH33" s="116">
        <v>54902</v>
      </c>
      <c r="EI33" s="116">
        <v>33939</v>
      </c>
      <c r="EJ33" s="116">
        <v>69608</v>
      </c>
      <c r="EK33" s="116">
        <v>138886</v>
      </c>
      <c r="EL33" s="116">
        <v>0</v>
      </c>
      <c r="EM33" s="114">
        <v>297335</v>
      </c>
      <c r="EN33" s="118">
        <v>297335</v>
      </c>
      <c r="EO33" s="112">
        <v>0</v>
      </c>
      <c r="EP33" s="116">
        <v>0</v>
      </c>
      <c r="EQ33" s="114">
        <v>0</v>
      </c>
      <c r="ER33" s="113">
        <v>0</v>
      </c>
      <c r="ES33" s="116">
        <v>0</v>
      </c>
      <c r="ET33" s="116">
        <v>0</v>
      </c>
      <c r="EU33" s="116">
        <v>0</v>
      </c>
      <c r="EV33" s="116">
        <v>0</v>
      </c>
      <c r="EW33" s="116">
        <v>0</v>
      </c>
      <c r="EX33" s="115">
        <v>0</v>
      </c>
      <c r="EY33" s="118">
        <v>0</v>
      </c>
      <c r="EZ33" s="112">
        <v>0</v>
      </c>
      <c r="FA33" s="116">
        <v>0</v>
      </c>
      <c r="FB33" s="114">
        <v>0</v>
      </c>
      <c r="FC33" s="390"/>
      <c r="FD33" s="116">
        <v>0</v>
      </c>
      <c r="FE33" s="116">
        <v>0</v>
      </c>
      <c r="FF33" s="116">
        <v>0</v>
      </c>
      <c r="FG33" s="116">
        <v>0</v>
      </c>
      <c r="FH33" s="116">
        <v>0</v>
      </c>
      <c r="FI33" s="115">
        <v>0</v>
      </c>
      <c r="FJ33" s="118">
        <v>0</v>
      </c>
      <c r="FK33" s="112">
        <v>43020</v>
      </c>
      <c r="FL33" s="116">
        <v>61580</v>
      </c>
      <c r="FM33" s="115">
        <v>104600</v>
      </c>
      <c r="FN33" s="112">
        <v>0</v>
      </c>
      <c r="FO33" s="116">
        <v>185022</v>
      </c>
      <c r="FP33" s="116">
        <v>795268</v>
      </c>
      <c r="FQ33" s="116">
        <v>349062</v>
      </c>
      <c r="FR33" s="116">
        <v>396734</v>
      </c>
      <c r="FS33" s="116">
        <v>631885</v>
      </c>
      <c r="FT33" s="115">
        <v>2357971</v>
      </c>
      <c r="FU33" s="118">
        <v>2462571</v>
      </c>
      <c r="FV33" s="117">
        <v>43020</v>
      </c>
      <c r="FW33" s="116">
        <v>61580</v>
      </c>
      <c r="FX33" s="114">
        <v>104600</v>
      </c>
      <c r="FY33" s="113">
        <v>0</v>
      </c>
      <c r="FZ33" s="116">
        <v>174132</v>
      </c>
      <c r="GA33" s="116">
        <v>795268</v>
      </c>
      <c r="GB33" s="116">
        <v>349062</v>
      </c>
      <c r="GC33" s="116">
        <v>396734</v>
      </c>
      <c r="GD33" s="116">
        <v>631885</v>
      </c>
      <c r="GE33" s="115">
        <v>2347081</v>
      </c>
      <c r="GF33" s="354">
        <v>2451681</v>
      </c>
      <c r="GG33" s="117">
        <v>0</v>
      </c>
      <c r="GH33" s="116">
        <v>0</v>
      </c>
      <c r="GI33" s="114">
        <v>0</v>
      </c>
      <c r="GJ33" s="113">
        <v>0</v>
      </c>
      <c r="GK33" s="116">
        <v>10890</v>
      </c>
      <c r="GL33" s="116">
        <v>0</v>
      </c>
      <c r="GM33" s="116">
        <v>0</v>
      </c>
      <c r="GN33" s="116">
        <v>0</v>
      </c>
      <c r="GO33" s="116">
        <v>0</v>
      </c>
      <c r="GP33" s="115">
        <v>10890</v>
      </c>
      <c r="GQ33" s="118">
        <v>10890</v>
      </c>
      <c r="GR33" s="112">
        <v>0</v>
      </c>
      <c r="GS33" s="116">
        <v>0</v>
      </c>
      <c r="GT33" s="115">
        <v>0</v>
      </c>
      <c r="GU33" s="112">
        <v>0</v>
      </c>
      <c r="GV33" s="116">
        <v>0</v>
      </c>
      <c r="GW33" s="116">
        <v>0</v>
      </c>
      <c r="GX33" s="116">
        <v>0</v>
      </c>
      <c r="GY33" s="116">
        <v>0</v>
      </c>
      <c r="GZ33" s="116">
        <v>0</v>
      </c>
      <c r="HA33" s="114">
        <v>0</v>
      </c>
      <c r="HB33" s="118">
        <v>0</v>
      </c>
      <c r="HC33" s="112">
        <v>0</v>
      </c>
      <c r="HD33" s="116">
        <v>0</v>
      </c>
      <c r="HE33" s="114">
        <v>0</v>
      </c>
      <c r="HF33" s="113">
        <v>0</v>
      </c>
      <c r="HG33" s="116">
        <v>802825</v>
      </c>
      <c r="HH33" s="116">
        <v>989846</v>
      </c>
      <c r="HI33" s="116">
        <v>1029867</v>
      </c>
      <c r="HJ33" s="116">
        <v>1199683</v>
      </c>
      <c r="HK33" s="116">
        <v>728291</v>
      </c>
      <c r="HL33" s="115">
        <v>4750512</v>
      </c>
      <c r="HM33" s="111">
        <v>4750512</v>
      </c>
      <c r="HN33" s="117">
        <v>45420</v>
      </c>
      <c r="HO33" s="116">
        <v>70080</v>
      </c>
      <c r="HP33" s="115">
        <v>115500</v>
      </c>
      <c r="HQ33" s="112">
        <v>0</v>
      </c>
      <c r="HR33" s="116">
        <v>877832</v>
      </c>
      <c r="HS33" s="116">
        <v>1217488</v>
      </c>
      <c r="HT33" s="116">
        <v>542331</v>
      </c>
      <c r="HU33" s="116">
        <v>412019</v>
      </c>
      <c r="HV33" s="116">
        <v>425993</v>
      </c>
      <c r="HW33" s="114">
        <v>3475663</v>
      </c>
      <c r="HX33" s="118">
        <v>3591163</v>
      </c>
      <c r="HY33" s="148">
        <v>0</v>
      </c>
      <c r="HZ33" s="149">
        <v>0</v>
      </c>
      <c r="IA33" s="150">
        <v>0</v>
      </c>
      <c r="IB33" s="163">
        <v>0</v>
      </c>
      <c r="IC33" s="149">
        <v>632454</v>
      </c>
      <c r="ID33" s="164">
        <v>1398913</v>
      </c>
      <c r="IE33" s="150">
        <v>2029707</v>
      </c>
      <c r="IF33" s="149">
        <v>434448</v>
      </c>
      <c r="IG33" s="150">
        <v>1042242</v>
      </c>
      <c r="IH33" s="165">
        <v>5537764</v>
      </c>
      <c r="II33" s="156">
        <v>5537764</v>
      </c>
      <c r="IJ33" s="261">
        <v>0</v>
      </c>
      <c r="IK33" s="268">
        <v>0</v>
      </c>
      <c r="IL33" s="269">
        <v>0</v>
      </c>
      <c r="IM33" s="157"/>
      <c r="IN33" s="122">
        <v>0</v>
      </c>
      <c r="IO33" s="122">
        <v>0</v>
      </c>
      <c r="IP33" s="122">
        <v>0</v>
      </c>
      <c r="IQ33" s="122">
        <v>0</v>
      </c>
      <c r="IR33" s="122">
        <v>0</v>
      </c>
      <c r="IS33" s="158">
        <v>0</v>
      </c>
      <c r="IT33" s="357">
        <v>0</v>
      </c>
      <c r="IU33" s="159">
        <v>0</v>
      </c>
      <c r="IV33" s="122">
        <v>0</v>
      </c>
      <c r="IW33" s="123">
        <v>0</v>
      </c>
      <c r="IX33" s="161"/>
      <c r="IY33" s="122">
        <v>0</v>
      </c>
      <c r="IZ33" s="122">
        <v>0</v>
      </c>
      <c r="JA33" s="122">
        <v>0</v>
      </c>
      <c r="JB33" s="122">
        <v>0</v>
      </c>
      <c r="JC33" s="122">
        <v>0</v>
      </c>
      <c r="JD33" s="123">
        <v>0</v>
      </c>
      <c r="JE33" s="124">
        <v>0</v>
      </c>
      <c r="JF33" s="159">
        <v>0</v>
      </c>
      <c r="JG33" s="122">
        <v>0</v>
      </c>
      <c r="JH33" s="158">
        <v>0</v>
      </c>
      <c r="JI33" s="121">
        <v>0</v>
      </c>
      <c r="JJ33" s="122">
        <v>546324</v>
      </c>
      <c r="JK33" s="122">
        <v>551032</v>
      </c>
      <c r="JL33" s="122">
        <v>67473</v>
      </c>
      <c r="JM33" s="122">
        <v>138231</v>
      </c>
      <c r="JN33" s="122">
        <v>3896</v>
      </c>
      <c r="JO33" s="123">
        <v>1306956</v>
      </c>
      <c r="JP33" s="357">
        <v>1306956</v>
      </c>
      <c r="JQ33" s="159">
        <v>0</v>
      </c>
      <c r="JR33" s="122">
        <v>0</v>
      </c>
      <c r="JS33" s="158">
        <v>0</v>
      </c>
      <c r="JT33" s="121">
        <v>0</v>
      </c>
      <c r="JU33" s="122">
        <v>86130</v>
      </c>
      <c r="JV33" s="122">
        <v>46170</v>
      </c>
      <c r="JW33" s="122">
        <v>321273</v>
      </c>
      <c r="JX33" s="122">
        <v>0</v>
      </c>
      <c r="JY33" s="122">
        <v>13496</v>
      </c>
      <c r="JZ33" s="123">
        <v>467069</v>
      </c>
      <c r="KA33" s="357">
        <v>467069</v>
      </c>
      <c r="KB33" s="264">
        <v>0</v>
      </c>
      <c r="KC33" s="258">
        <v>0</v>
      </c>
      <c r="KD33" s="123">
        <v>0</v>
      </c>
      <c r="KE33" s="121">
        <v>0</v>
      </c>
      <c r="KF33" s="122">
        <v>0</v>
      </c>
      <c r="KG33" s="122">
        <v>0</v>
      </c>
      <c r="KH33" s="122">
        <v>0</v>
      </c>
      <c r="KI33" s="122">
        <v>0</v>
      </c>
      <c r="KJ33" s="122">
        <v>0</v>
      </c>
      <c r="KK33" s="123">
        <v>0</v>
      </c>
      <c r="KL33" s="160">
        <v>0</v>
      </c>
      <c r="KM33" s="261">
        <v>0</v>
      </c>
      <c r="KN33" s="268">
        <v>0</v>
      </c>
      <c r="KO33" s="269">
        <v>0</v>
      </c>
      <c r="KP33" s="157"/>
      <c r="KQ33" s="122">
        <v>0</v>
      </c>
      <c r="KR33" s="122">
        <v>801711</v>
      </c>
      <c r="KS33" s="122">
        <v>1389474</v>
      </c>
      <c r="KT33" s="122">
        <v>296217</v>
      </c>
      <c r="KU33" s="122">
        <v>1024850</v>
      </c>
      <c r="KV33" s="123">
        <v>3512252</v>
      </c>
      <c r="KW33" s="357">
        <v>3512252</v>
      </c>
      <c r="KX33" s="159">
        <v>0</v>
      </c>
      <c r="KY33" s="122">
        <v>0</v>
      </c>
      <c r="KZ33" s="123">
        <v>0</v>
      </c>
      <c r="LA33" s="162"/>
      <c r="LB33" s="122">
        <v>0</v>
      </c>
      <c r="LC33" s="122">
        <v>0</v>
      </c>
      <c r="LD33" s="122">
        <v>0</v>
      </c>
      <c r="LE33" s="122">
        <v>0</v>
      </c>
      <c r="LF33" s="122">
        <v>0</v>
      </c>
      <c r="LG33" s="123">
        <v>0</v>
      </c>
      <c r="LH33" s="124">
        <v>0</v>
      </c>
      <c r="LI33" s="159">
        <v>0</v>
      </c>
      <c r="LJ33" s="122">
        <v>0</v>
      </c>
      <c r="LK33" s="123">
        <v>0</v>
      </c>
      <c r="LL33" s="162"/>
      <c r="LM33" s="122">
        <v>0</v>
      </c>
      <c r="LN33" s="122">
        <v>0</v>
      </c>
      <c r="LO33" s="122">
        <v>251487</v>
      </c>
      <c r="LP33" s="122">
        <v>0</v>
      </c>
      <c r="LQ33" s="122">
        <v>0</v>
      </c>
      <c r="LR33" s="123">
        <v>251487</v>
      </c>
      <c r="LS33" s="357">
        <v>251487</v>
      </c>
      <c r="LT33" s="159">
        <v>0</v>
      </c>
      <c r="LU33" s="122">
        <v>0</v>
      </c>
      <c r="LV33" s="123">
        <v>0</v>
      </c>
      <c r="LW33" s="162"/>
      <c r="LX33" s="122">
        <v>0</v>
      </c>
      <c r="LY33" s="122">
        <v>0</v>
      </c>
      <c r="LZ33" s="122">
        <v>0</v>
      </c>
      <c r="MA33" s="122">
        <v>0</v>
      </c>
      <c r="MB33" s="122">
        <v>0</v>
      </c>
      <c r="MC33" s="123">
        <v>0</v>
      </c>
      <c r="MD33" s="124">
        <v>0</v>
      </c>
      <c r="ME33" s="159">
        <v>0</v>
      </c>
      <c r="MF33" s="122">
        <v>0</v>
      </c>
      <c r="MG33" s="123">
        <v>0</v>
      </c>
      <c r="MH33" s="162"/>
      <c r="MI33" s="122">
        <v>361475</v>
      </c>
      <c r="MJ33" s="122">
        <v>2673110</v>
      </c>
      <c r="MK33" s="122">
        <v>6062968</v>
      </c>
      <c r="ML33" s="122">
        <v>7544895</v>
      </c>
      <c r="MM33" s="122">
        <v>5062583</v>
      </c>
      <c r="MN33" s="123">
        <v>21705031</v>
      </c>
      <c r="MO33" s="160">
        <v>21705031</v>
      </c>
      <c r="MP33" s="159">
        <v>0</v>
      </c>
      <c r="MQ33" s="122">
        <v>0</v>
      </c>
      <c r="MR33" s="123">
        <v>0</v>
      </c>
      <c r="MS33" s="162"/>
      <c r="MT33" s="122">
        <v>0</v>
      </c>
      <c r="MU33" s="122">
        <v>422316</v>
      </c>
      <c r="MV33" s="122">
        <v>2980314</v>
      </c>
      <c r="MW33" s="122">
        <v>4432219</v>
      </c>
      <c r="MX33" s="122">
        <v>3406285</v>
      </c>
      <c r="MY33" s="123">
        <v>11241134</v>
      </c>
      <c r="MZ33" s="160">
        <v>11241134</v>
      </c>
      <c r="NA33" s="159">
        <v>0</v>
      </c>
      <c r="NB33" s="122">
        <v>0</v>
      </c>
      <c r="NC33" s="123">
        <v>0</v>
      </c>
      <c r="ND33" s="162"/>
      <c r="NE33" s="122">
        <v>361475</v>
      </c>
      <c r="NF33" s="122">
        <v>2250794</v>
      </c>
      <c r="NG33" s="122">
        <v>3082654</v>
      </c>
      <c r="NH33" s="122">
        <v>3112676</v>
      </c>
      <c r="NI33" s="122">
        <v>1656298</v>
      </c>
      <c r="NJ33" s="123">
        <v>10463897</v>
      </c>
      <c r="NK33" s="357">
        <v>10463897</v>
      </c>
      <c r="NL33" s="159">
        <v>0</v>
      </c>
      <c r="NM33" s="122">
        <v>0</v>
      </c>
      <c r="NN33" s="123">
        <v>0</v>
      </c>
      <c r="NO33" s="162"/>
      <c r="NP33" s="122">
        <v>0</v>
      </c>
      <c r="NQ33" s="122">
        <v>0</v>
      </c>
      <c r="NR33" s="122">
        <v>0</v>
      </c>
      <c r="NS33" s="122">
        <v>0</v>
      </c>
      <c r="NT33" s="122">
        <v>0</v>
      </c>
      <c r="NU33" s="123">
        <v>0</v>
      </c>
      <c r="NV33" s="124">
        <v>0</v>
      </c>
      <c r="NW33" s="159">
        <v>0</v>
      </c>
      <c r="NX33" s="122">
        <v>0</v>
      </c>
      <c r="NY33" s="123">
        <v>0</v>
      </c>
      <c r="NZ33" s="162"/>
      <c r="OA33" s="122">
        <v>0</v>
      </c>
      <c r="OB33" s="122">
        <v>0</v>
      </c>
      <c r="OC33" s="122">
        <v>0</v>
      </c>
      <c r="OD33" s="122">
        <v>0</v>
      </c>
      <c r="OE33" s="122">
        <v>0</v>
      </c>
      <c r="OF33" s="123">
        <v>0</v>
      </c>
      <c r="OG33" s="124">
        <v>0</v>
      </c>
      <c r="OH33" s="159">
        <v>161434</v>
      </c>
      <c r="OI33" s="122">
        <v>350170</v>
      </c>
      <c r="OJ33" s="158">
        <v>511604</v>
      </c>
      <c r="OK33" s="121">
        <v>0</v>
      </c>
      <c r="OL33" s="122">
        <v>5823835</v>
      </c>
      <c r="OM33" s="122">
        <v>12259233</v>
      </c>
      <c r="ON33" s="122">
        <v>13427203</v>
      </c>
      <c r="OO33" s="122">
        <v>13187818</v>
      </c>
      <c r="OP33" s="122">
        <v>12740521</v>
      </c>
      <c r="OQ33" s="123">
        <v>57438610</v>
      </c>
      <c r="OR33" s="160">
        <v>57950214</v>
      </c>
    </row>
    <row r="34" spans="1:408" ht="18.75" customHeight="1" x14ac:dyDescent="0.2">
      <c r="A34" s="62" t="s">
        <v>29</v>
      </c>
      <c r="B34" s="112">
        <v>336161</v>
      </c>
      <c r="C34" s="116">
        <v>794379</v>
      </c>
      <c r="D34" s="115">
        <v>1130540</v>
      </c>
      <c r="E34" s="111">
        <v>0</v>
      </c>
      <c r="F34" s="116">
        <v>6965575</v>
      </c>
      <c r="G34" s="116">
        <v>10136869</v>
      </c>
      <c r="H34" s="116">
        <v>7299478</v>
      </c>
      <c r="I34" s="116">
        <v>9477734</v>
      </c>
      <c r="J34" s="116">
        <v>6039416</v>
      </c>
      <c r="K34" s="200">
        <v>39919072</v>
      </c>
      <c r="L34" s="118">
        <v>41049612</v>
      </c>
      <c r="M34" s="112">
        <v>71986</v>
      </c>
      <c r="N34" s="116">
        <v>301868</v>
      </c>
      <c r="O34" s="115">
        <v>373854</v>
      </c>
      <c r="P34" s="112">
        <v>0</v>
      </c>
      <c r="Q34" s="116">
        <v>1513279</v>
      </c>
      <c r="R34" s="116">
        <v>2492175</v>
      </c>
      <c r="S34" s="116">
        <v>1627292</v>
      </c>
      <c r="T34" s="116">
        <v>3157872</v>
      </c>
      <c r="U34" s="116">
        <v>2079544</v>
      </c>
      <c r="V34" s="115">
        <v>10870162</v>
      </c>
      <c r="W34" s="118">
        <v>11244016</v>
      </c>
      <c r="X34" s="112">
        <v>0</v>
      </c>
      <c r="Y34" s="116">
        <v>0</v>
      </c>
      <c r="Z34" s="115">
        <v>0</v>
      </c>
      <c r="AA34" s="112">
        <v>0</v>
      </c>
      <c r="AB34" s="116">
        <v>871190</v>
      </c>
      <c r="AC34" s="116">
        <v>1317914</v>
      </c>
      <c r="AD34" s="116">
        <v>967656</v>
      </c>
      <c r="AE34" s="443">
        <v>2044059</v>
      </c>
      <c r="AF34" s="443">
        <v>1246879</v>
      </c>
      <c r="AG34" s="115">
        <v>6447698</v>
      </c>
      <c r="AH34" s="118">
        <v>6447698</v>
      </c>
      <c r="AI34" s="112">
        <v>0</v>
      </c>
      <c r="AJ34" s="116">
        <v>0</v>
      </c>
      <c r="AK34" s="115">
        <v>0</v>
      </c>
      <c r="AL34" s="112">
        <v>0</v>
      </c>
      <c r="AM34" s="116">
        <v>0</v>
      </c>
      <c r="AN34" s="116">
        <v>85176</v>
      </c>
      <c r="AO34" s="116">
        <v>37856</v>
      </c>
      <c r="AP34" s="116">
        <v>186095</v>
      </c>
      <c r="AQ34" s="116">
        <v>304253</v>
      </c>
      <c r="AR34" s="115">
        <v>613380</v>
      </c>
      <c r="AS34" s="118">
        <v>613380</v>
      </c>
      <c r="AT34" s="112">
        <v>45967</v>
      </c>
      <c r="AU34" s="116">
        <v>265382</v>
      </c>
      <c r="AV34" s="115">
        <v>311349</v>
      </c>
      <c r="AW34" s="112">
        <v>0</v>
      </c>
      <c r="AX34" s="116">
        <v>472814</v>
      </c>
      <c r="AY34" s="116">
        <v>700453</v>
      </c>
      <c r="AZ34" s="116">
        <v>519730</v>
      </c>
      <c r="BA34" s="116">
        <v>526284</v>
      </c>
      <c r="BB34" s="116">
        <v>383694</v>
      </c>
      <c r="BC34" s="115">
        <v>2602975</v>
      </c>
      <c r="BD34" s="118">
        <v>2914324</v>
      </c>
      <c r="BE34" s="112">
        <v>0</v>
      </c>
      <c r="BF34" s="116">
        <v>33804</v>
      </c>
      <c r="BG34" s="114">
        <v>33804</v>
      </c>
      <c r="BH34" s="113">
        <v>0</v>
      </c>
      <c r="BI34" s="116">
        <v>60228</v>
      </c>
      <c r="BJ34" s="116">
        <v>75435</v>
      </c>
      <c r="BK34" s="116">
        <v>0</v>
      </c>
      <c r="BL34" s="116">
        <v>128019</v>
      </c>
      <c r="BM34" s="116">
        <v>0</v>
      </c>
      <c r="BN34" s="115">
        <v>263682</v>
      </c>
      <c r="BO34" s="118">
        <v>297486</v>
      </c>
      <c r="BP34" s="112">
        <v>26019</v>
      </c>
      <c r="BQ34" s="116">
        <v>2682</v>
      </c>
      <c r="BR34" s="115">
        <v>28701</v>
      </c>
      <c r="BS34" s="112">
        <v>0</v>
      </c>
      <c r="BT34" s="116">
        <v>109047</v>
      </c>
      <c r="BU34" s="116">
        <v>313197</v>
      </c>
      <c r="BV34" s="116">
        <v>102050</v>
      </c>
      <c r="BW34" s="116">
        <v>273415</v>
      </c>
      <c r="BX34" s="116">
        <v>144718</v>
      </c>
      <c r="BY34" s="115">
        <v>942427</v>
      </c>
      <c r="BZ34" s="118">
        <v>971128</v>
      </c>
      <c r="CA34" s="112">
        <v>38880</v>
      </c>
      <c r="CB34" s="116">
        <v>112861</v>
      </c>
      <c r="CC34" s="115">
        <v>151741</v>
      </c>
      <c r="CD34" s="112">
        <v>0</v>
      </c>
      <c r="CE34" s="443">
        <v>2558444</v>
      </c>
      <c r="CF34" s="443">
        <v>2607188</v>
      </c>
      <c r="CG34" s="443">
        <v>2398848</v>
      </c>
      <c r="CH34" s="116">
        <v>2556670</v>
      </c>
      <c r="CI34" s="116">
        <v>847703</v>
      </c>
      <c r="CJ34" s="451">
        <v>10968853</v>
      </c>
      <c r="CK34" s="452">
        <v>11120594</v>
      </c>
      <c r="CL34" s="112">
        <v>0</v>
      </c>
      <c r="CM34" s="116">
        <v>0</v>
      </c>
      <c r="CN34" s="115">
        <v>0</v>
      </c>
      <c r="CO34" s="113">
        <v>0</v>
      </c>
      <c r="CP34" s="116">
        <v>1726410</v>
      </c>
      <c r="CQ34" s="116">
        <v>2233460</v>
      </c>
      <c r="CR34" s="116">
        <v>2015101</v>
      </c>
      <c r="CS34" s="116">
        <v>2107043</v>
      </c>
      <c r="CT34" s="116">
        <v>562786</v>
      </c>
      <c r="CU34" s="115">
        <v>8644800</v>
      </c>
      <c r="CV34" s="118">
        <v>8644800</v>
      </c>
      <c r="CW34" s="112">
        <v>38880</v>
      </c>
      <c r="CX34" s="116">
        <v>112861</v>
      </c>
      <c r="CY34" s="115">
        <v>151741</v>
      </c>
      <c r="CZ34" s="112">
        <v>0</v>
      </c>
      <c r="DA34" s="116">
        <v>832034</v>
      </c>
      <c r="DB34" s="116">
        <v>373728</v>
      </c>
      <c r="DC34" s="116">
        <v>383747</v>
      </c>
      <c r="DD34" s="116">
        <v>449627</v>
      </c>
      <c r="DE34" s="116">
        <v>284917</v>
      </c>
      <c r="DF34" s="115">
        <v>2324053</v>
      </c>
      <c r="DG34" s="118">
        <v>2475794</v>
      </c>
      <c r="DH34" s="112">
        <v>0</v>
      </c>
      <c r="DI34" s="116">
        <v>0</v>
      </c>
      <c r="DJ34" s="114">
        <v>0</v>
      </c>
      <c r="DK34" s="113">
        <v>0</v>
      </c>
      <c r="DL34" s="116">
        <v>241582</v>
      </c>
      <c r="DM34" s="116">
        <v>1011052</v>
      </c>
      <c r="DN34" s="116">
        <v>1327694</v>
      </c>
      <c r="DO34" s="116">
        <v>949795</v>
      </c>
      <c r="DP34" s="116">
        <v>929318</v>
      </c>
      <c r="DQ34" s="115">
        <v>4459441</v>
      </c>
      <c r="DR34" s="118">
        <v>4459441</v>
      </c>
      <c r="DS34" s="112">
        <v>0</v>
      </c>
      <c r="DT34" s="116">
        <v>0</v>
      </c>
      <c r="DU34" s="115">
        <v>0</v>
      </c>
      <c r="DV34" s="112">
        <v>0</v>
      </c>
      <c r="DW34" s="116">
        <v>241582</v>
      </c>
      <c r="DX34" s="116">
        <v>693550</v>
      </c>
      <c r="DY34" s="116">
        <v>1282343</v>
      </c>
      <c r="DZ34" s="116">
        <v>773489</v>
      </c>
      <c r="EA34" s="116">
        <v>861332</v>
      </c>
      <c r="EB34" s="115">
        <v>3852296</v>
      </c>
      <c r="EC34" s="118">
        <v>3852296</v>
      </c>
      <c r="ED34" s="112">
        <v>0</v>
      </c>
      <c r="EE34" s="114">
        <v>0</v>
      </c>
      <c r="EF34" s="115">
        <v>0</v>
      </c>
      <c r="EG34" s="112">
        <v>0</v>
      </c>
      <c r="EH34" s="116">
        <v>0</v>
      </c>
      <c r="EI34" s="116">
        <v>317502</v>
      </c>
      <c r="EJ34" s="116">
        <v>45351</v>
      </c>
      <c r="EK34" s="116">
        <v>176306</v>
      </c>
      <c r="EL34" s="116">
        <v>67986</v>
      </c>
      <c r="EM34" s="114">
        <v>607145</v>
      </c>
      <c r="EN34" s="118">
        <v>607145</v>
      </c>
      <c r="EO34" s="112">
        <v>0</v>
      </c>
      <c r="EP34" s="116">
        <v>0</v>
      </c>
      <c r="EQ34" s="114">
        <v>0</v>
      </c>
      <c r="ER34" s="113">
        <v>0</v>
      </c>
      <c r="ES34" s="116">
        <v>0</v>
      </c>
      <c r="ET34" s="116">
        <v>0</v>
      </c>
      <c r="EU34" s="116">
        <v>0</v>
      </c>
      <c r="EV34" s="116">
        <v>0</v>
      </c>
      <c r="EW34" s="116">
        <v>0</v>
      </c>
      <c r="EX34" s="115">
        <v>0</v>
      </c>
      <c r="EY34" s="118">
        <v>0</v>
      </c>
      <c r="EZ34" s="112">
        <v>0</v>
      </c>
      <c r="FA34" s="116">
        <v>0</v>
      </c>
      <c r="FB34" s="114">
        <v>0</v>
      </c>
      <c r="FC34" s="390"/>
      <c r="FD34" s="116">
        <v>0</v>
      </c>
      <c r="FE34" s="116">
        <v>0</v>
      </c>
      <c r="FF34" s="116">
        <v>0</v>
      </c>
      <c r="FG34" s="116">
        <v>0</v>
      </c>
      <c r="FH34" s="116">
        <v>0</v>
      </c>
      <c r="FI34" s="115">
        <v>0</v>
      </c>
      <c r="FJ34" s="118">
        <v>0</v>
      </c>
      <c r="FK34" s="112">
        <v>118555</v>
      </c>
      <c r="FL34" s="116">
        <v>202830</v>
      </c>
      <c r="FM34" s="115">
        <v>321385</v>
      </c>
      <c r="FN34" s="112">
        <v>0</v>
      </c>
      <c r="FO34" s="116">
        <v>461197</v>
      </c>
      <c r="FP34" s="116">
        <v>952735</v>
      </c>
      <c r="FQ34" s="116">
        <v>519628</v>
      </c>
      <c r="FR34" s="116">
        <v>909386</v>
      </c>
      <c r="FS34" s="116">
        <v>566248</v>
      </c>
      <c r="FT34" s="115">
        <v>3409194</v>
      </c>
      <c r="FU34" s="118">
        <v>3730579</v>
      </c>
      <c r="FV34" s="117">
        <v>118555</v>
      </c>
      <c r="FW34" s="116">
        <v>202830</v>
      </c>
      <c r="FX34" s="114">
        <v>321385</v>
      </c>
      <c r="FY34" s="113">
        <v>0</v>
      </c>
      <c r="FZ34" s="116">
        <v>336787</v>
      </c>
      <c r="GA34" s="116">
        <v>880465</v>
      </c>
      <c r="GB34" s="116">
        <v>505152</v>
      </c>
      <c r="GC34" s="116">
        <v>909386</v>
      </c>
      <c r="GD34" s="116">
        <v>531598</v>
      </c>
      <c r="GE34" s="115">
        <v>3163388</v>
      </c>
      <c r="GF34" s="354">
        <v>3484773</v>
      </c>
      <c r="GG34" s="117">
        <v>0</v>
      </c>
      <c r="GH34" s="116">
        <v>0</v>
      </c>
      <c r="GI34" s="114">
        <v>0</v>
      </c>
      <c r="GJ34" s="113">
        <v>0</v>
      </c>
      <c r="GK34" s="116">
        <v>0</v>
      </c>
      <c r="GL34" s="116">
        <v>0</v>
      </c>
      <c r="GM34" s="116">
        <v>14476</v>
      </c>
      <c r="GN34" s="116">
        <v>0</v>
      </c>
      <c r="GO34" s="116">
        <v>34650</v>
      </c>
      <c r="GP34" s="115">
        <v>49126</v>
      </c>
      <c r="GQ34" s="118">
        <v>49126</v>
      </c>
      <c r="GR34" s="112">
        <v>0</v>
      </c>
      <c r="GS34" s="116">
        <v>0</v>
      </c>
      <c r="GT34" s="115">
        <v>0</v>
      </c>
      <c r="GU34" s="112">
        <v>0</v>
      </c>
      <c r="GV34" s="116">
        <v>124410</v>
      </c>
      <c r="GW34" s="116">
        <v>72270</v>
      </c>
      <c r="GX34" s="116">
        <v>0</v>
      </c>
      <c r="GY34" s="116">
        <v>0</v>
      </c>
      <c r="GZ34" s="116">
        <v>0</v>
      </c>
      <c r="HA34" s="114">
        <v>196680</v>
      </c>
      <c r="HB34" s="118">
        <v>196680</v>
      </c>
      <c r="HC34" s="112">
        <v>0</v>
      </c>
      <c r="HD34" s="116">
        <v>0</v>
      </c>
      <c r="HE34" s="114">
        <v>0</v>
      </c>
      <c r="HF34" s="113">
        <v>0</v>
      </c>
      <c r="HG34" s="116">
        <v>1002233</v>
      </c>
      <c r="HH34" s="116">
        <v>1715402</v>
      </c>
      <c r="HI34" s="116">
        <v>609123</v>
      </c>
      <c r="HJ34" s="116">
        <v>1133756</v>
      </c>
      <c r="HK34" s="116">
        <v>1273509</v>
      </c>
      <c r="HL34" s="115">
        <v>5734023</v>
      </c>
      <c r="HM34" s="111">
        <v>5734023</v>
      </c>
      <c r="HN34" s="117">
        <v>106740</v>
      </c>
      <c r="HO34" s="116">
        <v>176820</v>
      </c>
      <c r="HP34" s="115">
        <v>283560</v>
      </c>
      <c r="HQ34" s="112">
        <v>0</v>
      </c>
      <c r="HR34" s="116">
        <v>1188840</v>
      </c>
      <c r="HS34" s="116">
        <v>1358317</v>
      </c>
      <c r="HT34" s="116">
        <v>816893</v>
      </c>
      <c r="HU34" s="116">
        <v>770255</v>
      </c>
      <c r="HV34" s="116">
        <v>343094</v>
      </c>
      <c r="HW34" s="114">
        <v>4477399</v>
      </c>
      <c r="HX34" s="118">
        <v>4760959</v>
      </c>
      <c r="HY34" s="167">
        <v>44901</v>
      </c>
      <c r="HZ34" s="152">
        <v>160623</v>
      </c>
      <c r="IA34" s="167">
        <v>205524</v>
      </c>
      <c r="IB34" s="151">
        <v>0</v>
      </c>
      <c r="IC34" s="152">
        <v>1706162</v>
      </c>
      <c r="ID34" s="153">
        <v>2562034</v>
      </c>
      <c r="IE34" s="154">
        <v>2898745</v>
      </c>
      <c r="IF34" s="152">
        <v>2747907</v>
      </c>
      <c r="IG34" s="154">
        <v>2244624</v>
      </c>
      <c r="IH34" s="155">
        <v>12159472</v>
      </c>
      <c r="II34" s="167">
        <v>12364996</v>
      </c>
      <c r="IJ34" s="261">
        <v>0</v>
      </c>
      <c r="IK34" s="268">
        <v>0</v>
      </c>
      <c r="IL34" s="269">
        <v>0</v>
      </c>
      <c r="IM34" s="157"/>
      <c r="IN34" s="122">
        <v>0</v>
      </c>
      <c r="IO34" s="122">
        <v>0</v>
      </c>
      <c r="IP34" s="122">
        <v>0</v>
      </c>
      <c r="IQ34" s="122">
        <v>0</v>
      </c>
      <c r="IR34" s="122">
        <v>0</v>
      </c>
      <c r="IS34" s="158">
        <v>0</v>
      </c>
      <c r="IT34" s="357">
        <v>0</v>
      </c>
      <c r="IU34" s="159">
        <v>0</v>
      </c>
      <c r="IV34" s="122">
        <v>0</v>
      </c>
      <c r="IW34" s="123">
        <v>0</v>
      </c>
      <c r="IX34" s="161"/>
      <c r="IY34" s="122">
        <v>0</v>
      </c>
      <c r="IZ34" s="122">
        <v>0</v>
      </c>
      <c r="JA34" s="122">
        <v>0</v>
      </c>
      <c r="JB34" s="122">
        <v>0</v>
      </c>
      <c r="JC34" s="122">
        <v>0</v>
      </c>
      <c r="JD34" s="123">
        <v>0</v>
      </c>
      <c r="JE34" s="124">
        <v>0</v>
      </c>
      <c r="JF34" s="159">
        <v>0</v>
      </c>
      <c r="JG34" s="122">
        <v>0</v>
      </c>
      <c r="JH34" s="158">
        <v>0</v>
      </c>
      <c r="JI34" s="121">
        <v>0</v>
      </c>
      <c r="JJ34" s="122">
        <v>826154</v>
      </c>
      <c r="JK34" s="122">
        <v>739219</v>
      </c>
      <c r="JL34" s="122">
        <v>309951</v>
      </c>
      <c r="JM34" s="122">
        <v>95751</v>
      </c>
      <c r="JN34" s="122">
        <v>0</v>
      </c>
      <c r="JO34" s="123">
        <v>1971075</v>
      </c>
      <c r="JP34" s="357">
        <v>1971075</v>
      </c>
      <c r="JQ34" s="159">
        <v>0</v>
      </c>
      <c r="JR34" s="122">
        <v>0</v>
      </c>
      <c r="JS34" s="158">
        <v>0</v>
      </c>
      <c r="JT34" s="121">
        <v>0</v>
      </c>
      <c r="JU34" s="122">
        <v>0</v>
      </c>
      <c r="JV34" s="122">
        <v>164862</v>
      </c>
      <c r="JW34" s="122">
        <v>372400</v>
      </c>
      <c r="JX34" s="122">
        <v>56304</v>
      </c>
      <c r="JY34" s="122">
        <v>0</v>
      </c>
      <c r="JZ34" s="123">
        <v>593566</v>
      </c>
      <c r="KA34" s="357">
        <v>593566</v>
      </c>
      <c r="KB34" s="264">
        <v>44901</v>
      </c>
      <c r="KC34" s="258">
        <v>160623</v>
      </c>
      <c r="KD34" s="123">
        <v>205524</v>
      </c>
      <c r="KE34" s="121">
        <v>0</v>
      </c>
      <c r="KF34" s="122">
        <v>366198</v>
      </c>
      <c r="KG34" s="122">
        <v>350073</v>
      </c>
      <c r="KH34" s="122">
        <v>730575</v>
      </c>
      <c r="KI34" s="122">
        <v>1172466</v>
      </c>
      <c r="KJ34" s="122">
        <v>289314</v>
      </c>
      <c r="KK34" s="123">
        <v>2908626</v>
      </c>
      <c r="KL34" s="160">
        <v>3114150</v>
      </c>
      <c r="KM34" s="261">
        <v>0</v>
      </c>
      <c r="KN34" s="268">
        <v>0</v>
      </c>
      <c r="KO34" s="269">
        <v>0</v>
      </c>
      <c r="KP34" s="157"/>
      <c r="KQ34" s="122">
        <v>513810</v>
      </c>
      <c r="KR34" s="122">
        <v>1074141</v>
      </c>
      <c r="KS34" s="122">
        <v>551142</v>
      </c>
      <c r="KT34" s="122">
        <v>316359</v>
      </c>
      <c r="KU34" s="122">
        <v>507447</v>
      </c>
      <c r="KV34" s="123">
        <v>2962899</v>
      </c>
      <c r="KW34" s="357">
        <v>2962899</v>
      </c>
      <c r="KX34" s="159">
        <v>0</v>
      </c>
      <c r="KY34" s="122">
        <v>0</v>
      </c>
      <c r="KZ34" s="123">
        <v>0</v>
      </c>
      <c r="LA34" s="162"/>
      <c r="LB34" s="122">
        <v>0</v>
      </c>
      <c r="LC34" s="122">
        <v>0</v>
      </c>
      <c r="LD34" s="122">
        <v>0</v>
      </c>
      <c r="LE34" s="122">
        <v>0</v>
      </c>
      <c r="LF34" s="122">
        <v>0</v>
      </c>
      <c r="LG34" s="123">
        <v>0</v>
      </c>
      <c r="LH34" s="124">
        <v>0</v>
      </c>
      <c r="LI34" s="159">
        <v>0</v>
      </c>
      <c r="LJ34" s="122">
        <v>0</v>
      </c>
      <c r="LK34" s="123">
        <v>0</v>
      </c>
      <c r="LL34" s="162"/>
      <c r="LM34" s="122">
        <v>0</v>
      </c>
      <c r="LN34" s="122">
        <v>233739</v>
      </c>
      <c r="LO34" s="122">
        <v>934677</v>
      </c>
      <c r="LP34" s="122">
        <v>1107027</v>
      </c>
      <c r="LQ34" s="122">
        <v>1447863</v>
      </c>
      <c r="LR34" s="123">
        <v>3723306</v>
      </c>
      <c r="LS34" s="357">
        <v>3723306</v>
      </c>
      <c r="LT34" s="159">
        <v>0</v>
      </c>
      <c r="LU34" s="122">
        <v>0</v>
      </c>
      <c r="LV34" s="123">
        <v>0</v>
      </c>
      <c r="LW34" s="162"/>
      <c r="LX34" s="122">
        <v>0</v>
      </c>
      <c r="LY34" s="122">
        <v>0</v>
      </c>
      <c r="LZ34" s="122">
        <v>0</v>
      </c>
      <c r="MA34" s="122">
        <v>0</v>
      </c>
      <c r="MB34" s="122">
        <v>0</v>
      </c>
      <c r="MC34" s="123">
        <v>0</v>
      </c>
      <c r="MD34" s="124">
        <v>0</v>
      </c>
      <c r="ME34" s="159">
        <v>0</v>
      </c>
      <c r="MF34" s="122">
        <v>0</v>
      </c>
      <c r="MG34" s="123">
        <v>0</v>
      </c>
      <c r="MH34" s="162"/>
      <c r="MI34" s="122">
        <v>732265</v>
      </c>
      <c r="MJ34" s="122">
        <v>2963963</v>
      </c>
      <c r="MK34" s="122">
        <v>6430482</v>
      </c>
      <c r="ML34" s="122">
        <v>13288444</v>
      </c>
      <c r="MM34" s="122">
        <v>8983175</v>
      </c>
      <c r="MN34" s="123">
        <v>32398329</v>
      </c>
      <c r="MO34" s="160">
        <v>32398329</v>
      </c>
      <c r="MP34" s="159">
        <v>0</v>
      </c>
      <c r="MQ34" s="122">
        <v>0</v>
      </c>
      <c r="MR34" s="123">
        <v>0</v>
      </c>
      <c r="MS34" s="162"/>
      <c r="MT34" s="122">
        <v>0</v>
      </c>
      <c r="MU34" s="122">
        <v>473054</v>
      </c>
      <c r="MV34" s="122">
        <v>4704780</v>
      </c>
      <c r="MW34" s="122">
        <v>8766703</v>
      </c>
      <c r="MX34" s="122">
        <v>5595864</v>
      </c>
      <c r="MY34" s="123">
        <v>19540401</v>
      </c>
      <c r="MZ34" s="160">
        <v>19540401</v>
      </c>
      <c r="NA34" s="159">
        <v>0</v>
      </c>
      <c r="NB34" s="122">
        <v>0</v>
      </c>
      <c r="NC34" s="123">
        <v>0</v>
      </c>
      <c r="ND34" s="162"/>
      <c r="NE34" s="122">
        <v>732265</v>
      </c>
      <c r="NF34" s="122">
        <v>2490909</v>
      </c>
      <c r="NG34" s="122">
        <v>1725702</v>
      </c>
      <c r="NH34" s="122">
        <v>4533442</v>
      </c>
      <c r="NI34" s="122">
        <v>2633413</v>
      </c>
      <c r="NJ34" s="123">
        <v>12115731</v>
      </c>
      <c r="NK34" s="357">
        <v>12115731</v>
      </c>
      <c r="NL34" s="159">
        <v>0</v>
      </c>
      <c r="NM34" s="122">
        <v>0</v>
      </c>
      <c r="NN34" s="123">
        <v>0</v>
      </c>
      <c r="NO34" s="162"/>
      <c r="NP34" s="122">
        <v>0</v>
      </c>
      <c r="NQ34" s="122">
        <v>0</v>
      </c>
      <c r="NR34" s="122">
        <v>0</v>
      </c>
      <c r="NS34" s="122">
        <v>0</v>
      </c>
      <c r="NT34" s="122">
        <v>368925</v>
      </c>
      <c r="NU34" s="123">
        <v>368925</v>
      </c>
      <c r="NV34" s="124">
        <v>368925</v>
      </c>
      <c r="NW34" s="159">
        <v>0</v>
      </c>
      <c r="NX34" s="122">
        <v>0</v>
      </c>
      <c r="NY34" s="123">
        <v>0</v>
      </c>
      <c r="NZ34" s="162"/>
      <c r="OA34" s="122">
        <v>0</v>
      </c>
      <c r="OB34" s="122">
        <v>0</v>
      </c>
      <c r="OC34" s="122">
        <v>0</v>
      </c>
      <c r="OD34" s="122">
        <v>-11701</v>
      </c>
      <c r="OE34" s="122">
        <v>384973</v>
      </c>
      <c r="OF34" s="123">
        <v>373272</v>
      </c>
      <c r="OG34" s="124">
        <v>373272</v>
      </c>
      <c r="OH34" s="159">
        <v>381062</v>
      </c>
      <c r="OI34" s="122">
        <v>955002</v>
      </c>
      <c r="OJ34" s="158">
        <v>1336064</v>
      </c>
      <c r="OK34" s="121">
        <v>0</v>
      </c>
      <c r="OL34" s="122">
        <v>9404002</v>
      </c>
      <c r="OM34" s="122">
        <v>15662866</v>
      </c>
      <c r="ON34" s="122">
        <v>16628705</v>
      </c>
      <c r="OO34" s="122">
        <v>25514085</v>
      </c>
      <c r="OP34" s="122">
        <v>17267215</v>
      </c>
      <c r="OQ34" s="123">
        <v>84476873</v>
      </c>
      <c r="OR34" s="160">
        <v>85812937</v>
      </c>
    </row>
    <row r="35" spans="1:408" ht="18.75" customHeight="1" x14ac:dyDescent="0.2">
      <c r="A35" s="62" t="s">
        <v>30</v>
      </c>
      <c r="B35" s="112">
        <v>573932</v>
      </c>
      <c r="C35" s="116">
        <v>514044</v>
      </c>
      <c r="D35" s="201">
        <v>1087976</v>
      </c>
      <c r="E35" s="202">
        <v>0</v>
      </c>
      <c r="F35" s="203">
        <v>5591626</v>
      </c>
      <c r="G35" s="203">
        <v>7527750</v>
      </c>
      <c r="H35" s="203">
        <v>9856139</v>
      </c>
      <c r="I35" s="203">
        <v>7380600</v>
      </c>
      <c r="J35" s="203">
        <v>4112648</v>
      </c>
      <c r="K35" s="204">
        <v>34468763</v>
      </c>
      <c r="L35" s="118">
        <v>35556739</v>
      </c>
      <c r="M35" s="112">
        <v>209178</v>
      </c>
      <c r="N35" s="116">
        <v>199925</v>
      </c>
      <c r="O35" s="115">
        <v>409103</v>
      </c>
      <c r="P35" s="112">
        <v>0</v>
      </c>
      <c r="Q35" s="116">
        <v>1218732</v>
      </c>
      <c r="R35" s="116">
        <v>2058041</v>
      </c>
      <c r="S35" s="116">
        <v>2993544</v>
      </c>
      <c r="T35" s="116">
        <v>2686243</v>
      </c>
      <c r="U35" s="116">
        <v>2152914</v>
      </c>
      <c r="V35" s="115">
        <v>11109474</v>
      </c>
      <c r="W35" s="118">
        <v>11518577</v>
      </c>
      <c r="X35" s="112">
        <v>0</v>
      </c>
      <c r="Y35" s="116">
        <v>0</v>
      </c>
      <c r="Z35" s="115">
        <v>0</v>
      </c>
      <c r="AA35" s="112">
        <v>0</v>
      </c>
      <c r="AB35" s="116">
        <v>368119</v>
      </c>
      <c r="AC35" s="116">
        <v>948262</v>
      </c>
      <c r="AD35" s="116">
        <v>1732971</v>
      </c>
      <c r="AE35" s="443">
        <v>1414662</v>
      </c>
      <c r="AF35" s="443">
        <v>1456251</v>
      </c>
      <c r="AG35" s="115">
        <v>5920265</v>
      </c>
      <c r="AH35" s="118">
        <v>5920265</v>
      </c>
      <c r="AI35" s="112">
        <v>0</v>
      </c>
      <c r="AJ35" s="116">
        <v>0</v>
      </c>
      <c r="AK35" s="115">
        <v>0</v>
      </c>
      <c r="AL35" s="112">
        <v>0</v>
      </c>
      <c r="AM35" s="116">
        <v>14695</v>
      </c>
      <c r="AN35" s="116">
        <v>99270</v>
      </c>
      <c r="AO35" s="116">
        <v>101214</v>
      </c>
      <c r="AP35" s="116">
        <v>367776</v>
      </c>
      <c r="AQ35" s="116">
        <v>321476</v>
      </c>
      <c r="AR35" s="115">
        <v>904431</v>
      </c>
      <c r="AS35" s="118">
        <v>904431</v>
      </c>
      <c r="AT35" s="112">
        <v>178677</v>
      </c>
      <c r="AU35" s="116">
        <v>168353</v>
      </c>
      <c r="AV35" s="115">
        <v>347030</v>
      </c>
      <c r="AW35" s="112">
        <v>0</v>
      </c>
      <c r="AX35" s="116">
        <v>583651</v>
      </c>
      <c r="AY35" s="116">
        <v>771488</v>
      </c>
      <c r="AZ35" s="116">
        <v>739348</v>
      </c>
      <c r="BA35" s="116">
        <v>624797</v>
      </c>
      <c r="BB35" s="116">
        <v>200569</v>
      </c>
      <c r="BC35" s="115">
        <v>2919853</v>
      </c>
      <c r="BD35" s="118">
        <v>3266883</v>
      </c>
      <c r="BE35" s="112">
        <v>0</v>
      </c>
      <c r="BF35" s="116">
        <v>16902</v>
      </c>
      <c r="BG35" s="114">
        <v>16902</v>
      </c>
      <c r="BH35" s="113">
        <v>0</v>
      </c>
      <c r="BI35" s="116">
        <v>78624</v>
      </c>
      <c r="BJ35" s="116">
        <v>17208</v>
      </c>
      <c r="BK35" s="116">
        <v>43020</v>
      </c>
      <c r="BL35" s="116">
        <v>55302</v>
      </c>
      <c r="BM35" s="116">
        <v>0</v>
      </c>
      <c r="BN35" s="115">
        <v>194154</v>
      </c>
      <c r="BO35" s="118">
        <v>211056</v>
      </c>
      <c r="BP35" s="112">
        <v>30501</v>
      </c>
      <c r="BQ35" s="116">
        <v>14670</v>
      </c>
      <c r="BR35" s="115">
        <v>45171</v>
      </c>
      <c r="BS35" s="112">
        <v>0</v>
      </c>
      <c r="BT35" s="116">
        <v>173643</v>
      </c>
      <c r="BU35" s="116">
        <v>221813</v>
      </c>
      <c r="BV35" s="116">
        <v>376991</v>
      </c>
      <c r="BW35" s="116">
        <v>223706</v>
      </c>
      <c r="BX35" s="116">
        <v>174618</v>
      </c>
      <c r="BY35" s="115">
        <v>1170771</v>
      </c>
      <c r="BZ35" s="118">
        <v>1215942</v>
      </c>
      <c r="CA35" s="112">
        <v>12960</v>
      </c>
      <c r="CB35" s="116">
        <v>43649</v>
      </c>
      <c r="CC35" s="115">
        <v>56609</v>
      </c>
      <c r="CD35" s="112">
        <v>0</v>
      </c>
      <c r="CE35" s="443">
        <v>1961256</v>
      </c>
      <c r="CF35" s="443">
        <v>2033858</v>
      </c>
      <c r="CG35" s="443">
        <v>2273709</v>
      </c>
      <c r="CH35" s="116">
        <v>1403153</v>
      </c>
      <c r="CI35" s="116">
        <v>184550</v>
      </c>
      <c r="CJ35" s="451">
        <v>7856526</v>
      </c>
      <c r="CK35" s="452">
        <v>7913135</v>
      </c>
      <c r="CL35" s="112">
        <v>0</v>
      </c>
      <c r="CM35" s="116">
        <v>0</v>
      </c>
      <c r="CN35" s="115">
        <v>0</v>
      </c>
      <c r="CO35" s="113">
        <v>0</v>
      </c>
      <c r="CP35" s="116">
        <v>1685842</v>
      </c>
      <c r="CQ35" s="116">
        <v>1423241</v>
      </c>
      <c r="CR35" s="116">
        <v>2187680</v>
      </c>
      <c r="CS35" s="116">
        <v>839605</v>
      </c>
      <c r="CT35" s="116">
        <v>184550</v>
      </c>
      <c r="CU35" s="115">
        <v>6320918</v>
      </c>
      <c r="CV35" s="118">
        <v>6320918</v>
      </c>
      <c r="CW35" s="112">
        <v>12960</v>
      </c>
      <c r="CX35" s="116">
        <v>43649</v>
      </c>
      <c r="CY35" s="115">
        <v>56609</v>
      </c>
      <c r="CZ35" s="112">
        <v>0</v>
      </c>
      <c r="DA35" s="116">
        <v>275414</v>
      </c>
      <c r="DB35" s="116">
        <v>610617</v>
      </c>
      <c r="DC35" s="116">
        <v>86029</v>
      </c>
      <c r="DD35" s="116">
        <v>563548</v>
      </c>
      <c r="DE35" s="116">
        <v>0</v>
      </c>
      <c r="DF35" s="115">
        <v>1535608</v>
      </c>
      <c r="DG35" s="118">
        <v>1592217</v>
      </c>
      <c r="DH35" s="112">
        <v>0</v>
      </c>
      <c r="DI35" s="116">
        <v>0</v>
      </c>
      <c r="DJ35" s="114">
        <v>0</v>
      </c>
      <c r="DK35" s="113">
        <v>0</v>
      </c>
      <c r="DL35" s="116">
        <v>221220</v>
      </c>
      <c r="DM35" s="116">
        <v>164336</v>
      </c>
      <c r="DN35" s="116">
        <v>1859742</v>
      </c>
      <c r="DO35" s="116">
        <v>1109381</v>
      </c>
      <c r="DP35" s="116">
        <v>601674</v>
      </c>
      <c r="DQ35" s="115">
        <v>3956353</v>
      </c>
      <c r="DR35" s="118">
        <v>3956353</v>
      </c>
      <c r="DS35" s="112">
        <v>0</v>
      </c>
      <c r="DT35" s="116">
        <v>0</v>
      </c>
      <c r="DU35" s="115">
        <v>0</v>
      </c>
      <c r="DV35" s="112">
        <v>0</v>
      </c>
      <c r="DW35" s="116">
        <v>221220</v>
      </c>
      <c r="DX35" s="116">
        <v>116856</v>
      </c>
      <c r="DY35" s="116">
        <v>1814721</v>
      </c>
      <c r="DZ35" s="116">
        <v>1109381</v>
      </c>
      <c r="EA35" s="116">
        <v>576798</v>
      </c>
      <c r="EB35" s="115">
        <v>3838976</v>
      </c>
      <c r="EC35" s="118">
        <v>3838976</v>
      </c>
      <c r="ED35" s="112">
        <v>0</v>
      </c>
      <c r="EE35" s="114">
        <v>0</v>
      </c>
      <c r="EF35" s="115">
        <v>0</v>
      </c>
      <c r="EG35" s="112">
        <v>0</v>
      </c>
      <c r="EH35" s="116">
        <v>0</v>
      </c>
      <c r="EI35" s="116">
        <v>47480</v>
      </c>
      <c r="EJ35" s="116">
        <v>45021</v>
      </c>
      <c r="EK35" s="116">
        <v>0</v>
      </c>
      <c r="EL35" s="116">
        <v>24876</v>
      </c>
      <c r="EM35" s="114">
        <v>117377</v>
      </c>
      <c r="EN35" s="118">
        <v>117377</v>
      </c>
      <c r="EO35" s="112">
        <v>0</v>
      </c>
      <c r="EP35" s="116">
        <v>0</v>
      </c>
      <c r="EQ35" s="114">
        <v>0</v>
      </c>
      <c r="ER35" s="113">
        <v>0</v>
      </c>
      <c r="ES35" s="116">
        <v>0</v>
      </c>
      <c r="ET35" s="116">
        <v>0</v>
      </c>
      <c r="EU35" s="116">
        <v>0</v>
      </c>
      <c r="EV35" s="116">
        <v>0</v>
      </c>
      <c r="EW35" s="116">
        <v>0</v>
      </c>
      <c r="EX35" s="115">
        <v>0</v>
      </c>
      <c r="EY35" s="118">
        <v>0</v>
      </c>
      <c r="EZ35" s="112">
        <v>0</v>
      </c>
      <c r="FA35" s="116">
        <v>0</v>
      </c>
      <c r="FB35" s="114">
        <v>0</v>
      </c>
      <c r="FC35" s="390"/>
      <c r="FD35" s="116">
        <v>0</v>
      </c>
      <c r="FE35" s="116">
        <v>0</v>
      </c>
      <c r="FF35" s="116">
        <v>0</v>
      </c>
      <c r="FG35" s="116">
        <v>0</v>
      </c>
      <c r="FH35" s="116">
        <v>0</v>
      </c>
      <c r="FI35" s="115">
        <v>0</v>
      </c>
      <c r="FJ35" s="118">
        <v>0</v>
      </c>
      <c r="FK35" s="112">
        <v>117110</v>
      </c>
      <c r="FL35" s="116">
        <v>124310</v>
      </c>
      <c r="FM35" s="115">
        <v>241420</v>
      </c>
      <c r="FN35" s="112">
        <v>0</v>
      </c>
      <c r="FO35" s="116">
        <v>335194</v>
      </c>
      <c r="FP35" s="116">
        <v>809333</v>
      </c>
      <c r="FQ35" s="116">
        <v>1171195</v>
      </c>
      <c r="FR35" s="116">
        <v>766152</v>
      </c>
      <c r="FS35" s="116">
        <v>386343</v>
      </c>
      <c r="FT35" s="115">
        <v>3468217</v>
      </c>
      <c r="FU35" s="118">
        <v>3709637</v>
      </c>
      <c r="FV35" s="117">
        <v>117110</v>
      </c>
      <c r="FW35" s="116">
        <v>124310</v>
      </c>
      <c r="FX35" s="114">
        <v>241420</v>
      </c>
      <c r="FY35" s="113">
        <v>0</v>
      </c>
      <c r="FZ35" s="116">
        <v>317770</v>
      </c>
      <c r="GA35" s="116">
        <v>796283</v>
      </c>
      <c r="GB35" s="116">
        <v>938181</v>
      </c>
      <c r="GC35" s="116">
        <v>626152</v>
      </c>
      <c r="GD35" s="116">
        <v>386343</v>
      </c>
      <c r="GE35" s="115">
        <v>3064729</v>
      </c>
      <c r="GF35" s="354">
        <v>3306149</v>
      </c>
      <c r="GG35" s="117">
        <v>0</v>
      </c>
      <c r="GH35" s="116">
        <v>0</v>
      </c>
      <c r="GI35" s="114">
        <v>0</v>
      </c>
      <c r="GJ35" s="113">
        <v>0</v>
      </c>
      <c r="GK35" s="116">
        <v>17424</v>
      </c>
      <c r="GL35" s="116">
        <v>13050</v>
      </c>
      <c r="GM35" s="116">
        <v>53014</v>
      </c>
      <c r="GN35" s="116">
        <v>0</v>
      </c>
      <c r="GO35" s="116">
        <v>0</v>
      </c>
      <c r="GP35" s="115">
        <v>83488</v>
      </c>
      <c r="GQ35" s="118">
        <v>83488</v>
      </c>
      <c r="GR35" s="112">
        <v>0</v>
      </c>
      <c r="GS35" s="116">
        <v>0</v>
      </c>
      <c r="GT35" s="115">
        <v>0</v>
      </c>
      <c r="GU35" s="112">
        <v>0</v>
      </c>
      <c r="GV35" s="116">
        <v>0</v>
      </c>
      <c r="GW35" s="116">
        <v>0</v>
      </c>
      <c r="GX35" s="116">
        <v>180000</v>
      </c>
      <c r="GY35" s="116">
        <v>140000</v>
      </c>
      <c r="GZ35" s="116">
        <v>0</v>
      </c>
      <c r="HA35" s="114">
        <v>320000</v>
      </c>
      <c r="HB35" s="118">
        <v>320000</v>
      </c>
      <c r="HC35" s="112">
        <v>116424</v>
      </c>
      <c r="HD35" s="116">
        <v>0</v>
      </c>
      <c r="HE35" s="114">
        <v>116424</v>
      </c>
      <c r="HF35" s="113">
        <v>0</v>
      </c>
      <c r="HG35" s="116">
        <v>772577</v>
      </c>
      <c r="HH35" s="116">
        <v>1490688</v>
      </c>
      <c r="HI35" s="116">
        <v>583027</v>
      </c>
      <c r="HJ35" s="116">
        <v>810634</v>
      </c>
      <c r="HK35" s="116">
        <v>527820</v>
      </c>
      <c r="HL35" s="115">
        <v>4184746</v>
      </c>
      <c r="HM35" s="111">
        <v>4301170</v>
      </c>
      <c r="HN35" s="117">
        <v>118260</v>
      </c>
      <c r="HO35" s="116">
        <v>146160</v>
      </c>
      <c r="HP35" s="115">
        <v>264420</v>
      </c>
      <c r="HQ35" s="112">
        <v>0</v>
      </c>
      <c r="HR35" s="116">
        <v>1082647</v>
      </c>
      <c r="HS35" s="116">
        <v>971494</v>
      </c>
      <c r="HT35" s="116">
        <v>974922</v>
      </c>
      <c r="HU35" s="116">
        <v>605037</v>
      </c>
      <c r="HV35" s="116">
        <v>259347</v>
      </c>
      <c r="HW35" s="114">
        <v>3893447</v>
      </c>
      <c r="HX35" s="118">
        <v>4157867</v>
      </c>
      <c r="HY35" s="148">
        <v>47390</v>
      </c>
      <c r="HZ35" s="149">
        <v>0</v>
      </c>
      <c r="IA35" s="150">
        <v>47390</v>
      </c>
      <c r="IB35" s="163">
        <v>0</v>
      </c>
      <c r="IC35" s="149">
        <v>2125482</v>
      </c>
      <c r="ID35" s="164">
        <v>1893903</v>
      </c>
      <c r="IE35" s="150">
        <v>3098256</v>
      </c>
      <c r="IF35" s="149">
        <v>1269582</v>
      </c>
      <c r="IG35" s="150">
        <v>444200</v>
      </c>
      <c r="IH35" s="165">
        <v>8831423</v>
      </c>
      <c r="II35" s="156">
        <v>8878813</v>
      </c>
      <c r="IJ35" s="261">
        <v>0</v>
      </c>
      <c r="IK35" s="268">
        <v>0</v>
      </c>
      <c r="IL35" s="269">
        <v>0</v>
      </c>
      <c r="IM35" s="157"/>
      <c r="IN35" s="122">
        <v>0</v>
      </c>
      <c r="IO35" s="122">
        <v>0</v>
      </c>
      <c r="IP35" s="122">
        <v>181647</v>
      </c>
      <c r="IQ35" s="122">
        <v>0</v>
      </c>
      <c r="IR35" s="122">
        <v>0</v>
      </c>
      <c r="IS35" s="158">
        <v>181647</v>
      </c>
      <c r="IT35" s="357">
        <v>181647</v>
      </c>
      <c r="IU35" s="159">
        <v>0</v>
      </c>
      <c r="IV35" s="122">
        <v>0</v>
      </c>
      <c r="IW35" s="123">
        <v>0</v>
      </c>
      <c r="IX35" s="161"/>
      <c r="IY35" s="122">
        <v>0</v>
      </c>
      <c r="IZ35" s="122">
        <v>0</v>
      </c>
      <c r="JA35" s="122">
        <v>0</v>
      </c>
      <c r="JB35" s="122">
        <v>0</v>
      </c>
      <c r="JC35" s="122">
        <v>0</v>
      </c>
      <c r="JD35" s="123">
        <v>0</v>
      </c>
      <c r="JE35" s="124">
        <v>0</v>
      </c>
      <c r="JF35" s="159">
        <v>0</v>
      </c>
      <c r="JG35" s="122">
        <v>0</v>
      </c>
      <c r="JH35" s="158">
        <v>0</v>
      </c>
      <c r="JI35" s="121">
        <v>0</v>
      </c>
      <c r="JJ35" s="122">
        <v>1058849</v>
      </c>
      <c r="JK35" s="122">
        <v>1126679</v>
      </c>
      <c r="JL35" s="122">
        <v>697321</v>
      </c>
      <c r="JM35" s="122">
        <v>449565</v>
      </c>
      <c r="JN35" s="122">
        <v>154368</v>
      </c>
      <c r="JO35" s="123">
        <v>3486782</v>
      </c>
      <c r="JP35" s="357">
        <v>3486782</v>
      </c>
      <c r="JQ35" s="159">
        <v>47390</v>
      </c>
      <c r="JR35" s="122">
        <v>0</v>
      </c>
      <c r="JS35" s="158">
        <v>47390</v>
      </c>
      <c r="JT35" s="121">
        <v>0</v>
      </c>
      <c r="JU35" s="122">
        <v>0</v>
      </c>
      <c r="JV35" s="122">
        <v>46158</v>
      </c>
      <c r="JW35" s="122">
        <v>178593</v>
      </c>
      <c r="JX35" s="122">
        <v>0</v>
      </c>
      <c r="JY35" s="122">
        <v>0</v>
      </c>
      <c r="JZ35" s="123">
        <v>224751</v>
      </c>
      <c r="KA35" s="357">
        <v>272141</v>
      </c>
      <c r="KB35" s="264">
        <v>0</v>
      </c>
      <c r="KC35" s="258">
        <v>0</v>
      </c>
      <c r="KD35" s="123">
        <v>0</v>
      </c>
      <c r="KE35" s="121">
        <v>0</v>
      </c>
      <c r="KF35" s="122">
        <v>0</v>
      </c>
      <c r="KG35" s="122">
        <v>0</v>
      </c>
      <c r="KH35" s="122">
        <v>264420</v>
      </c>
      <c r="KI35" s="122">
        <v>272043</v>
      </c>
      <c r="KJ35" s="122">
        <v>0</v>
      </c>
      <c r="KK35" s="123">
        <v>536463</v>
      </c>
      <c r="KL35" s="160">
        <v>536463</v>
      </c>
      <c r="KM35" s="261">
        <v>0</v>
      </c>
      <c r="KN35" s="268">
        <v>0</v>
      </c>
      <c r="KO35" s="269">
        <v>0</v>
      </c>
      <c r="KP35" s="157"/>
      <c r="KQ35" s="122">
        <v>1066633</v>
      </c>
      <c r="KR35" s="122">
        <v>721066</v>
      </c>
      <c r="KS35" s="122">
        <v>1776275</v>
      </c>
      <c r="KT35" s="122">
        <v>547974</v>
      </c>
      <c r="KU35" s="122">
        <v>289832</v>
      </c>
      <c r="KV35" s="123">
        <v>4401780</v>
      </c>
      <c r="KW35" s="357">
        <v>4401780</v>
      </c>
      <c r="KX35" s="159">
        <v>0</v>
      </c>
      <c r="KY35" s="122">
        <v>0</v>
      </c>
      <c r="KZ35" s="123">
        <v>0</v>
      </c>
      <c r="LA35" s="162"/>
      <c r="LB35" s="122">
        <v>0</v>
      </c>
      <c r="LC35" s="122">
        <v>0</v>
      </c>
      <c r="LD35" s="122">
        <v>0</v>
      </c>
      <c r="LE35" s="122">
        <v>0</v>
      </c>
      <c r="LF35" s="122">
        <v>0</v>
      </c>
      <c r="LG35" s="123">
        <v>0</v>
      </c>
      <c r="LH35" s="124">
        <v>0</v>
      </c>
      <c r="LI35" s="159">
        <v>0</v>
      </c>
      <c r="LJ35" s="122">
        <v>0</v>
      </c>
      <c r="LK35" s="123">
        <v>0</v>
      </c>
      <c r="LL35" s="162"/>
      <c r="LM35" s="122">
        <v>0</v>
      </c>
      <c r="LN35" s="122">
        <v>0</v>
      </c>
      <c r="LO35" s="122">
        <v>0</v>
      </c>
      <c r="LP35" s="122">
        <v>0</v>
      </c>
      <c r="LQ35" s="122">
        <v>0</v>
      </c>
      <c r="LR35" s="123">
        <v>0</v>
      </c>
      <c r="LS35" s="357">
        <v>0</v>
      </c>
      <c r="LT35" s="159">
        <v>0</v>
      </c>
      <c r="LU35" s="122">
        <v>0</v>
      </c>
      <c r="LV35" s="123">
        <v>0</v>
      </c>
      <c r="LW35" s="162"/>
      <c r="LX35" s="122">
        <v>0</v>
      </c>
      <c r="LY35" s="122">
        <v>0</v>
      </c>
      <c r="LZ35" s="122">
        <v>0</v>
      </c>
      <c r="MA35" s="122">
        <v>0</v>
      </c>
      <c r="MB35" s="122">
        <v>0</v>
      </c>
      <c r="MC35" s="123">
        <v>0</v>
      </c>
      <c r="MD35" s="124">
        <v>0</v>
      </c>
      <c r="ME35" s="159">
        <v>0</v>
      </c>
      <c r="MF35" s="122">
        <v>0</v>
      </c>
      <c r="MG35" s="123">
        <v>0</v>
      </c>
      <c r="MH35" s="162"/>
      <c r="MI35" s="122">
        <v>1236748</v>
      </c>
      <c r="MJ35" s="122">
        <v>2865534</v>
      </c>
      <c r="MK35" s="122">
        <v>8420714</v>
      </c>
      <c r="ML35" s="122">
        <v>11859330</v>
      </c>
      <c r="MM35" s="122">
        <v>8343638</v>
      </c>
      <c r="MN35" s="123">
        <v>32725964</v>
      </c>
      <c r="MO35" s="160">
        <v>32725964</v>
      </c>
      <c r="MP35" s="159">
        <v>0</v>
      </c>
      <c r="MQ35" s="122">
        <v>0</v>
      </c>
      <c r="MR35" s="123">
        <v>0</v>
      </c>
      <c r="MS35" s="162"/>
      <c r="MT35" s="122">
        <v>227844</v>
      </c>
      <c r="MU35" s="122">
        <v>460998</v>
      </c>
      <c r="MV35" s="122">
        <v>5499146</v>
      </c>
      <c r="MW35" s="122">
        <v>5902849</v>
      </c>
      <c r="MX35" s="122">
        <v>5428035</v>
      </c>
      <c r="MY35" s="123">
        <v>17518872</v>
      </c>
      <c r="MZ35" s="160">
        <v>17518872</v>
      </c>
      <c r="NA35" s="159">
        <v>0</v>
      </c>
      <c r="NB35" s="122">
        <v>0</v>
      </c>
      <c r="NC35" s="123">
        <v>0</v>
      </c>
      <c r="ND35" s="162"/>
      <c r="NE35" s="122">
        <v>1008904</v>
      </c>
      <c r="NF35" s="122">
        <v>2150907</v>
      </c>
      <c r="NG35" s="122">
        <v>2921568</v>
      </c>
      <c r="NH35" s="122">
        <v>5968192</v>
      </c>
      <c r="NI35" s="122">
        <v>2129132</v>
      </c>
      <c r="NJ35" s="123">
        <v>14178703</v>
      </c>
      <c r="NK35" s="357">
        <v>14178703</v>
      </c>
      <c r="NL35" s="159">
        <v>0</v>
      </c>
      <c r="NM35" s="122">
        <v>0</v>
      </c>
      <c r="NN35" s="123">
        <v>0</v>
      </c>
      <c r="NO35" s="162"/>
      <c r="NP35" s="122">
        <v>0</v>
      </c>
      <c r="NQ35" s="122">
        <v>0</v>
      </c>
      <c r="NR35" s="122">
        <v>0</v>
      </c>
      <c r="NS35" s="122">
        <v>0</v>
      </c>
      <c r="NT35" s="122">
        <v>0</v>
      </c>
      <c r="NU35" s="123">
        <v>0</v>
      </c>
      <c r="NV35" s="124">
        <v>0</v>
      </c>
      <c r="NW35" s="159">
        <v>0</v>
      </c>
      <c r="NX35" s="122">
        <v>0</v>
      </c>
      <c r="NY35" s="123">
        <v>0</v>
      </c>
      <c r="NZ35" s="162"/>
      <c r="OA35" s="122">
        <v>0</v>
      </c>
      <c r="OB35" s="122">
        <v>253629</v>
      </c>
      <c r="OC35" s="122">
        <v>0</v>
      </c>
      <c r="OD35" s="122">
        <v>-11711</v>
      </c>
      <c r="OE35" s="122">
        <v>786471</v>
      </c>
      <c r="OF35" s="123">
        <v>1028389</v>
      </c>
      <c r="OG35" s="124">
        <v>1028389</v>
      </c>
      <c r="OH35" s="159">
        <v>621322</v>
      </c>
      <c r="OI35" s="122">
        <v>514044</v>
      </c>
      <c r="OJ35" s="158">
        <v>1135366</v>
      </c>
      <c r="OK35" s="121">
        <v>0</v>
      </c>
      <c r="OL35" s="122">
        <v>8953856</v>
      </c>
      <c r="OM35" s="122">
        <v>12287187</v>
      </c>
      <c r="ON35" s="122">
        <v>21375109</v>
      </c>
      <c r="OO35" s="122">
        <v>20509512</v>
      </c>
      <c r="OP35" s="122">
        <v>12900486</v>
      </c>
      <c r="OQ35" s="123">
        <v>76026150</v>
      </c>
      <c r="OR35" s="160">
        <v>77161516</v>
      </c>
    </row>
    <row r="36" spans="1:408" ht="18.75" customHeight="1" x14ac:dyDescent="0.2">
      <c r="A36" s="62" t="s">
        <v>31</v>
      </c>
      <c r="B36" s="112">
        <v>405786</v>
      </c>
      <c r="C36" s="116">
        <v>892730</v>
      </c>
      <c r="D36" s="115">
        <v>1298516</v>
      </c>
      <c r="E36" s="111">
        <v>0</v>
      </c>
      <c r="F36" s="116">
        <v>6739856</v>
      </c>
      <c r="G36" s="116">
        <v>10368649</v>
      </c>
      <c r="H36" s="116">
        <v>7237595</v>
      </c>
      <c r="I36" s="116">
        <v>4385390</v>
      </c>
      <c r="J36" s="116">
        <v>3350581</v>
      </c>
      <c r="K36" s="200">
        <v>32082071</v>
      </c>
      <c r="L36" s="118">
        <v>33380587</v>
      </c>
      <c r="M36" s="112">
        <v>101278</v>
      </c>
      <c r="N36" s="116">
        <v>81891</v>
      </c>
      <c r="O36" s="115">
        <v>183169</v>
      </c>
      <c r="P36" s="112">
        <v>0</v>
      </c>
      <c r="Q36" s="116">
        <v>1244880</v>
      </c>
      <c r="R36" s="116">
        <v>1753419</v>
      </c>
      <c r="S36" s="116">
        <v>1604033</v>
      </c>
      <c r="T36" s="116">
        <v>1635255</v>
      </c>
      <c r="U36" s="116">
        <v>1476430</v>
      </c>
      <c r="V36" s="115">
        <v>7714017</v>
      </c>
      <c r="W36" s="118">
        <v>7897186</v>
      </c>
      <c r="X36" s="112">
        <v>0</v>
      </c>
      <c r="Y36" s="116">
        <v>0</v>
      </c>
      <c r="Z36" s="115">
        <v>0</v>
      </c>
      <c r="AA36" s="112">
        <v>0</v>
      </c>
      <c r="AB36" s="116">
        <v>615870</v>
      </c>
      <c r="AC36" s="116">
        <v>502902</v>
      </c>
      <c r="AD36" s="116">
        <v>553580</v>
      </c>
      <c r="AE36" s="443">
        <v>589379</v>
      </c>
      <c r="AF36" s="443">
        <v>720494</v>
      </c>
      <c r="AG36" s="115">
        <v>2982225</v>
      </c>
      <c r="AH36" s="118">
        <v>2982225</v>
      </c>
      <c r="AI36" s="112">
        <v>0</v>
      </c>
      <c r="AJ36" s="116">
        <v>0</v>
      </c>
      <c r="AK36" s="115">
        <v>0</v>
      </c>
      <c r="AL36" s="112">
        <v>0</v>
      </c>
      <c r="AM36" s="116">
        <v>0</v>
      </c>
      <c r="AN36" s="116">
        <v>120142</v>
      </c>
      <c r="AO36" s="116">
        <v>256880</v>
      </c>
      <c r="AP36" s="116">
        <v>304200</v>
      </c>
      <c r="AQ36" s="116">
        <v>256535</v>
      </c>
      <c r="AR36" s="115">
        <v>937757</v>
      </c>
      <c r="AS36" s="118">
        <v>937757</v>
      </c>
      <c r="AT36" s="112">
        <v>60364</v>
      </c>
      <c r="AU36" s="116">
        <v>56538</v>
      </c>
      <c r="AV36" s="115">
        <v>116902</v>
      </c>
      <c r="AW36" s="112">
        <v>0</v>
      </c>
      <c r="AX36" s="116">
        <v>420047</v>
      </c>
      <c r="AY36" s="116">
        <v>716488</v>
      </c>
      <c r="AZ36" s="116">
        <v>548552</v>
      </c>
      <c r="BA36" s="116">
        <v>523514</v>
      </c>
      <c r="BB36" s="116">
        <v>340262</v>
      </c>
      <c r="BC36" s="115">
        <v>2548863</v>
      </c>
      <c r="BD36" s="118">
        <v>2665765</v>
      </c>
      <c r="BE36" s="112">
        <v>16902</v>
      </c>
      <c r="BF36" s="116">
        <v>25353</v>
      </c>
      <c r="BG36" s="114">
        <v>42255</v>
      </c>
      <c r="BH36" s="113">
        <v>0</v>
      </c>
      <c r="BI36" s="116">
        <v>34416</v>
      </c>
      <c r="BJ36" s="116">
        <v>201448</v>
      </c>
      <c r="BK36" s="116">
        <v>42980</v>
      </c>
      <c r="BL36" s="116">
        <v>117648</v>
      </c>
      <c r="BM36" s="116">
        <v>107712</v>
      </c>
      <c r="BN36" s="115">
        <v>504204</v>
      </c>
      <c r="BO36" s="118">
        <v>546459</v>
      </c>
      <c r="BP36" s="112">
        <v>24012</v>
      </c>
      <c r="BQ36" s="116">
        <v>0</v>
      </c>
      <c r="BR36" s="115">
        <v>24012</v>
      </c>
      <c r="BS36" s="112">
        <v>0</v>
      </c>
      <c r="BT36" s="116">
        <v>174547</v>
      </c>
      <c r="BU36" s="116">
        <v>212439</v>
      </c>
      <c r="BV36" s="116">
        <v>202041</v>
      </c>
      <c r="BW36" s="116">
        <v>100514</v>
      </c>
      <c r="BX36" s="116">
        <v>51427</v>
      </c>
      <c r="BY36" s="115">
        <v>740968</v>
      </c>
      <c r="BZ36" s="118">
        <v>764980</v>
      </c>
      <c r="CA36" s="112">
        <v>0</v>
      </c>
      <c r="CB36" s="116">
        <v>41517</v>
      </c>
      <c r="CC36" s="115">
        <v>41517</v>
      </c>
      <c r="CD36" s="112">
        <v>0</v>
      </c>
      <c r="CE36" s="443">
        <v>2072103</v>
      </c>
      <c r="CF36" s="443">
        <v>3898216</v>
      </c>
      <c r="CG36" s="443">
        <v>2022988</v>
      </c>
      <c r="CH36" s="116">
        <v>786707</v>
      </c>
      <c r="CI36" s="116">
        <v>550560</v>
      </c>
      <c r="CJ36" s="451">
        <v>9330574</v>
      </c>
      <c r="CK36" s="452">
        <v>9372091</v>
      </c>
      <c r="CL36" s="112">
        <v>0</v>
      </c>
      <c r="CM36" s="116">
        <v>0</v>
      </c>
      <c r="CN36" s="115">
        <v>0</v>
      </c>
      <c r="CO36" s="113">
        <v>0</v>
      </c>
      <c r="CP36" s="116">
        <v>1898294</v>
      </c>
      <c r="CQ36" s="116">
        <v>3243044</v>
      </c>
      <c r="CR36" s="116">
        <v>1654389</v>
      </c>
      <c r="CS36" s="116">
        <v>619283</v>
      </c>
      <c r="CT36" s="116">
        <v>351434</v>
      </c>
      <c r="CU36" s="115">
        <v>7766444</v>
      </c>
      <c r="CV36" s="118">
        <v>7766444</v>
      </c>
      <c r="CW36" s="112">
        <v>0</v>
      </c>
      <c r="CX36" s="116">
        <v>41517</v>
      </c>
      <c r="CY36" s="115">
        <v>41517</v>
      </c>
      <c r="CZ36" s="112">
        <v>0</v>
      </c>
      <c r="DA36" s="116">
        <v>173809</v>
      </c>
      <c r="DB36" s="116">
        <v>655172</v>
      </c>
      <c r="DC36" s="116">
        <v>368599</v>
      </c>
      <c r="DD36" s="116">
        <v>167424</v>
      </c>
      <c r="DE36" s="116">
        <v>199126</v>
      </c>
      <c r="DF36" s="115">
        <v>1564130</v>
      </c>
      <c r="DG36" s="118">
        <v>1605647</v>
      </c>
      <c r="DH36" s="112">
        <v>0</v>
      </c>
      <c r="DI36" s="116">
        <v>0</v>
      </c>
      <c r="DJ36" s="114">
        <v>0</v>
      </c>
      <c r="DK36" s="113">
        <v>0</v>
      </c>
      <c r="DL36" s="116">
        <v>117807</v>
      </c>
      <c r="DM36" s="116">
        <v>690605</v>
      </c>
      <c r="DN36" s="116">
        <v>1112204</v>
      </c>
      <c r="DO36" s="116">
        <v>527341</v>
      </c>
      <c r="DP36" s="116">
        <v>436158</v>
      </c>
      <c r="DQ36" s="115">
        <v>2884115</v>
      </c>
      <c r="DR36" s="118">
        <v>2884115</v>
      </c>
      <c r="DS36" s="112">
        <v>0</v>
      </c>
      <c r="DT36" s="116">
        <v>0</v>
      </c>
      <c r="DU36" s="115">
        <v>0</v>
      </c>
      <c r="DV36" s="112">
        <v>0</v>
      </c>
      <c r="DW36" s="116">
        <v>117807</v>
      </c>
      <c r="DX36" s="116">
        <v>690605</v>
      </c>
      <c r="DY36" s="116">
        <v>1112204</v>
      </c>
      <c r="DZ36" s="116">
        <v>527341</v>
      </c>
      <c r="EA36" s="116">
        <v>375399</v>
      </c>
      <c r="EB36" s="115">
        <v>2823356</v>
      </c>
      <c r="EC36" s="118">
        <v>2823356</v>
      </c>
      <c r="ED36" s="112">
        <v>0</v>
      </c>
      <c r="EE36" s="114">
        <v>0</v>
      </c>
      <c r="EF36" s="115">
        <v>0</v>
      </c>
      <c r="EG36" s="112">
        <v>0</v>
      </c>
      <c r="EH36" s="116">
        <v>0</v>
      </c>
      <c r="EI36" s="116">
        <v>0</v>
      </c>
      <c r="EJ36" s="116">
        <v>0</v>
      </c>
      <c r="EK36" s="116">
        <v>0</v>
      </c>
      <c r="EL36" s="116">
        <v>60759</v>
      </c>
      <c r="EM36" s="114">
        <v>60759</v>
      </c>
      <c r="EN36" s="118">
        <v>60759</v>
      </c>
      <c r="EO36" s="112">
        <v>0</v>
      </c>
      <c r="EP36" s="116">
        <v>0</v>
      </c>
      <c r="EQ36" s="114">
        <v>0</v>
      </c>
      <c r="ER36" s="113">
        <v>0</v>
      </c>
      <c r="ES36" s="116">
        <v>0</v>
      </c>
      <c r="ET36" s="116">
        <v>0</v>
      </c>
      <c r="EU36" s="116">
        <v>0</v>
      </c>
      <c r="EV36" s="116">
        <v>0</v>
      </c>
      <c r="EW36" s="116">
        <v>0</v>
      </c>
      <c r="EX36" s="115">
        <v>0</v>
      </c>
      <c r="EY36" s="118">
        <v>0</v>
      </c>
      <c r="EZ36" s="112">
        <v>0</v>
      </c>
      <c r="FA36" s="116">
        <v>0</v>
      </c>
      <c r="FB36" s="114">
        <v>0</v>
      </c>
      <c r="FC36" s="390"/>
      <c r="FD36" s="116">
        <v>0</v>
      </c>
      <c r="FE36" s="116">
        <v>0</v>
      </c>
      <c r="FF36" s="116">
        <v>0</v>
      </c>
      <c r="FG36" s="116">
        <v>0</v>
      </c>
      <c r="FH36" s="116">
        <v>0</v>
      </c>
      <c r="FI36" s="115">
        <v>0</v>
      </c>
      <c r="FJ36" s="118">
        <v>0</v>
      </c>
      <c r="FK36" s="112">
        <v>123879</v>
      </c>
      <c r="FL36" s="116">
        <v>387864</v>
      </c>
      <c r="FM36" s="115">
        <v>511743</v>
      </c>
      <c r="FN36" s="112">
        <v>0</v>
      </c>
      <c r="FO36" s="116">
        <v>657502</v>
      </c>
      <c r="FP36" s="116">
        <v>1068647</v>
      </c>
      <c r="FQ36" s="116">
        <v>572866</v>
      </c>
      <c r="FR36" s="116">
        <v>672907</v>
      </c>
      <c r="FS36" s="116">
        <v>425879</v>
      </c>
      <c r="FT36" s="115">
        <v>3397801</v>
      </c>
      <c r="FU36" s="118">
        <v>3909544</v>
      </c>
      <c r="FV36" s="117">
        <v>123879</v>
      </c>
      <c r="FW36" s="116">
        <v>283464</v>
      </c>
      <c r="FX36" s="114">
        <v>407343</v>
      </c>
      <c r="FY36" s="113">
        <v>0</v>
      </c>
      <c r="FZ36" s="116">
        <v>597562</v>
      </c>
      <c r="GA36" s="116">
        <v>1068647</v>
      </c>
      <c r="GB36" s="116">
        <v>572866</v>
      </c>
      <c r="GC36" s="116">
        <v>417651</v>
      </c>
      <c r="GD36" s="116">
        <v>425879</v>
      </c>
      <c r="GE36" s="115">
        <v>3082605</v>
      </c>
      <c r="GF36" s="354">
        <v>3489948</v>
      </c>
      <c r="GG36" s="117">
        <v>0</v>
      </c>
      <c r="GH36" s="116">
        <v>15300</v>
      </c>
      <c r="GI36" s="114">
        <v>15300</v>
      </c>
      <c r="GJ36" s="113">
        <v>0</v>
      </c>
      <c r="GK36" s="116">
        <v>59940</v>
      </c>
      <c r="GL36" s="116">
        <v>0</v>
      </c>
      <c r="GM36" s="116">
        <v>0</v>
      </c>
      <c r="GN36" s="116">
        <v>95256</v>
      </c>
      <c r="GO36" s="116">
        <v>0</v>
      </c>
      <c r="GP36" s="115">
        <v>155196</v>
      </c>
      <c r="GQ36" s="118">
        <v>170496</v>
      </c>
      <c r="GR36" s="112">
        <v>0</v>
      </c>
      <c r="GS36" s="116">
        <v>89100</v>
      </c>
      <c r="GT36" s="115">
        <v>89100</v>
      </c>
      <c r="GU36" s="112">
        <v>0</v>
      </c>
      <c r="GV36" s="116">
        <v>0</v>
      </c>
      <c r="GW36" s="116">
        <v>0</v>
      </c>
      <c r="GX36" s="116">
        <v>0</v>
      </c>
      <c r="GY36" s="116">
        <v>160000</v>
      </c>
      <c r="GZ36" s="116">
        <v>0</v>
      </c>
      <c r="HA36" s="114">
        <v>160000</v>
      </c>
      <c r="HB36" s="118">
        <v>249100</v>
      </c>
      <c r="HC36" s="112">
        <v>58257</v>
      </c>
      <c r="HD36" s="116">
        <v>195084</v>
      </c>
      <c r="HE36" s="114">
        <v>253341</v>
      </c>
      <c r="HF36" s="113">
        <v>0</v>
      </c>
      <c r="HG36" s="116">
        <v>1358091</v>
      </c>
      <c r="HH36" s="116">
        <v>1585810</v>
      </c>
      <c r="HI36" s="116">
        <v>1091106</v>
      </c>
      <c r="HJ36" s="116">
        <v>462537</v>
      </c>
      <c r="HK36" s="116">
        <v>208264</v>
      </c>
      <c r="HL36" s="115">
        <v>4705808</v>
      </c>
      <c r="HM36" s="111">
        <v>4959149</v>
      </c>
      <c r="HN36" s="117">
        <v>122372</v>
      </c>
      <c r="HO36" s="116">
        <v>186374</v>
      </c>
      <c r="HP36" s="115">
        <v>308746</v>
      </c>
      <c r="HQ36" s="112">
        <v>0</v>
      </c>
      <c r="HR36" s="116">
        <v>1289473</v>
      </c>
      <c r="HS36" s="116">
        <v>1371952</v>
      </c>
      <c r="HT36" s="116">
        <v>834398</v>
      </c>
      <c r="HU36" s="116">
        <v>300643</v>
      </c>
      <c r="HV36" s="116">
        <v>253290</v>
      </c>
      <c r="HW36" s="114">
        <v>4049756</v>
      </c>
      <c r="HX36" s="118">
        <v>4358502</v>
      </c>
      <c r="HY36" s="167">
        <v>0</v>
      </c>
      <c r="HZ36" s="152">
        <v>88207</v>
      </c>
      <c r="IA36" s="167">
        <v>88207</v>
      </c>
      <c r="IB36" s="151">
        <v>0</v>
      </c>
      <c r="IC36" s="152">
        <v>3508021</v>
      </c>
      <c r="ID36" s="153">
        <v>5137461</v>
      </c>
      <c r="IE36" s="154">
        <v>5224992</v>
      </c>
      <c r="IF36" s="152">
        <v>2822947</v>
      </c>
      <c r="IG36" s="154">
        <v>1448196</v>
      </c>
      <c r="IH36" s="155">
        <v>18141617</v>
      </c>
      <c r="II36" s="167">
        <v>18229824</v>
      </c>
      <c r="IJ36" s="261">
        <v>0</v>
      </c>
      <c r="IK36" s="268">
        <v>0</v>
      </c>
      <c r="IL36" s="269">
        <v>0</v>
      </c>
      <c r="IM36" s="157"/>
      <c r="IN36" s="122">
        <v>0</v>
      </c>
      <c r="IO36" s="122">
        <v>193081</v>
      </c>
      <c r="IP36" s="122">
        <v>0</v>
      </c>
      <c r="IQ36" s="122">
        <v>0</v>
      </c>
      <c r="IR36" s="122">
        <v>0</v>
      </c>
      <c r="IS36" s="158">
        <v>193081</v>
      </c>
      <c r="IT36" s="357">
        <v>193081</v>
      </c>
      <c r="IU36" s="159">
        <v>0</v>
      </c>
      <c r="IV36" s="122">
        <v>0</v>
      </c>
      <c r="IW36" s="123">
        <v>0</v>
      </c>
      <c r="IX36" s="161"/>
      <c r="IY36" s="122">
        <v>0</v>
      </c>
      <c r="IZ36" s="122">
        <v>0</v>
      </c>
      <c r="JA36" s="122">
        <v>0</v>
      </c>
      <c r="JB36" s="122">
        <v>0</v>
      </c>
      <c r="JC36" s="122">
        <v>0</v>
      </c>
      <c r="JD36" s="123">
        <v>0</v>
      </c>
      <c r="JE36" s="124">
        <v>0</v>
      </c>
      <c r="JF36" s="159">
        <v>0</v>
      </c>
      <c r="JG36" s="122">
        <v>0</v>
      </c>
      <c r="JH36" s="158">
        <v>0</v>
      </c>
      <c r="JI36" s="121">
        <v>0</v>
      </c>
      <c r="JJ36" s="122">
        <v>800824</v>
      </c>
      <c r="JK36" s="122">
        <v>624580</v>
      </c>
      <c r="JL36" s="122">
        <v>902221</v>
      </c>
      <c r="JM36" s="122">
        <v>18963</v>
      </c>
      <c r="JN36" s="122">
        <v>306486</v>
      </c>
      <c r="JO36" s="123">
        <v>2653074</v>
      </c>
      <c r="JP36" s="357">
        <v>2653074</v>
      </c>
      <c r="JQ36" s="159">
        <v>0</v>
      </c>
      <c r="JR36" s="122">
        <v>0</v>
      </c>
      <c r="JS36" s="158">
        <v>0</v>
      </c>
      <c r="JT36" s="121">
        <v>0</v>
      </c>
      <c r="JU36" s="122">
        <v>0</v>
      </c>
      <c r="JV36" s="122">
        <v>139203</v>
      </c>
      <c r="JW36" s="122">
        <v>112015</v>
      </c>
      <c r="JX36" s="122">
        <v>0</v>
      </c>
      <c r="JY36" s="122">
        <v>0</v>
      </c>
      <c r="JZ36" s="123">
        <v>251218</v>
      </c>
      <c r="KA36" s="357">
        <v>251218</v>
      </c>
      <c r="KB36" s="264">
        <v>0</v>
      </c>
      <c r="KC36" s="258">
        <v>88207</v>
      </c>
      <c r="KD36" s="123">
        <v>88207</v>
      </c>
      <c r="KE36" s="121">
        <v>0</v>
      </c>
      <c r="KF36" s="122">
        <v>839348</v>
      </c>
      <c r="KG36" s="122">
        <v>1557058</v>
      </c>
      <c r="KH36" s="122">
        <v>1074046</v>
      </c>
      <c r="KI36" s="122">
        <v>584261</v>
      </c>
      <c r="KJ36" s="122">
        <v>635857</v>
      </c>
      <c r="KK36" s="123">
        <v>4690570</v>
      </c>
      <c r="KL36" s="160">
        <v>4778777</v>
      </c>
      <c r="KM36" s="261">
        <v>0</v>
      </c>
      <c r="KN36" s="268">
        <v>0</v>
      </c>
      <c r="KO36" s="269">
        <v>0</v>
      </c>
      <c r="KP36" s="157"/>
      <c r="KQ36" s="122">
        <v>1867849</v>
      </c>
      <c r="KR36" s="122">
        <v>2623539</v>
      </c>
      <c r="KS36" s="122">
        <v>3136710</v>
      </c>
      <c r="KT36" s="122">
        <v>2219723</v>
      </c>
      <c r="KU36" s="122">
        <v>505853</v>
      </c>
      <c r="KV36" s="123">
        <v>10353674</v>
      </c>
      <c r="KW36" s="357">
        <v>10353674</v>
      </c>
      <c r="KX36" s="159">
        <v>0</v>
      </c>
      <c r="KY36" s="122">
        <v>0</v>
      </c>
      <c r="KZ36" s="123">
        <v>0</v>
      </c>
      <c r="LA36" s="162"/>
      <c r="LB36" s="122">
        <v>0</v>
      </c>
      <c r="LC36" s="122">
        <v>0</v>
      </c>
      <c r="LD36" s="122">
        <v>0</v>
      </c>
      <c r="LE36" s="122">
        <v>0</v>
      </c>
      <c r="LF36" s="122">
        <v>0</v>
      </c>
      <c r="LG36" s="123">
        <v>0</v>
      </c>
      <c r="LH36" s="124">
        <v>0</v>
      </c>
      <c r="LI36" s="159">
        <v>0</v>
      </c>
      <c r="LJ36" s="122">
        <v>0</v>
      </c>
      <c r="LK36" s="123">
        <v>0</v>
      </c>
      <c r="LL36" s="162"/>
      <c r="LM36" s="122">
        <v>0</v>
      </c>
      <c r="LN36" s="122">
        <v>0</v>
      </c>
      <c r="LO36" s="122">
        <v>0</v>
      </c>
      <c r="LP36" s="122">
        <v>0</v>
      </c>
      <c r="LQ36" s="122">
        <v>0</v>
      </c>
      <c r="LR36" s="123">
        <v>0</v>
      </c>
      <c r="LS36" s="357">
        <v>0</v>
      </c>
      <c r="LT36" s="159">
        <v>0</v>
      </c>
      <c r="LU36" s="122">
        <v>0</v>
      </c>
      <c r="LV36" s="123">
        <v>0</v>
      </c>
      <c r="LW36" s="162"/>
      <c r="LX36" s="122">
        <v>0</v>
      </c>
      <c r="LY36" s="122">
        <v>0</v>
      </c>
      <c r="LZ36" s="122">
        <v>0</v>
      </c>
      <c r="MA36" s="122">
        <v>0</v>
      </c>
      <c r="MB36" s="122">
        <v>0</v>
      </c>
      <c r="MC36" s="123">
        <v>0</v>
      </c>
      <c r="MD36" s="124">
        <v>0</v>
      </c>
      <c r="ME36" s="159">
        <v>0</v>
      </c>
      <c r="MF36" s="122">
        <v>0</v>
      </c>
      <c r="MG36" s="123">
        <v>0</v>
      </c>
      <c r="MH36" s="162"/>
      <c r="MI36" s="122">
        <v>725296</v>
      </c>
      <c r="MJ36" s="122">
        <v>4024507</v>
      </c>
      <c r="MK36" s="122">
        <v>8817006</v>
      </c>
      <c r="ML36" s="122">
        <v>9127051</v>
      </c>
      <c r="MM36" s="122">
        <v>8041184</v>
      </c>
      <c r="MN36" s="123">
        <v>30735044</v>
      </c>
      <c r="MO36" s="160">
        <v>30735044</v>
      </c>
      <c r="MP36" s="159">
        <v>0</v>
      </c>
      <c r="MQ36" s="122">
        <v>0</v>
      </c>
      <c r="MR36" s="123">
        <v>0</v>
      </c>
      <c r="MS36" s="162"/>
      <c r="MT36" s="122">
        <v>0</v>
      </c>
      <c r="MU36" s="122">
        <v>694614</v>
      </c>
      <c r="MV36" s="122">
        <v>6285299</v>
      </c>
      <c r="MW36" s="122">
        <v>5952356</v>
      </c>
      <c r="MX36" s="122">
        <v>6456119</v>
      </c>
      <c r="MY36" s="123">
        <v>19388388</v>
      </c>
      <c r="MZ36" s="160">
        <v>19388388</v>
      </c>
      <c r="NA36" s="159">
        <v>0</v>
      </c>
      <c r="NB36" s="122">
        <v>0</v>
      </c>
      <c r="NC36" s="123">
        <v>0</v>
      </c>
      <c r="ND36" s="162"/>
      <c r="NE36" s="122">
        <v>725296</v>
      </c>
      <c r="NF36" s="122">
        <v>3329893</v>
      </c>
      <c r="NG36" s="122">
        <v>2531707</v>
      </c>
      <c r="NH36" s="122">
        <v>2813215</v>
      </c>
      <c r="NI36" s="122">
        <v>1232724</v>
      </c>
      <c r="NJ36" s="123">
        <v>10632835</v>
      </c>
      <c r="NK36" s="357">
        <v>10632835</v>
      </c>
      <c r="NL36" s="159">
        <v>0</v>
      </c>
      <c r="NM36" s="122">
        <v>0</v>
      </c>
      <c r="NN36" s="123">
        <v>0</v>
      </c>
      <c r="NO36" s="162"/>
      <c r="NP36" s="122">
        <v>0</v>
      </c>
      <c r="NQ36" s="122">
        <v>0</v>
      </c>
      <c r="NR36" s="122">
        <v>0</v>
      </c>
      <c r="NS36" s="122">
        <v>361480</v>
      </c>
      <c r="NT36" s="122">
        <v>0</v>
      </c>
      <c r="NU36" s="123">
        <v>361480</v>
      </c>
      <c r="NV36" s="124">
        <v>361480</v>
      </c>
      <c r="NW36" s="159">
        <v>0</v>
      </c>
      <c r="NX36" s="122">
        <v>0</v>
      </c>
      <c r="NY36" s="123">
        <v>0</v>
      </c>
      <c r="NZ36" s="162"/>
      <c r="OA36" s="122">
        <v>0</v>
      </c>
      <c r="OB36" s="122">
        <v>0</v>
      </c>
      <c r="OC36" s="122">
        <v>0</v>
      </c>
      <c r="OD36" s="122">
        <v>0</v>
      </c>
      <c r="OE36" s="122">
        <v>352341</v>
      </c>
      <c r="OF36" s="123">
        <v>352341</v>
      </c>
      <c r="OG36" s="124">
        <v>352341</v>
      </c>
      <c r="OH36" s="159">
        <v>405786</v>
      </c>
      <c r="OI36" s="122">
        <v>980937</v>
      </c>
      <c r="OJ36" s="158">
        <v>1386723</v>
      </c>
      <c r="OK36" s="121">
        <v>0</v>
      </c>
      <c r="OL36" s="122">
        <v>10973173</v>
      </c>
      <c r="OM36" s="122">
        <v>19530617</v>
      </c>
      <c r="ON36" s="122">
        <v>21279593</v>
      </c>
      <c r="OO36" s="122">
        <v>16335388</v>
      </c>
      <c r="OP36" s="122">
        <v>12839961</v>
      </c>
      <c r="OQ36" s="123">
        <v>80958732</v>
      </c>
      <c r="OR36" s="160">
        <v>82345455</v>
      </c>
    </row>
    <row r="37" spans="1:408" ht="18.75" customHeight="1" x14ac:dyDescent="0.2">
      <c r="A37" s="62" t="s">
        <v>32</v>
      </c>
      <c r="B37" s="112">
        <v>752533</v>
      </c>
      <c r="C37" s="116">
        <v>1113242</v>
      </c>
      <c r="D37" s="201">
        <v>1865775</v>
      </c>
      <c r="E37" s="202">
        <v>0</v>
      </c>
      <c r="F37" s="203">
        <v>9241621</v>
      </c>
      <c r="G37" s="203">
        <v>10119770</v>
      </c>
      <c r="H37" s="203">
        <v>8901964</v>
      </c>
      <c r="I37" s="203">
        <v>7902292</v>
      </c>
      <c r="J37" s="203">
        <v>5780784</v>
      </c>
      <c r="K37" s="204">
        <v>41946431</v>
      </c>
      <c r="L37" s="118">
        <v>43812206</v>
      </c>
      <c r="M37" s="112">
        <v>147672</v>
      </c>
      <c r="N37" s="116">
        <v>298978</v>
      </c>
      <c r="O37" s="115">
        <v>446650</v>
      </c>
      <c r="P37" s="112">
        <v>0</v>
      </c>
      <c r="Q37" s="116">
        <v>2599363</v>
      </c>
      <c r="R37" s="116">
        <v>1639991</v>
      </c>
      <c r="S37" s="116">
        <v>2629420</v>
      </c>
      <c r="T37" s="116">
        <v>2567466</v>
      </c>
      <c r="U37" s="116">
        <v>3199769</v>
      </c>
      <c r="V37" s="115">
        <v>12636009</v>
      </c>
      <c r="W37" s="118">
        <v>13082659</v>
      </c>
      <c r="X37" s="112">
        <v>0</v>
      </c>
      <c r="Y37" s="116">
        <v>0</v>
      </c>
      <c r="Z37" s="115">
        <v>0</v>
      </c>
      <c r="AA37" s="112">
        <v>0</v>
      </c>
      <c r="AB37" s="116">
        <v>1160374</v>
      </c>
      <c r="AC37" s="116">
        <v>624203</v>
      </c>
      <c r="AD37" s="116">
        <v>1465556</v>
      </c>
      <c r="AE37" s="443">
        <v>1353990</v>
      </c>
      <c r="AF37" s="443">
        <v>1623652</v>
      </c>
      <c r="AG37" s="115">
        <v>6227775</v>
      </c>
      <c r="AH37" s="118">
        <v>6227775</v>
      </c>
      <c r="AI37" s="112">
        <v>0</v>
      </c>
      <c r="AJ37" s="116">
        <v>0</v>
      </c>
      <c r="AK37" s="115">
        <v>0</v>
      </c>
      <c r="AL37" s="112">
        <v>0</v>
      </c>
      <c r="AM37" s="116">
        <v>0</v>
      </c>
      <c r="AN37" s="116">
        <v>87111</v>
      </c>
      <c r="AO37" s="116">
        <v>85156</v>
      </c>
      <c r="AP37" s="116">
        <v>182520</v>
      </c>
      <c r="AQ37" s="116">
        <v>650208</v>
      </c>
      <c r="AR37" s="115">
        <v>1004995</v>
      </c>
      <c r="AS37" s="118">
        <v>1004995</v>
      </c>
      <c r="AT37" s="112">
        <v>118899</v>
      </c>
      <c r="AU37" s="116">
        <v>256774</v>
      </c>
      <c r="AV37" s="115">
        <v>375673</v>
      </c>
      <c r="AW37" s="112">
        <v>0</v>
      </c>
      <c r="AX37" s="116">
        <v>1030794</v>
      </c>
      <c r="AY37" s="116">
        <v>761627</v>
      </c>
      <c r="AZ37" s="116">
        <v>715194</v>
      </c>
      <c r="BA37" s="116">
        <v>667282</v>
      </c>
      <c r="BB37" s="116">
        <v>685876</v>
      </c>
      <c r="BC37" s="115">
        <v>3860773</v>
      </c>
      <c r="BD37" s="118">
        <v>4236446</v>
      </c>
      <c r="BE37" s="112">
        <v>16902</v>
      </c>
      <c r="BF37" s="116">
        <v>33804</v>
      </c>
      <c r="BG37" s="114">
        <v>50706</v>
      </c>
      <c r="BH37" s="113">
        <v>0</v>
      </c>
      <c r="BI37" s="116">
        <v>294346</v>
      </c>
      <c r="BJ37" s="116">
        <v>0</v>
      </c>
      <c r="BK37" s="116">
        <v>65008</v>
      </c>
      <c r="BL37" s="116">
        <v>17208</v>
      </c>
      <c r="BM37" s="116">
        <v>72567</v>
      </c>
      <c r="BN37" s="115">
        <v>449129</v>
      </c>
      <c r="BO37" s="118">
        <v>499835</v>
      </c>
      <c r="BP37" s="112">
        <v>11871</v>
      </c>
      <c r="BQ37" s="116">
        <v>8400</v>
      </c>
      <c r="BR37" s="115">
        <v>20271</v>
      </c>
      <c r="BS37" s="112">
        <v>0</v>
      </c>
      <c r="BT37" s="116">
        <v>113849</v>
      </c>
      <c r="BU37" s="116">
        <v>167050</v>
      </c>
      <c r="BV37" s="116">
        <v>298506</v>
      </c>
      <c r="BW37" s="116">
        <v>346466</v>
      </c>
      <c r="BX37" s="116">
        <v>167466</v>
      </c>
      <c r="BY37" s="115">
        <v>1093337</v>
      </c>
      <c r="BZ37" s="118">
        <v>1113608</v>
      </c>
      <c r="CA37" s="112">
        <v>0</v>
      </c>
      <c r="CB37" s="116">
        <v>0</v>
      </c>
      <c r="CC37" s="115">
        <v>0</v>
      </c>
      <c r="CD37" s="112">
        <v>0</v>
      </c>
      <c r="CE37" s="443">
        <v>3091205</v>
      </c>
      <c r="CF37" s="443">
        <v>4537908</v>
      </c>
      <c r="CG37" s="443">
        <v>2253535</v>
      </c>
      <c r="CH37" s="116">
        <v>1895433</v>
      </c>
      <c r="CI37" s="116">
        <v>521853</v>
      </c>
      <c r="CJ37" s="451">
        <v>12299934</v>
      </c>
      <c r="CK37" s="452">
        <v>12299934</v>
      </c>
      <c r="CL37" s="112">
        <v>0</v>
      </c>
      <c r="CM37" s="116">
        <v>0</v>
      </c>
      <c r="CN37" s="115">
        <v>0</v>
      </c>
      <c r="CO37" s="113">
        <v>0</v>
      </c>
      <c r="CP37" s="116">
        <v>2443591</v>
      </c>
      <c r="CQ37" s="116">
        <v>3643640</v>
      </c>
      <c r="CR37" s="116">
        <v>2072046</v>
      </c>
      <c r="CS37" s="116">
        <v>1522392</v>
      </c>
      <c r="CT37" s="116">
        <v>191160</v>
      </c>
      <c r="CU37" s="115">
        <v>9872829</v>
      </c>
      <c r="CV37" s="118">
        <v>9872829</v>
      </c>
      <c r="CW37" s="112">
        <v>0</v>
      </c>
      <c r="CX37" s="116">
        <v>0</v>
      </c>
      <c r="CY37" s="115">
        <v>0</v>
      </c>
      <c r="CZ37" s="112">
        <v>0</v>
      </c>
      <c r="DA37" s="116">
        <v>647614</v>
      </c>
      <c r="DB37" s="116">
        <v>894268</v>
      </c>
      <c r="DC37" s="116">
        <v>181489</v>
      </c>
      <c r="DD37" s="116">
        <v>373041</v>
      </c>
      <c r="DE37" s="116">
        <v>330693</v>
      </c>
      <c r="DF37" s="115">
        <v>2427105</v>
      </c>
      <c r="DG37" s="118">
        <v>2427105</v>
      </c>
      <c r="DH37" s="112">
        <v>21999</v>
      </c>
      <c r="DI37" s="116">
        <v>28750</v>
      </c>
      <c r="DJ37" s="114">
        <v>50749</v>
      </c>
      <c r="DK37" s="113">
        <v>0</v>
      </c>
      <c r="DL37" s="116">
        <v>225119</v>
      </c>
      <c r="DM37" s="116">
        <v>773047</v>
      </c>
      <c r="DN37" s="116">
        <v>1120055</v>
      </c>
      <c r="DO37" s="116">
        <v>716418</v>
      </c>
      <c r="DP37" s="116">
        <v>441780</v>
      </c>
      <c r="DQ37" s="115">
        <v>3276419</v>
      </c>
      <c r="DR37" s="118">
        <v>3327168</v>
      </c>
      <c r="DS37" s="112">
        <v>21999</v>
      </c>
      <c r="DT37" s="116">
        <v>28750</v>
      </c>
      <c r="DU37" s="115">
        <v>50749</v>
      </c>
      <c r="DV37" s="112">
        <v>0</v>
      </c>
      <c r="DW37" s="116">
        <v>225119</v>
      </c>
      <c r="DX37" s="116">
        <v>508832</v>
      </c>
      <c r="DY37" s="116">
        <v>706982</v>
      </c>
      <c r="DZ37" s="116">
        <v>426721</v>
      </c>
      <c r="EA37" s="116">
        <v>75370</v>
      </c>
      <c r="EB37" s="115">
        <v>1943024</v>
      </c>
      <c r="EC37" s="118">
        <v>1993773</v>
      </c>
      <c r="ED37" s="112">
        <v>0</v>
      </c>
      <c r="EE37" s="114">
        <v>0</v>
      </c>
      <c r="EF37" s="115">
        <v>0</v>
      </c>
      <c r="EG37" s="112">
        <v>0</v>
      </c>
      <c r="EH37" s="116">
        <v>0</v>
      </c>
      <c r="EI37" s="116">
        <v>264215</v>
      </c>
      <c r="EJ37" s="116">
        <v>413073</v>
      </c>
      <c r="EK37" s="116">
        <v>289697</v>
      </c>
      <c r="EL37" s="116">
        <v>366410</v>
      </c>
      <c r="EM37" s="114">
        <v>1333395</v>
      </c>
      <c r="EN37" s="118">
        <v>1333395</v>
      </c>
      <c r="EO37" s="112">
        <v>0</v>
      </c>
      <c r="EP37" s="116">
        <v>0</v>
      </c>
      <c r="EQ37" s="114">
        <v>0</v>
      </c>
      <c r="ER37" s="113">
        <v>0</v>
      </c>
      <c r="ES37" s="116">
        <v>0</v>
      </c>
      <c r="ET37" s="116">
        <v>0</v>
      </c>
      <c r="EU37" s="116">
        <v>0</v>
      </c>
      <c r="EV37" s="116">
        <v>0</v>
      </c>
      <c r="EW37" s="116">
        <v>0</v>
      </c>
      <c r="EX37" s="115">
        <v>0</v>
      </c>
      <c r="EY37" s="118">
        <v>0</v>
      </c>
      <c r="EZ37" s="112">
        <v>0</v>
      </c>
      <c r="FA37" s="116">
        <v>0</v>
      </c>
      <c r="FB37" s="114">
        <v>0</v>
      </c>
      <c r="FC37" s="390"/>
      <c r="FD37" s="116">
        <v>0</v>
      </c>
      <c r="FE37" s="116">
        <v>0</v>
      </c>
      <c r="FF37" s="116">
        <v>0</v>
      </c>
      <c r="FG37" s="116">
        <v>0</v>
      </c>
      <c r="FH37" s="116">
        <v>0</v>
      </c>
      <c r="FI37" s="115">
        <v>0</v>
      </c>
      <c r="FJ37" s="118">
        <v>0</v>
      </c>
      <c r="FK37" s="112">
        <v>270189</v>
      </c>
      <c r="FL37" s="116">
        <v>276440</v>
      </c>
      <c r="FM37" s="115">
        <v>546629</v>
      </c>
      <c r="FN37" s="112">
        <v>0</v>
      </c>
      <c r="FO37" s="116">
        <v>590098</v>
      </c>
      <c r="FP37" s="116">
        <v>1072269</v>
      </c>
      <c r="FQ37" s="116">
        <v>759224</v>
      </c>
      <c r="FR37" s="116">
        <v>589930</v>
      </c>
      <c r="FS37" s="116">
        <v>573876</v>
      </c>
      <c r="FT37" s="115">
        <v>3585397</v>
      </c>
      <c r="FU37" s="118">
        <v>4132026</v>
      </c>
      <c r="FV37" s="117">
        <v>143865</v>
      </c>
      <c r="FW37" s="116">
        <v>276440</v>
      </c>
      <c r="FX37" s="114">
        <v>420305</v>
      </c>
      <c r="FY37" s="113">
        <v>0</v>
      </c>
      <c r="FZ37" s="116">
        <v>569110</v>
      </c>
      <c r="GA37" s="116">
        <v>911949</v>
      </c>
      <c r="GB37" s="116">
        <v>726488</v>
      </c>
      <c r="GC37" s="116">
        <v>589930</v>
      </c>
      <c r="GD37" s="116">
        <v>573876</v>
      </c>
      <c r="GE37" s="115">
        <v>3371353</v>
      </c>
      <c r="GF37" s="354">
        <v>3791658</v>
      </c>
      <c r="GG37" s="117">
        <v>43164</v>
      </c>
      <c r="GH37" s="116">
        <v>0</v>
      </c>
      <c r="GI37" s="114">
        <v>43164</v>
      </c>
      <c r="GJ37" s="113">
        <v>0</v>
      </c>
      <c r="GK37" s="116">
        <v>20988</v>
      </c>
      <c r="GL37" s="116">
        <v>39620</v>
      </c>
      <c r="GM37" s="116">
        <v>32736</v>
      </c>
      <c r="GN37" s="116">
        <v>0</v>
      </c>
      <c r="GO37" s="116">
        <v>0</v>
      </c>
      <c r="GP37" s="115">
        <v>93344</v>
      </c>
      <c r="GQ37" s="118">
        <v>136508</v>
      </c>
      <c r="GR37" s="112">
        <v>83160</v>
      </c>
      <c r="GS37" s="116">
        <v>0</v>
      </c>
      <c r="GT37" s="115">
        <v>83160</v>
      </c>
      <c r="GU37" s="112">
        <v>0</v>
      </c>
      <c r="GV37" s="116">
        <v>0</v>
      </c>
      <c r="GW37" s="116">
        <v>120700</v>
      </c>
      <c r="GX37" s="116">
        <v>0</v>
      </c>
      <c r="GY37" s="116">
        <v>0</v>
      </c>
      <c r="GZ37" s="116">
        <v>0</v>
      </c>
      <c r="HA37" s="114">
        <v>120700</v>
      </c>
      <c r="HB37" s="118">
        <v>203860</v>
      </c>
      <c r="HC37" s="112">
        <v>182347</v>
      </c>
      <c r="HD37" s="116">
        <v>298651</v>
      </c>
      <c r="HE37" s="114">
        <v>480998</v>
      </c>
      <c r="HF37" s="113">
        <v>0</v>
      </c>
      <c r="HG37" s="116">
        <v>800875</v>
      </c>
      <c r="HH37" s="116">
        <v>654943</v>
      </c>
      <c r="HI37" s="116">
        <v>1262823</v>
      </c>
      <c r="HJ37" s="116">
        <v>1597551</v>
      </c>
      <c r="HK37" s="116">
        <v>673353</v>
      </c>
      <c r="HL37" s="115">
        <v>4989545</v>
      </c>
      <c r="HM37" s="111">
        <v>5470543</v>
      </c>
      <c r="HN37" s="117">
        <v>130326</v>
      </c>
      <c r="HO37" s="116">
        <v>210423</v>
      </c>
      <c r="HP37" s="115">
        <v>340749</v>
      </c>
      <c r="HQ37" s="112">
        <v>0</v>
      </c>
      <c r="HR37" s="116">
        <v>1934961</v>
      </c>
      <c r="HS37" s="116">
        <v>1441612</v>
      </c>
      <c r="HT37" s="116">
        <v>876907</v>
      </c>
      <c r="HU37" s="116">
        <v>535494</v>
      </c>
      <c r="HV37" s="116">
        <v>370153</v>
      </c>
      <c r="HW37" s="114">
        <v>5159127</v>
      </c>
      <c r="HX37" s="118">
        <v>5499876</v>
      </c>
      <c r="HY37" s="148">
        <v>0</v>
      </c>
      <c r="HZ37" s="149">
        <v>0</v>
      </c>
      <c r="IA37" s="150">
        <v>0</v>
      </c>
      <c r="IB37" s="163">
        <v>0</v>
      </c>
      <c r="IC37" s="149">
        <v>3218149</v>
      </c>
      <c r="ID37" s="164">
        <v>3556884</v>
      </c>
      <c r="IE37" s="150">
        <v>7095826</v>
      </c>
      <c r="IF37" s="149">
        <v>5990455</v>
      </c>
      <c r="IG37" s="150">
        <v>2202027</v>
      </c>
      <c r="IH37" s="165">
        <v>22063341</v>
      </c>
      <c r="II37" s="156">
        <v>22063341</v>
      </c>
      <c r="IJ37" s="261">
        <v>0</v>
      </c>
      <c r="IK37" s="268">
        <v>0</v>
      </c>
      <c r="IL37" s="269">
        <v>0</v>
      </c>
      <c r="IM37" s="157"/>
      <c r="IN37" s="122">
        <v>181132</v>
      </c>
      <c r="IO37" s="122">
        <v>109504</v>
      </c>
      <c r="IP37" s="122">
        <v>345924</v>
      </c>
      <c r="IQ37" s="122">
        <v>300879</v>
      </c>
      <c r="IR37" s="122">
        <v>0</v>
      </c>
      <c r="IS37" s="158">
        <v>937439</v>
      </c>
      <c r="IT37" s="357">
        <v>937439</v>
      </c>
      <c r="IU37" s="159">
        <v>0</v>
      </c>
      <c r="IV37" s="122">
        <v>0</v>
      </c>
      <c r="IW37" s="123">
        <v>0</v>
      </c>
      <c r="IX37" s="161"/>
      <c r="IY37" s="122">
        <v>0</v>
      </c>
      <c r="IZ37" s="122">
        <v>0</v>
      </c>
      <c r="JA37" s="122">
        <v>0</v>
      </c>
      <c r="JB37" s="122">
        <v>0</v>
      </c>
      <c r="JC37" s="122">
        <v>0</v>
      </c>
      <c r="JD37" s="123">
        <v>0</v>
      </c>
      <c r="JE37" s="124">
        <v>0</v>
      </c>
      <c r="JF37" s="159">
        <v>0</v>
      </c>
      <c r="JG37" s="122">
        <v>0</v>
      </c>
      <c r="JH37" s="158">
        <v>0</v>
      </c>
      <c r="JI37" s="121">
        <v>0</v>
      </c>
      <c r="JJ37" s="122">
        <v>2216083</v>
      </c>
      <c r="JK37" s="122">
        <v>1486093</v>
      </c>
      <c r="JL37" s="122">
        <v>691766</v>
      </c>
      <c r="JM37" s="122">
        <v>389413</v>
      </c>
      <c r="JN37" s="122">
        <v>47401</v>
      </c>
      <c r="JO37" s="123">
        <v>4830756</v>
      </c>
      <c r="JP37" s="357">
        <v>4830756</v>
      </c>
      <c r="JQ37" s="159">
        <v>0</v>
      </c>
      <c r="JR37" s="122">
        <v>0</v>
      </c>
      <c r="JS37" s="158">
        <v>0</v>
      </c>
      <c r="JT37" s="121">
        <v>0</v>
      </c>
      <c r="JU37" s="122">
        <v>122175</v>
      </c>
      <c r="JV37" s="122">
        <v>0</v>
      </c>
      <c r="JW37" s="122">
        <v>345663</v>
      </c>
      <c r="JX37" s="122">
        <v>0</v>
      </c>
      <c r="JY37" s="122">
        <v>260601</v>
      </c>
      <c r="JZ37" s="123">
        <v>728439</v>
      </c>
      <c r="KA37" s="357">
        <v>728439</v>
      </c>
      <c r="KB37" s="264">
        <v>0</v>
      </c>
      <c r="KC37" s="258">
        <v>0</v>
      </c>
      <c r="KD37" s="123">
        <v>0</v>
      </c>
      <c r="KE37" s="121">
        <v>0</v>
      </c>
      <c r="KF37" s="122">
        <v>59841</v>
      </c>
      <c r="KG37" s="122">
        <v>0</v>
      </c>
      <c r="KH37" s="122">
        <v>300501</v>
      </c>
      <c r="KI37" s="122">
        <v>500472</v>
      </c>
      <c r="KJ37" s="122">
        <v>0</v>
      </c>
      <c r="KK37" s="123">
        <v>860814</v>
      </c>
      <c r="KL37" s="160">
        <v>860814</v>
      </c>
      <c r="KM37" s="261">
        <v>0</v>
      </c>
      <c r="KN37" s="268">
        <v>0</v>
      </c>
      <c r="KO37" s="269">
        <v>0</v>
      </c>
      <c r="KP37" s="157"/>
      <c r="KQ37" s="122">
        <v>638918</v>
      </c>
      <c r="KR37" s="122">
        <v>1803612</v>
      </c>
      <c r="KS37" s="122">
        <v>3064508</v>
      </c>
      <c r="KT37" s="122">
        <v>1908360</v>
      </c>
      <c r="KU37" s="122">
        <v>1333721</v>
      </c>
      <c r="KV37" s="123">
        <v>8749119</v>
      </c>
      <c r="KW37" s="357">
        <v>8749119</v>
      </c>
      <c r="KX37" s="159">
        <v>0</v>
      </c>
      <c r="KY37" s="122">
        <v>0</v>
      </c>
      <c r="KZ37" s="123">
        <v>0</v>
      </c>
      <c r="LA37" s="162"/>
      <c r="LB37" s="122">
        <v>0</v>
      </c>
      <c r="LC37" s="122">
        <v>0</v>
      </c>
      <c r="LD37" s="122">
        <v>0</v>
      </c>
      <c r="LE37" s="122">
        <v>0</v>
      </c>
      <c r="LF37" s="122">
        <v>0</v>
      </c>
      <c r="LG37" s="123">
        <v>0</v>
      </c>
      <c r="LH37" s="124">
        <v>0</v>
      </c>
      <c r="LI37" s="159">
        <v>0</v>
      </c>
      <c r="LJ37" s="122">
        <v>0</v>
      </c>
      <c r="LK37" s="123">
        <v>0</v>
      </c>
      <c r="LL37" s="162"/>
      <c r="LM37" s="122">
        <v>0</v>
      </c>
      <c r="LN37" s="122">
        <v>157675</v>
      </c>
      <c r="LO37" s="122">
        <v>2347464</v>
      </c>
      <c r="LP37" s="122">
        <v>2891331</v>
      </c>
      <c r="LQ37" s="122">
        <v>560304</v>
      </c>
      <c r="LR37" s="123">
        <v>5956774</v>
      </c>
      <c r="LS37" s="357">
        <v>5956774</v>
      </c>
      <c r="LT37" s="159">
        <v>0</v>
      </c>
      <c r="LU37" s="122">
        <v>0</v>
      </c>
      <c r="LV37" s="123">
        <v>0</v>
      </c>
      <c r="LW37" s="162"/>
      <c r="LX37" s="122">
        <v>0</v>
      </c>
      <c r="LY37" s="122">
        <v>0</v>
      </c>
      <c r="LZ37" s="122">
        <v>0</v>
      </c>
      <c r="MA37" s="122">
        <v>0</v>
      </c>
      <c r="MB37" s="122">
        <v>0</v>
      </c>
      <c r="MC37" s="123">
        <v>0</v>
      </c>
      <c r="MD37" s="124">
        <v>0</v>
      </c>
      <c r="ME37" s="159">
        <v>0</v>
      </c>
      <c r="MF37" s="122">
        <v>0</v>
      </c>
      <c r="MG37" s="123">
        <v>0</v>
      </c>
      <c r="MH37" s="162"/>
      <c r="MI37" s="122">
        <v>947979</v>
      </c>
      <c r="MJ37" s="122">
        <v>2466455</v>
      </c>
      <c r="MK37" s="122">
        <v>6247067</v>
      </c>
      <c r="ML37" s="122">
        <v>9923403</v>
      </c>
      <c r="MM37" s="122">
        <v>4759340</v>
      </c>
      <c r="MN37" s="123">
        <v>24344244</v>
      </c>
      <c r="MO37" s="160">
        <v>24344244</v>
      </c>
      <c r="MP37" s="159">
        <v>0</v>
      </c>
      <c r="MQ37" s="122">
        <v>0</v>
      </c>
      <c r="MR37" s="123">
        <v>0</v>
      </c>
      <c r="MS37" s="162"/>
      <c r="MT37" s="122">
        <v>226386</v>
      </c>
      <c r="MU37" s="122">
        <v>222418</v>
      </c>
      <c r="MV37" s="122">
        <v>2157444</v>
      </c>
      <c r="MW37" s="122">
        <v>6030113</v>
      </c>
      <c r="MX37" s="122">
        <v>2491587</v>
      </c>
      <c r="MY37" s="123">
        <v>11127948</v>
      </c>
      <c r="MZ37" s="160">
        <v>11127948</v>
      </c>
      <c r="NA37" s="159">
        <v>0</v>
      </c>
      <c r="NB37" s="122">
        <v>0</v>
      </c>
      <c r="NC37" s="123">
        <v>0</v>
      </c>
      <c r="ND37" s="162"/>
      <c r="NE37" s="122">
        <v>721593</v>
      </c>
      <c r="NF37" s="122">
        <v>2244037</v>
      </c>
      <c r="NG37" s="122">
        <v>4089623</v>
      </c>
      <c r="NH37" s="122">
        <v>3893290</v>
      </c>
      <c r="NI37" s="122">
        <v>2267753</v>
      </c>
      <c r="NJ37" s="123">
        <v>13216296</v>
      </c>
      <c r="NK37" s="357">
        <v>13216296</v>
      </c>
      <c r="NL37" s="159">
        <v>0</v>
      </c>
      <c r="NM37" s="122">
        <v>0</v>
      </c>
      <c r="NN37" s="123">
        <v>0</v>
      </c>
      <c r="NO37" s="162"/>
      <c r="NP37" s="122">
        <v>0</v>
      </c>
      <c r="NQ37" s="122">
        <v>0</v>
      </c>
      <c r="NR37" s="122">
        <v>0</v>
      </c>
      <c r="NS37" s="122">
        <v>0</v>
      </c>
      <c r="NT37" s="122">
        <v>0</v>
      </c>
      <c r="NU37" s="123">
        <v>0</v>
      </c>
      <c r="NV37" s="124">
        <v>0</v>
      </c>
      <c r="NW37" s="159">
        <v>0</v>
      </c>
      <c r="NX37" s="122">
        <v>0</v>
      </c>
      <c r="NY37" s="123">
        <v>0</v>
      </c>
      <c r="NZ37" s="162"/>
      <c r="OA37" s="122">
        <v>0</v>
      </c>
      <c r="OB37" s="122">
        <v>0</v>
      </c>
      <c r="OC37" s="122">
        <v>0</v>
      </c>
      <c r="OD37" s="122">
        <v>0</v>
      </c>
      <c r="OE37" s="122">
        <v>0</v>
      </c>
      <c r="OF37" s="123">
        <v>0</v>
      </c>
      <c r="OG37" s="124">
        <v>0</v>
      </c>
      <c r="OH37" s="159">
        <v>752533</v>
      </c>
      <c r="OI37" s="122">
        <v>1113242</v>
      </c>
      <c r="OJ37" s="158">
        <v>1865775</v>
      </c>
      <c r="OK37" s="121">
        <v>0</v>
      </c>
      <c r="OL37" s="122">
        <v>13407749</v>
      </c>
      <c r="OM37" s="122">
        <v>16143109</v>
      </c>
      <c r="ON37" s="122">
        <v>22244857</v>
      </c>
      <c r="OO37" s="122">
        <v>23816150</v>
      </c>
      <c r="OP37" s="122">
        <v>12742151</v>
      </c>
      <c r="OQ37" s="123">
        <v>88354016</v>
      </c>
      <c r="OR37" s="160">
        <v>90219791</v>
      </c>
    </row>
    <row r="38" spans="1:408" ht="18.75" customHeight="1" x14ac:dyDescent="0.2">
      <c r="A38" s="62" t="s">
        <v>33</v>
      </c>
      <c r="B38" s="112">
        <v>1335323</v>
      </c>
      <c r="C38" s="116">
        <v>2468671</v>
      </c>
      <c r="D38" s="115">
        <v>3803994</v>
      </c>
      <c r="E38" s="111">
        <v>0</v>
      </c>
      <c r="F38" s="116">
        <v>7725635</v>
      </c>
      <c r="G38" s="116">
        <v>8812363</v>
      </c>
      <c r="H38" s="116">
        <v>5324212</v>
      </c>
      <c r="I38" s="116">
        <v>5117977</v>
      </c>
      <c r="J38" s="116">
        <v>4434257</v>
      </c>
      <c r="K38" s="200">
        <v>31414444</v>
      </c>
      <c r="L38" s="118">
        <v>35218438</v>
      </c>
      <c r="M38" s="112">
        <v>464277</v>
      </c>
      <c r="N38" s="116">
        <v>923018</v>
      </c>
      <c r="O38" s="115">
        <v>1387295</v>
      </c>
      <c r="P38" s="112">
        <v>0</v>
      </c>
      <c r="Q38" s="116">
        <v>2635399</v>
      </c>
      <c r="R38" s="116">
        <v>2353983</v>
      </c>
      <c r="S38" s="116">
        <v>1450635</v>
      </c>
      <c r="T38" s="116">
        <v>1738528</v>
      </c>
      <c r="U38" s="116">
        <v>2577998</v>
      </c>
      <c r="V38" s="115">
        <v>10756543</v>
      </c>
      <c r="W38" s="118">
        <v>12143838</v>
      </c>
      <c r="X38" s="112">
        <v>0</v>
      </c>
      <c r="Y38" s="116">
        <v>0</v>
      </c>
      <c r="Z38" s="115">
        <v>0</v>
      </c>
      <c r="AA38" s="112">
        <v>0</v>
      </c>
      <c r="AB38" s="116">
        <v>859592</v>
      </c>
      <c r="AC38" s="116">
        <v>969249</v>
      </c>
      <c r="AD38" s="116">
        <v>713808</v>
      </c>
      <c r="AE38" s="443">
        <v>1081419</v>
      </c>
      <c r="AF38" s="443">
        <v>1761007</v>
      </c>
      <c r="AG38" s="115">
        <v>5385075</v>
      </c>
      <c r="AH38" s="118">
        <v>5385075</v>
      </c>
      <c r="AI38" s="112">
        <v>0</v>
      </c>
      <c r="AJ38" s="116">
        <v>0</v>
      </c>
      <c r="AK38" s="115">
        <v>0</v>
      </c>
      <c r="AL38" s="112">
        <v>0</v>
      </c>
      <c r="AM38" s="116">
        <v>0</v>
      </c>
      <c r="AN38" s="116">
        <v>159461</v>
      </c>
      <c r="AO38" s="116">
        <v>88650</v>
      </c>
      <c r="AP38" s="116">
        <v>87682</v>
      </c>
      <c r="AQ38" s="116">
        <v>213710</v>
      </c>
      <c r="AR38" s="115">
        <v>549503</v>
      </c>
      <c r="AS38" s="118">
        <v>549503</v>
      </c>
      <c r="AT38" s="112">
        <v>37113</v>
      </c>
      <c r="AU38" s="116">
        <v>36035</v>
      </c>
      <c r="AV38" s="115">
        <v>73148</v>
      </c>
      <c r="AW38" s="112">
        <v>0</v>
      </c>
      <c r="AX38" s="116">
        <v>457423</v>
      </c>
      <c r="AY38" s="116">
        <v>356649</v>
      </c>
      <c r="AZ38" s="116">
        <v>248869</v>
      </c>
      <c r="BA38" s="116">
        <v>277705</v>
      </c>
      <c r="BB38" s="116">
        <v>335420</v>
      </c>
      <c r="BC38" s="115">
        <v>1676066</v>
      </c>
      <c r="BD38" s="118">
        <v>1749214</v>
      </c>
      <c r="BE38" s="112">
        <v>280887</v>
      </c>
      <c r="BF38" s="116">
        <v>807279</v>
      </c>
      <c r="BG38" s="114">
        <v>1088166</v>
      </c>
      <c r="BH38" s="113">
        <v>0</v>
      </c>
      <c r="BI38" s="116">
        <v>992811</v>
      </c>
      <c r="BJ38" s="116">
        <v>498122</v>
      </c>
      <c r="BK38" s="116">
        <v>174753</v>
      </c>
      <c r="BL38" s="116">
        <v>132935</v>
      </c>
      <c r="BM38" s="116">
        <v>146824</v>
      </c>
      <c r="BN38" s="115">
        <v>1945445</v>
      </c>
      <c r="BO38" s="118">
        <v>3033611</v>
      </c>
      <c r="BP38" s="112">
        <v>146277</v>
      </c>
      <c r="BQ38" s="116">
        <v>79704</v>
      </c>
      <c r="BR38" s="115">
        <v>225981</v>
      </c>
      <c r="BS38" s="112">
        <v>0</v>
      </c>
      <c r="BT38" s="116">
        <v>325573</v>
      </c>
      <c r="BU38" s="116">
        <v>370502</v>
      </c>
      <c r="BV38" s="116">
        <v>224555</v>
      </c>
      <c r="BW38" s="116">
        <v>158787</v>
      </c>
      <c r="BX38" s="116">
        <v>121037</v>
      </c>
      <c r="BY38" s="115">
        <v>1200454</v>
      </c>
      <c r="BZ38" s="118">
        <v>1426435</v>
      </c>
      <c r="CA38" s="112">
        <v>215424</v>
      </c>
      <c r="CB38" s="116">
        <v>486679</v>
      </c>
      <c r="CC38" s="115">
        <v>702103</v>
      </c>
      <c r="CD38" s="112">
        <v>0</v>
      </c>
      <c r="CE38" s="443">
        <v>1127372</v>
      </c>
      <c r="CF38" s="443">
        <v>1036246</v>
      </c>
      <c r="CG38" s="443">
        <v>783094</v>
      </c>
      <c r="CH38" s="116">
        <v>569589</v>
      </c>
      <c r="CI38" s="116">
        <v>230993</v>
      </c>
      <c r="CJ38" s="451">
        <v>3747294</v>
      </c>
      <c r="CK38" s="452">
        <v>4449397</v>
      </c>
      <c r="CL38" s="112">
        <v>0</v>
      </c>
      <c r="CM38" s="116">
        <v>0</v>
      </c>
      <c r="CN38" s="115">
        <v>0</v>
      </c>
      <c r="CO38" s="113">
        <v>0</v>
      </c>
      <c r="CP38" s="116">
        <v>471748</v>
      </c>
      <c r="CQ38" s="116">
        <v>123745</v>
      </c>
      <c r="CR38" s="116">
        <v>398491</v>
      </c>
      <c r="CS38" s="116">
        <v>498773</v>
      </c>
      <c r="CT38" s="116">
        <v>82321</v>
      </c>
      <c r="CU38" s="115">
        <v>1575078</v>
      </c>
      <c r="CV38" s="118">
        <v>1575078</v>
      </c>
      <c r="CW38" s="112">
        <v>215424</v>
      </c>
      <c r="CX38" s="116">
        <v>486679</v>
      </c>
      <c r="CY38" s="115">
        <v>702103</v>
      </c>
      <c r="CZ38" s="112">
        <v>0</v>
      </c>
      <c r="DA38" s="116">
        <v>655624</v>
      </c>
      <c r="DB38" s="116">
        <v>912501</v>
      </c>
      <c r="DC38" s="116">
        <v>384603</v>
      </c>
      <c r="DD38" s="116">
        <v>70816</v>
      </c>
      <c r="DE38" s="116">
        <v>148672</v>
      </c>
      <c r="DF38" s="115">
        <v>2172216</v>
      </c>
      <c r="DG38" s="118">
        <v>2874319</v>
      </c>
      <c r="DH38" s="112">
        <v>0</v>
      </c>
      <c r="DI38" s="116">
        <v>0</v>
      </c>
      <c r="DJ38" s="114">
        <v>0</v>
      </c>
      <c r="DK38" s="113">
        <v>0</v>
      </c>
      <c r="DL38" s="116">
        <v>302556</v>
      </c>
      <c r="DM38" s="116">
        <v>409509</v>
      </c>
      <c r="DN38" s="116">
        <v>431437</v>
      </c>
      <c r="DO38" s="116">
        <v>607622</v>
      </c>
      <c r="DP38" s="116">
        <v>0</v>
      </c>
      <c r="DQ38" s="115">
        <v>1751124</v>
      </c>
      <c r="DR38" s="118">
        <v>1751124</v>
      </c>
      <c r="DS38" s="112">
        <v>0</v>
      </c>
      <c r="DT38" s="116">
        <v>0</v>
      </c>
      <c r="DU38" s="115">
        <v>0</v>
      </c>
      <c r="DV38" s="112">
        <v>0</v>
      </c>
      <c r="DW38" s="116">
        <v>142799</v>
      </c>
      <c r="DX38" s="116">
        <v>181724</v>
      </c>
      <c r="DY38" s="116">
        <v>384801</v>
      </c>
      <c r="DZ38" s="116">
        <v>553487</v>
      </c>
      <c r="EA38" s="116">
        <v>0</v>
      </c>
      <c r="EB38" s="115">
        <v>1262811</v>
      </c>
      <c r="EC38" s="118">
        <v>1262811</v>
      </c>
      <c r="ED38" s="112">
        <v>0</v>
      </c>
      <c r="EE38" s="114">
        <v>0</v>
      </c>
      <c r="EF38" s="115">
        <v>0</v>
      </c>
      <c r="EG38" s="112">
        <v>0</v>
      </c>
      <c r="EH38" s="116">
        <v>159757</v>
      </c>
      <c r="EI38" s="116">
        <v>227785</v>
      </c>
      <c r="EJ38" s="116">
        <v>0</v>
      </c>
      <c r="EK38" s="116">
        <v>54135</v>
      </c>
      <c r="EL38" s="116">
        <v>0</v>
      </c>
      <c r="EM38" s="114">
        <v>441677</v>
      </c>
      <c r="EN38" s="118">
        <v>441677</v>
      </c>
      <c r="EO38" s="112">
        <v>0</v>
      </c>
      <c r="EP38" s="116">
        <v>0</v>
      </c>
      <c r="EQ38" s="114">
        <v>0</v>
      </c>
      <c r="ER38" s="113">
        <v>0</v>
      </c>
      <c r="ES38" s="116">
        <v>0</v>
      </c>
      <c r="ET38" s="116">
        <v>0</v>
      </c>
      <c r="EU38" s="116">
        <v>0</v>
      </c>
      <c r="EV38" s="116">
        <v>0</v>
      </c>
      <c r="EW38" s="116">
        <v>0</v>
      </c>
      <c r="EX38" s="115">
        <v>0</v>
      </c>
      <c r="EY38" s="118">
        <v>0</v>
      </c>
      <c r="EZ38" s="112">
        <v>0</v>
      </c>
      <c r="FA38" s="116">
        <v>0</v>
      </c>
      <c r="FB38" s="114">
        <v>0</v>
      </c>
      <c r="FC38" s="390"/>
      <c r="FD38" s="116">
        <v>0</v>
      </c>
      <c r="FE38" s="116">
        <v>0</v>
      </c>
      <c r="FF38" s="116">
        <v>46636</v>
      </c>
      <c r="FG38" s="116">
        <v>0</v>
      </c>
      <c r="FH38" s="116">
        <v>0</v>
      </c>
      <c r="FI38" s="115">
        <v>46636</v>
      </c>
      <c r="FJ38" s="118">
        <v>46636</v>
      </c>
      <c r="FK38" s="112">
        <v>172896</v>
      </c>
      <c r="FL38" s="116">
        <v>258722</v>
      </c>
      <c r="FM38" s="115">
        <v>431618</v>
      </c>
      <c r="FN38" s="112">
        <v>0</v>
      </c>
      <c r="FO38" s="116">
        <v>559841</v>
      </c>
      <c r="FP38" s="116">
        <v>721833</v>
      </c>
      <c r="FQ38" s="116">
        <v>357462</v>
      </c>
      <c r="FR38" s="116">
        <v>224325</v>
      </c>
      <c r="FS38" s="116">
        <v>299193</v>
      </c>
      <c r="FT38" s="115">
        <v>2162654</v>
      </c>
      <c r="FU38" s="118">
        <v>2594272</v>
      </c>
      <c r="FV38" s="117">
        <v>146166</v>
      </c>
      <c r="FW38" s="116">
        <v>235772</v>
      </c>
      <c r="FX38" s="114">
        <v>381938</v>
      </c>
      <c r="FY38" s="113">
        <v>0</v>
      </c>
      <c r="FZ38" s="116">
        <v>442967</v>
      </c>
      <c r="GA38" s="116">
        <v>653181</v>
      </c>
      <c r="GB38" s="116">
        <v>317466</v>
      </c>
      <c r="GC38" s="116">
        <v>224325</v>
      </c>
      <c r="GD38" s="116">
        <v>299193</v>
      </c>
      <c r="GE38" s="115">
        <v>1937132</v>
      </c>
      <c r="GF38" s="354">
        <v>2319070</v>
      </c>
      <c r="GG38" s="117">
        <v>26730</v>
      </c>
      <c r="GH38" s="116">
        <v>22950</v>
      </c>
      <c r="GI38" s="114">
        <v>49680</v>
      </c>
      <c r="GJ38" s="113">
        <v>0</v>
      </c>
      <c r="GK38" s="116">
        <v>10890</v>
      </c>
      <c r="GL38" s="116">
        <v>34452</v>
      </c>
      <c r="GM38" s="116">
        <v>39996</v>
      </c>
      <c r="GN38" s="116">
        <v>0</v>
      </c>
      <c r="GO38" s="116">
        <v>0</v>
      </c>
      <c r="GP38" s="115">
        <v>85338</v>
      </c>
      <c r="GQ38" s="118">
        <v>135018</v>
      </c>
      <c r="GR38" s="112">
        <v>0</v>
      </c>
      <c r="GS38" s="116">
        <v>0</v>
      </c>
      <c r="GT38" s="115">
        <v>0</v>
      </c>
      <c r="GU38" s="112">
        <v>0</v>
      </c>
      <c r="GV38" s="116">
        <v>105984</v>
      </c>
      <c r="GW38" s="116">
        <v>34200</v>
      </c>
      <c r="GX38" s="116">
        <v>0</v>
      </c>
      <c r="GY38" s="116">
        <v>0</v>
      </c>
      <c r="GZ38" s="116">
        <v>0</v>
      </c>
      <c r="HA38" s="114">
        <v>140184</v>
      </c>
      <c r="HB38" s="118">
        <v>140184</v>
      </c>
      <c r="HC38" s="112">
        <v>295706</v>
      </c>
      <c r="HD38" s="116">
        <v>522066</v>
      </c>
      <c r="HE38" s="114">
        <v>817772</v>
      </c>
      <c r="HF38" s="113">
        <v>0</v>
      </c>
      <c r="HG38" s="116">
        <v>1875343</v>
      </c>
      <c r="HH38" s="116">
        <v>3519298</v>
      </c>
      <c r="HI38" s="116">
        <v>1847612</v>
      </c>
      <c r="HJ38" s="116">
        <v>1639109</v>
      </c>
      <c r="HK38" s="116">
        <v>1021076</v>
      </c>
      <c r="HL38" s="115">
        <v>9902438</v>
      </c>
      <c r="HM38" s="111">
        <v>10720210</v>
      </c>
      <c r="HN38" s="117">
        <v>187020</v>
      </c>
      <c r="HO38" s="116">
        <v>278186</v>
      </c>
      <c r="HP38" s="115">
        <v>465206</v>
      </c>
      <c r="HQ38" s="112">
        <v>0</v>
      </c>
      <c r="HR38" s="116">
        <v>1225124</v>
      </c>
      <c r="HS38" s="116">
        <v>771494</v>
      </c>
      <c r="HT38" s="116">
        <v>453972</v>
      </c>
      <c r="HU38" s="116">
        <v>338804</v>
      </c>
      <c r="HV38" s="116">
        <v>304997</v>
      </c>
      <c r="HW38" s="114">
        <v>3094391</v>
      </c>
      <c r="HX38" s="118">
        <v>3559597</v>
      </c>
      <c r="HY38" s="167">
        <v>0</v>
      </c>
      <c r="HZ38" s="152">
        <v>480556</v>
      </c>
      <c r="IA38" s="167">
        <v>480556</v>
      </c>
      <c r="IB38" s="163">
        <v>0</v>
      </c>
      <c r="IC38" s="149">
        <v>2960477</v>
      </c>
      <c r="ID38" s="164">
        <v>3500085</v>
      </c>
      <c r="IE38" s="150">
        <v>4297028</v>
      </c>
      <c r="IF38" s="149">
        <v>1048768</v>
      </c>
      <c r="IG38" s="150">
        <v>762514</v>
      </c>
      <c r="IH38" s="165">
        <v>12568872</v>
      </c>
      <c r="II38" s="167">
        <v>13049428</v>
      </c>
      <c r="IJ38" s="261">
        <v>0</v>
      </c>
      <c r="IK38" s="268">
        <v>0</v>
      </c>
      <c r="IL38" s="269">
        <v>0</v>
      </c>
      <c r="IM38" s="157"/>
      <c r="IN38" s="122">
        <v>0</v>
      </c>
      <c r="IO38" s="122">
        <v>0</v>
      </c>
      <c r="IP38" s="122">
        <v>0</v>
      </c>
      <c r="IQ38" s="122">
        <v>0</v>
      </c>
      <c r="IR38" s="122">
        <v>0</v>
      </c>
      <c r="IS38" s="158">
        <v>0</v>
      </c>
      <c r="IT38" s="357">
        <v>0</v>
      </c>
      <c r="IU38" s="159">
        <v>0</v>
      </c>
      <c r="IV38" s="122">
        <v>0</v>
      </c>
      <c r="IW38" s="123">
        <v>0</v>
      </c>
      <c r="IX38" s="161"/>
      <c r="IY38" s="122">
        <v>0</v>
      </c>
      <c r="IZ38" s="122">
        <v>0</v>
      </c>
      <c r="JA38" s="122">
        <v>0</v>
      </c>
      <c r="JB38" s="122">
        <v>0</v>
      </c>
      <c r="JC38" s="122">
        <v>0</v>
      </c>
      <c r="JD38" s="123">
        <v>0</v>
      </c>
      <c r="JE38" s="124">
        <v>0</v>
      </c>
      <c r="JF38" s="159">
        <v>0</v>
      </c>
      <c r="JG38" s="122">
        <v>0</v>
      </c>
      <c r="JH38" s="158">
        <v>0</v>
      </c>
      <c r="JI38" s="121">
        <v>0</v>
      </c>
      <c r="JJ38" s="122">
        <v>1448575</v>
      </c>
      <c r="JK38" s="122">
        <v>820123</v>
      </c>
      <c r="JL38" s="122">
        <v>368033</v>
      </c>
      <c r="JM38" s="122">
        <v>466519</v>
      </c>
      <c r="JN38" s="122">
        <v>128109</v>
      </c>
      <c r="JO38" s="123">
        <v>3231359</v>
      </c>
      <c r="JP38" s="357">
        <v>3231359</v>
      </c>
      <c r="JQ38" s="159">
        <v>0</v>
      </c>
      <c r="JR38" s="122">
        <v>0</v>
      </c>
      <c r="JS38" s="158">
        <v>0</v>
      </c>
      <c r="JT38" s="121">
        <v>0</v>
      </c>
      <c r="JU38" s="122">
        <v>72972</v>
      </c>
      <c r="JV38" s="122">
        <v>0</v>
      </c>
      <c r="JW38" s="122">
        <v>0</v>
      </c>
      <c r="JX38" s="122">
        <v>0</v>
      </c>
      <c r="JY38" s="122">
        <v>0</v>
      </c>
      <c r="JZ38" s="123">
        <v>72972</v>
      </c>
      <c r="KA38" s="357">
        <v>72972</v>
      </c>
      <c r="KB38" s="264">
        <v>0</v>
      </c>
      <c r="KC38" s="258">
        <v>0</v>
      </c>
      <c r="KD38" s="123">
        <v>0</v>
      </c>
      <c r="KE38" s="121">
        <v>0</v>
      </c>
      <c r="KF38" s="122">
        <v>0</v>
      </c>
      <c r="KG38" s="122">
        <v>0</v>
      </c>
      <c r="KH38" s="122">
        <v>0</v>
      </c>
      <c r="KI38" s="122">
        <v>0</v>
      </c>
      <c r="KJ38" s="122">
        <v>0</v>
      </c>
      <c r="KK38" s="123">
        <v>0</v>
      </c>
      <c r="KL38" s="160">
        <v>0</v>
      </c>
      <c r="KM38" s="261">
        <v>0</v>
      </c>
      <c r="KN38" s="268">
        <v>480556</v>
      </c>
      <c r="KO38" s="269">
        <v>480556</v>
      </c>
      <c r="KP38" s="157"/>
      <c r="KQ38" s="122">
        <v>508152</v>
      </c>
      <c r="KR38" s="122">
        <v>1024382</v>
      </c>
      <c r="KS38" s="122">
        <v>2418150</v>
      </c>
      <c r="KT38" s="122">
        <v>278132</v>
      </c>
      <c r="KU38" s="122">
        <v>283590</v>
      </c>
      <c r="KV38" s="123">
        <v>4512406</v>
      </c>
      <c r="KW38" s="357">
        <v>4992962</v>
      </c>
      <c r="KX38" s="159">
        <v>0</v>
      </c>
      <c r="KY38" s="122">
        <v>0</v>
      </c>
      <c r="KZ38" s="123">
        <v>0</v>
      </c>
      <c r="LA38" s="162"/>
      <c r="LB38" s="122">
        <v>0</v>
      </c>
      <c r="LC38" s="122">
        <v>0</v>
      </c>
      <c r="LD38" s="122">
        <v>0</v>
      </c>
      <c r="LE38" s="122">
        <v>0</v>
      </c>
      <c r="LF38" s="122">
        <v>0</v>
      </c>
      <c r="LG38" s="123">
        <v>0</v>
      </c>
      <c r="LH38" s="124">
        <v>0</v>
      </c>
      <c r="LI38" s="159">
        <v>0</v>
      </c>
      <c r="LJ38" s="122">
        <v>0</v>
      </c>
      <c r="LK38" s="123">
        <v>0</v>
      </c>
      <c r="LL38" s="162"/>
      <c r="LM38" s="122">
        <v>0</v>
      </c>
      <c r="LN38" s="122">
        <v>0</v>
      </c>
      <c r="LO38" s="122">
        <v>0</v>
      </c>
      <c r="LP38" s="122">
        <v>0</v>
      </c>
      <c r="LQ38" s="122">
        <v>0</v>
      </c>
      <c r="LR38" s="123">
        <v>0</v>
      </c>
      <c r="LS38" s="357">
        <v>0</v>
      </c>
      <c r="LT38" s="159">
        <v>0</v>
      </c>
      <c r="LU38" s="122">
        <v>0</v>
      </c>
      <c r="LV38" s="123">
        <v>0</v>
      </c>
      <c r="LW38" s="162"/>
      <c r="LX38" s="122">
        <v>930778</v>
      </c>
      <c r="LY38" s="122">
        <v>1655580</v>
      </c>
      <c r="LZ38" s="122">
        <v>1510845</v>
      </c>
      <c r="MA38" s="122">
        <v>304117</v>
      </c>
      <c r="MB38" s="122">
        <v>350815</v>
      </c>
      <c r="MC38" s="123">
        <v>4752135</v>
      </c>
      <c r="MD38" s="124">
        <v>4752135</v>
      </c>
      <c r="ME38" s="159">
        <v>0</v>
      </c>
      <c r="MF38" s="122">
        <v>0</v>
      </c>
      <c r="MG38" s="123">
        <v>0</v>
      </c>
      <c r="MH38" s="162"/>
      <c r="MI38" s="122">
        <v>3252177</v>
      </c>
      <c r="MJ38" s="122">
        <v>5334836</v>
      </c>
      <c r="MK38" s="122">
        <v>13005688</v>
      </c>
      <c r="ML38" s="122">
        <v>13344661</v>
      </c>
      <c r="MM38" s="122">
        <v>11253263</v>
      </c>
      <c r="MN38" s="123">
        <v>46190625</v>
      </c>
      <c r="MO38" s="160">
        <v>46190625</v>
      </c>
      <c r="MP38" s="159">
        <v>0</v>
      </c>
      <c r="MQ38" s="122">
        <v>0</v>
      </c>
      <c r="MR38" s="123">
        <v>0</v>
      </c>
      <c r="MS38" s="162"/>
      <c r="MT38" s="122">
        <v>0</v>
      </c>
      <c r="MU38" s="122">
        <v>1777136</v>
      </c>
      <c r="MV38" s="122">
        <v>6784083</v>
      </c>
      <c r="MW38" s="122">
        <v>7079155</v>
      </c>
      <c r="MX38" s="122">
        <v>7307967</v>
      </c>
      <c r="MY38" s="123">
        <v>22948341</v>
      </c>
      <c r="MZ38" s="160">
        <v>22948341</v>
      </c>
      <c r="NA38" s="159">
        <v>0</v>
      </c>
      <c r="NB38" s="122">
        <v>0</v>
      </c>
      <c r="NC38" s="123">
        <v>0</v>
      </c>
      <c r="ND38" s="162"/>
      <c r="NE38" s="122">
        <v>2705999</v>
      </c>
      <c r="NF38" s="122">
        <v>2195186</v>
      </c>
      <c r="NG38" s="122">
        <v>3352197</v>
      </c>
      <c r="NH38" s="122">
        <v>4694485</v>
      </c>
      <c r="NI38" s="122">
        <v>2453727</v>
      </c>
      <c r="NJ38" s="123">
        <v>15401594</v>
      </c>
      <c r="NK38" s="357">
        <v>15401594</v>
      </c>
      <c r="NL38" s="159">
        <v>0</v>
      </c>
      <c r="NM38" s="122">
        <v>0</v>
      </c>
      <c r="NN38" s="123">
        <v>0</v>
      </c>
      <c r="NO38" s="162"/>
      <c r="NP38" s="122">
        <v>0</v>
      </c>
      <c r="NQ38" s="122">
        <v>0</v>
      </c>
      <c r="NR38" s="122">
        <v>0</v>
      </c>
      <c r="NS38" s="122">
        <v>0</v>
      </c>
      <c r="NT38" s="122">
        <v>0</v>
      </c>
      <c r="NU38" s="123">
        <v>0</v>
      </c>
      <c r="NV38" s="124">
        <v>0</v>
      </c>
      <c r="NW38" s="159">
        <v>0</v>
      </c>
      <c r="NX38" s="122">
        <v>0</v>
      </c>
      <c r="NY38" s="123">
        <v>0</v>
      </c>
      <c r="NZ38" s="162"/>
      <c r="OA38" s="122">
        <v>546178</v>
      </c>
      <c r="OB38" s="122">
        <v>1362514</v>
      </c>
      <c r="OC38" s="122">
        <v>2869408</v>
      </c>
      <c r="OD38" s="122">
        <v>1571021</v>
      </c>
      <c r="OE38" s="122">
        <v>1491569</v>
      </c>
      <c r="OF38" s="123">
        <v>7840690</v>
      </c>
      <c r="OG38" s="124">
        <v>7840690</v>
      </c>
      <c r="OH38" s="159">
        <v>1335323</v>
      </c>
      <c r="OI38" s="122">
        <v>2949227</v>
      </c>
      <c r="OJ38" s="158">
        <v>4284550</v>
      </c>
      <c r="OK38" s="121">
        <v>0</v>
      </c>
      <c r="OL38" s="122">
        <v>13938289</v>
      </c>
      <c r="OM38" s="122">
        <v>17647284</v>
      </c>
      <c r="ON38" s="122">
        <v>22626928</v>
      </c>
      <c r="OO38" s="122">
        <v>19511406</v>
      </c>
      <c r="OP38" s="122">
        <v>16450034</v>
      </c>
      <c r="OQ38" s="123">
        <v>90173941</v>
      </c>
      <c r="OR38" s="160">
        <v>94458491</v>
      </c>
    </row>
    <row r="39" spans="1:408" ht="18.75" customHeight="1" x14ac:dyDescent="0.2">
      <c r="A39" s="62" t="s">
        <v>34</v>
      </c>
      <c r="B39" s="112">
        <v>490496</v>
      </c>
      <c r="C39" s="116">
        <v>839965</v>
      </c>
      <c r="D39" s="201">
        <v>1330461</v>
      </c>
      <c r="E39" s="202">
        <v>0</v>
      </c>
      <c r="F39" s="203">
        <v>6972194</v>
      </c>
      <c r="G39" s="203">
        <v>5774320</v>
      </c>
      <c r="H39" s="203">
        <v>5441940</v>
      </c>
      <c r="I39" s="203">
        <v>4274349</v>
      </c>
      <c r="J39" s="203">
        <v>2197771</v>
      </c>
      <c r="K39" s="204">
        <v>24660574</v>
      </c>
      <c r="L39" s="118">
        <v>25991035</v>
      </c>
      <c r="M39" s="112">
        <v>69102</v>
      </c>
      <c r="N39" s="116">
        <v>116856</v>
      </c>
      <c r="O39" s="115">
        <v>185958</v>
      </c>
      <c r="P39" s="112">
        <v>0</v>
      </c>
      <c r="Q39" s="116">
        <v>1161136</v>
      </c>
      <c r="R39" s="116">
        <v>1270598</v>
      </c>
      <c r="S39" s="116">
        <v>2031064</v>
      </c>
      <c r="T39" s="116">
        <v>685312</v>
      </c>
      <c r="U39" s="116">
        <v>1247310</v>
      </c>
      <c r="V39" s="115">
        <v>6395420</v>
      </c>
      <c r="W39" s="118">
        <v>6581378</v>
      </c>
      <c r="X39" s="112">
        <v>0</v>
      </c>
      <c r="Y39" s="116">
        <v>0</v>
      </c>
      <c r="Z39" s="115">
        <v>0</v>
      </c>
      <c r="AA39" s="112">
        <v>0</v>
      </c>
      <c r="AB39" s="116">
        <v>533418</v>
      </c>
      <c r="AC39" s="116">
        <v>478568</v>
      </c>
      <c r="AD39" s="116">
        <v>1511194</v>
      </c>
      <c r="AE39" s="443">
        <v>398155</v>
      </c>
      <c r="AF39" s="443">
        <v>411639</v>
      </c>
      <c r="AG39" s="115">
        <v>3332974</v>
      </c>
      <c r="AH39" s="118">
        <v>3332974</v>
      </c>
      <c r="AI39" s="112">
        <v>0</v>
      </c>
      <c r="AJ39" s="116">
        <v>0</v>
      </c>
      <c r="AK39" s="115">
        <v>0</v>
      </c>
      <c r="AL39" s="112">
        <v>0</v>
      </c>
      <c r="AM39" s="116">
        <v>0</v>
      </c>
      <c r="AN39" s="116">
        <v>67203</v>
      </c>
      <c r="AO39" s="116">
        <v>0</v>
      </c>
      <c r="AP39" s="116">
        <v>50661</v>
      </c>
      <c r="AQ39" s="116">
        <v>425250</v>
      </c>
      <c r="AR39" s="115">
        <v>543114</v>
      </c>
      <c r="AS39" s="118">
        <v>543114</v>
      </c>
      <c r="AT39" s="112">
        <v>24426</v>
      </c>
      <c r="AU39" s="116">
        <v>56326</v>
      </c>
      <c r="AV39" s="115">
        <v>80752</v>
      </c>
      <c r="AW39" s="112">
        <v>0</v>
      </c>
      <c r="AX39" s="116">
        <v>207437</v>
      </c>
      <c r="AY39" s="116">
        <v>356158</v>
      </c>
      <c r="AZ39" s="116">
        <v>233788</v>
      </c>
      <c r="BA39" s="116">
        <v>0</v>
      </c>
      <c r="BB39" s="116">
        <v>142101</v>
      </c>
      <c r="BC39" s="115">
        <v>939484</v>
      </c>
      <c r="BD39" s="118">
        <v>1020236</v>
      </c>
      <c r="BE39" s="112">
        <v>0</v>
      </c>
      <c r="BF39" s="116">
        <v>22320</v>
      </c>
      <c r="BG39" s="114">
        <v>22320</v>
      </c>
      <c r="BH39" s="113">
        <v>0</v>
      </c>
      <c r="BI39" s="116">
        <v>137376</v>
      </c>
      <c r="BJ39" s="116">
        <v>108559</v>
      </c>
      <c r="BK39" s="116">
        <v>22536</v>
      </c>
      <c r="BL39" s="116">
        <v>33480</v>
      </c>
      <c r="BM39" s="116">
        <v>45530</v>
      </c>
      <c r="BN39" s="115">
        <v>347481</v>
      </c>
      <c r="BO39" s="118">
        <v>369801</v>
      </c>
      <c r="BP39" s="112">
        <v>44676</v>
      </c>
      <c r="BQ39" s="116">
        <v>38210</v>
      </c>
      <c r="BR39" s="115">
        <v>82886</v>
      </c>
      <c r="BS39" s="112">
        <v>0</v>
      </c>
      <c r="BT39" s="116">
        <v>282905</v>
      </c>
      <c r="BU39" s="116">
        <v>260110</v>
      </c>
      <c r="BV39" s="116">
        <v>263546</v>
      </c>
      <c r="BW39" s="116">
        <v>203016</v>
      </c>
      <c r="BX39" s="116">
        <v>222790</v>
      </c>
      <c r="BY39" s="115">
        <v>1232367</v>
      </c>
      <c r="BZ39" s="118">
        <v>1315253</v>
      </c>
      <c r="CA39" s="112">
        <v>48977</v>
      </c>
      <c r="CB39" s="116">
        <v>374562</v>
      </c>
      <c r="CC39" s="115">
        <v>423539</v>
      </c>
      <c r="CD39" s="112">
        <v>0</v>
      </c>
      <c r="CE39" s="443">
        <v>2581723</v>
      </c>
      <c r="CF39" s="443">
        <v>2044076</v>
      </c>
      <c r="CG39" s="443">
        <v>1564834</v>
      </c>
      <c r="CH39" s="116">
        <v>1305763</v>
      </c>
      <c r="CI39" s="116">
        <v>80838</v>
      </c>
      <c r="CJ39" s="451">
        <v>7577234</v>
      </c>
      <c r="CK39" s="452">
        <v>8000773</v>
      </c>
      <c r="CL39" s="112">
        <v>0</v>
      </c>
      <c r="CM39" s="116">
        <v>0</v>
      </c>
      <c r="CN39" s="115">
        <v>0</v>
      </c>
      <c r="CO39" s="113">
        <v>0</v>
      </c>
      <c r="CP39" s="116">
        <v>2149788</v>
      </c>
      <c r="CQ39" s="116">
        <v>1904711</v>
      </c>
      <c r="CR39" s="116">
        <v>1398033</v>
      </c>
      <c r="CS39" s="116">
        <v>1110301</v>
      </c>
      <c r="CT39" s="116">
        <v>80838</v>
      </c>
      <c r="CU39" s="115">
        <v>6643671</v>
      </c>
      <c r="CV39" s="118">
        <v>6643671</v>
      </c>
      <c r="CW39" s="112">
        <v>48977</v>
      </c>
      <c r="CX39" s="116">
        <v>374562</v>
      </c>
      <c r="CY39" s="115">
        <v>423539</v>
      </c>
      <c r="CZ39" s="112">
        <v>0</v>
      </c>
      <c r="DA39" s="116">
        <v>431935</v>
      </c>
      <c r="DB39" s="116">
        <v>139365</v>
      </c>
      <c r="DC39" s="116">
        <v>166801</v>
      </c>
      <c r="DD39" s="116">
        <v>195462</v>
      </c>
      <c r="DE39" s="116">
        <v>0</v>
      </c>
      <c r="DF39" s="115">
        <v>933563</v>
      </c>
      <c r="DG39" s="118">
        <v>1357102</v>
      </c>
      <c r="DH39" s="112">
        <v>0</v>
      </c>
      <c r="DI39" s="116">
        <v>0</v>
      </c>
      <c r="DJ39" s="114">
        <v>0</v>
      </c>
      <c r="DK39" s="113">
        <v>0</v>
      </c>
      <c r="DL39" s="116">
        <v>107739</v>
      </c>
      <c r="DM39" s="116">
        <v>0</v>
      </c>
      <c r="DN39" s="116">
        <v>65646</v>
      </c>
      <c r="DO39" s="116">
        <v>488217</v>
      </c>
      <c r="DP39" s="116">
        <v>0</v>
      </c>
      <c r="DQ39" s="115">
        <v>661602</v>
      </c>
      <c r="DR39" s="118">
        <v>661602</v>
      </c>
      <c r="DS39" s="112">
        <v>0</v>
      </c>
      <c r="DT39" s="116">
        <v>0</v>
      </c>
      <c r="DU39" s="115">
        <v>0</v>
      </c>
      <c r="DV39" s="112">
        <v>0</v>
      </c>
      <c r="DW39" s="116">
        <v>107739</v>
      </c>
      <c r="DX39" s="116">
        <v>0</v>
      </c>
      <c r="DY39" s="116">
        <v>65646</v>
      </c>
      <c r="DZ39" s="116">
        <v>365169</v>
      </c>
      <c r="EA39" s="116">
        <v>0</v>
      </c>
      <c r="EB39" s="115">
        <v>538554</v>
      </c>
      <c r="EC39" s="118">
        <v>538554</v>
      </c>
      <c r="ED39" s="112">
        <v>0</v>
      </c>
      <c r="EE39" s="114">
        <v>0</v>
      </c>
      <c r="EF39" s="115">
        <v>0</v>
      </c>
      <c r="EG39" s="112">
        <v>0</v>
      </c>
      <c r="EH39" s="116">
        <v>0</v>
      </c>
      <c r="EI39" s="116">
        <v>0</v>
      </c>
      <c r="EJ39" s="116">
        <v>0</v>
      </c>
      <c r="EK39" s="116">
        <v>123048</v>
      </c>
      <c r="EL39" s="116">
        <v>0</v>
      </c>
      <c r="EM39" s="114">
        <v>123048</v>
      </c>
      <c r="EN39" s="118">
        <v>123048</v>
      </c>
      <c r="EO39" s="112">
        <v>0</v>
      </c>
      <c r="EP39" s="116">
        <v>0</v>
      </c>
      <c r="EQ39" s="114">
        <v>0</v>
      </c>
      <c r="ER39" s="113">
        <v>0</v>
      </c>
      <c r="ES39" s="116">
        <v>0</v>
      </c>
      <c r="ET39" s="116">
        <v>0</v>
      </c>
      <c r="EU39" s="116">
        <v>0</v>
      </c>
      <c r="EV39" s="116">
        <v>0</v>
      </c>
      <c r="EW39" s="116">
        <v>0</v>
      </c>
      <c r="EX39" s="115">
        <v>0</v>
      </c>
      <c r="EY39" s="118">
        <v>0</v>
      </c>
      <c r="EZ39" s="112">
        <v>0</v>
      </c>
      <c r="FA39" s="116">
        <v>0</v>
      </c>
      <c r="FB39" s="114">
        <v>0</v>
      </c>
      <c r="FC39" s="390"/>
      <c r="FD39" s="116">
        <v>0</v>
      </c>
      <c r="FE39" s="116">
        <v>0</v>
      </c>
      <c r="FF39" s="116">
        <v>0</v>
      </c>
      <c r="FG39" s="116">
        <v>0</v>
      </c>
      <c r="FH39" s="116">
        <v>0</v>
      </c>
      <c r="FI39" s="115">
        <v>0</v>
      </c>
      <c r="FJ39" s="118">
        <v>0</v>
      </c>
      <c r="FK39" s="112">
        <v>71910</v>
      </c>
      <c r="FL39" s="116">
        <v>119230</v>
      </c>
      <c r="FM39" s="115">
        <v>191140</v>
      </c>
      <c r="FN39" s="112">
        <v>0</v>
      </c>
      <c r="FO39" s="116">
        <v>795431</v>
      </c>
      <c r="FP39" s="116">
        <v>638020</v>
      </c>
      <c r="FQ39" s="116">
        <v>447799</v>
      </c>
      <c r="FR39" s="116">
        <v>550778</v>
      </c>
      <c r="FS39" s="116">
        <v>225547</v>
      </c>
      <c r="FT39" s="115">
        <v>2657575</v>
      </c>
      <c r="FU39" s="118">
        <v>2848715</v>
      </c>
      <c r="FV39" s="117">
        <v>71910</v>
      </c>
      <c r="FW39" s="116">
        <v>119230</v>
      </c>
      <c r="FX39" s="114">
        <v>191140</v>
      </c>
      <c r="FY39" s="113">
        <v>0</v>
      </c>
      <c r="FZ39" s="116">
        <v>440120</v>
      </c>
      <c r="GA39" s="116">
        <v>531190</v>
      </c>
      <c r="GB39" s="116">
        <v>447799</v>
      </c>
      <c r="GC39" s="116">
        <v>413278</v>
      </c>
      <c r="GD39" s="116">
        <v>225547</v>
      </c>
      <c r="GE39" s="115">
        <v>2057934</v>
      </c>
      <c r="GF39" s="354">
        <v>2249074</v>
      </c>
      <c r="GG39" s="117">
        <v>0</v>
      </c>
      <c r="GH39" s="116">
        <v>0</v>
      </c>
      <c r="GI39" s="114">
        <v>0</v>
      </c>
      <c r="GJ39" s="113">
        <v>0</v>
      </c>
      <c r="GK39" s="116">
        <v>10692</v>
      </c>
      <c r="GL39" s="116">
        <v>0</v>
      </c>
      <c r="GM39" s="116">
        <v>0</v>
      </c>
      <c r="GN39" s="116">
        <v>0</v>
      </c>
      <c r="GO39" s="116">
        <v>0</v>
      </c>
      <c r="GP39" s="115">
        <v>10692</v>
      </c>
      <c r="GQ39" s="118">
        <v>10692</v>
      </c>
      <c r="GR39" s="112">
        <v>0</v>
      </c>
      <c r="GS39" s="116">
        <v>0</v>
      </c>
      <c r="GT39" s="115">
        <v>0</v>
      </c>
      <c r="GU39" s="112">
        <v>0</v>
      </c>
      <c r="GV39" s="116">
        <v>344619</v>
      </c>
      <c r="GW39" s="116">
        <v>106830</v>
      </c>
      <c r="GX39" s="116">
        <v>0</v>
      </c>
      <c r="GY39" s="116">
        <v>137500</v>
      </c>
      <c r="GZ39" s="116">
        <v>0</v>
      </c>
      <c r="HA39" s="114">
        <v>588949</v>
      </c>
      <c r="HB39" s="118">
        <v>588949</v>
      </c>
      <c r="HC39" s="112">
        <v>236187</v>
      </c>
      <c r="HD39" s="116">
        <v>106677</v>
      </c>
      <c r="HE39" s="114">
        <v>342864</v>
      </c>
      <c r="HF39" s="113">
        <v>0</v>
      </c>
      <c r="HG39" s="116">
        <v>1251799</v>
      </c>
      <c r="HH39" s="116">
        <v>1128615</v>
      </c>
      <c r="HI39" s="116">
        <v>812123</v>
      </c>
      <c r="HJ39" s="116">
        <v>930965</v>
      </c>
      <c r="HK39" s="116">
        <v>502409</v>
      </c>
      <c r="HL39" s="115">
        <v>4625911</v>
      </c>
      <c r="HM39" s="111">
        <v>4968775</v>
      </c>
      <c r="HN39" s="117">
        <v>64320</v>
      </c>
      <c r="HO39" s="116">
        <v>122640</v>
      </c>
      <c r="HP39" s="115">
        <v>186960</v>
      </c>
      <c r="HQ39" s="112">
        <v>0</v>
      </c>
      <c r="HR39" s="116">
        <v>1074366</v>
      </c>
      <c r="HS39" s="116">
        <v>693011</v>
      </c>
      <c r="HT39" s="116">
        <v>520474</v>
      </c>
      <c r="HU39" s="116">
        <v>313314</v>
      </c>
      <c r="HV39" s="116">
        <v>141667</v>
      </c>
      <c r="HW39" s="114">
        <v>2742832</v>
      </c>
      <c r="HX39" s="118">
        <v>2929792</v>
      </c>
      <c r="HY39" s="148">
        <v>124848</v>
      </c>
      <c r="HZ39" s="149">
        <v>240741</v>
      </c>
      <c r="IA39" s="150">
        <v>365589</v>
      </c>
      <c r="IB39" s="163">
        <v>0</v>
      </c>
      <c r="IC39" s="149">
        <v>3286064</v>
      </c>
      <c r="ID39" s="164">
        <v>4165515</v>
      </c>
      <c r="IE39" s="150">
        <v>2317198</v>
      </c>
      <c r="IF39" s="149">
        <v>2469829</v>
      </c>
      <c r="IG39" s="150">
        <v>1601865</v>
      </c>
      <c r="IH39" s="165">
        <v>13840471</v>
      </c>
      <c r="II39" s="156">
        <v>14206060</v>
      </c>
      <c r="IJ39" s="261">
        <v>0</v>
      </c>
      <c r="IK39" s="268">
        <v>0</v>
      </c>
      <c r="IL39" s="269">
        <v>0</v>
      </c>
      <c r="IM39" s="157"/>
      <c r="IN39" s="122">
        <v>0</v>
      </c>
      <c r="IO39" s="122">
        <v>0</v>
      </c>
      <c r="IP39" s="122">
        <v>0</v>
      </c>
      <c r="IQ39" s="122">
        <v>0</v>
      </c>
      <c r="IR39" s="122">
        <v>0</v>
      </c>
      <c r="IS39" s="158">
        <v>0</v>
      </c>
      <c r="IT39" s="357">
        <v>0</v>
      </c>
      <c r="IU39" s="159">
        <v>0</v>
      </c>
      <c r="IV39" s="122">
        <v>0</v>
      </c>
      <c r="IW39" s="123">
        <v>0</v>
      </c>
      <c r="IX39" s="161"/>
      <c r="IY39" s="122">
        <v>0</v>
      </c>
      <c r="IZ39" s="122">
        <v>0</v>
      </c>
      <c r="JA39" s="122">
        <v>0</v>
      </c>
      <c r="JB39" s="122">
        <v>0</v>
      </c>
      <c r="JC39" s="122">
        <v>0</v>
      </c>
      <c r="JD39" s="123">
        <v>0</v>
      </c>
      <c r="JE39" s="124">
        <v>0</v>
      </c>
      <c r="JF39" s="159">
        <v>0</v>
      </c>
      <c r="JG39" s="122">
        <v>0</v>
      </c>
      <c r="JH39" s="158">
        <v>0</v>
      </c>
      <c r="JI39" s="121">
        <v>0</v>
      </c>
      <c r="JJ39" s="122">
        <v>1118045</v>
      </c>
      <c r="JK39" s="122">
        <v>248616</v>
      </c>
      <c r="JL39" s="122">
        <v>0</v>
      </c>
      <c r="JM39" s="122">
        <v>65997</v>
      </c>
      <c r="JN39" s="122">
        <v>320148</v>
      </c>
      <c r="JO39" s="123">
        <v>1752806</v>
      </c>
      <c r="JP39" s="357">
        <v>1752806</v>
      </c>
      <c r="JQ39" s="159">
        <v>0</v>
      </c>
      <c r="JR39" s="122">
        <v>0</v>
      </c>
      <c r="JS39" s="158">
        <v>0</v>
      </c>
      <c r="JT39" s="121">
        <v>0</v>
      </c>
      <c r="JU39" s="122">
        <v>0</v>
      </c>
      <c r="JV39" s="122">
        <v>0</v>
      </c>
      <c r="JW39" s="122">
        <v>0</v>
      </c>
      <c r="JX39" s="122">
        <v>79852</v>
      </c>
      <c r="JY39" s="122">
        <v>0</v>
      </c>
      <c r="JZ39" s="123">
        <v>79852</v>
      </c>
      <c r="KA39" s="357">
        <v>79852</v>
      </c>
      <c r="KB39" s="264">
        <v>124848</v>
      </c>
      <c r="KC39" s="258">
        <v>240741</v>
      </c>
      <c r="KD39" s="123">
        <v>365589</v>
      </c>
      <c r="KE39" s="121">
        <v>0</v>
      </c>
      <c r="KF39" s="122">
        <v>830340</v>
      </c>
      <c r="KG39" s="122">
        <v>1251486</v>
      </c>
      <c r="KH39" s="122">
        <v>494937</v>
      </c>
      <c r="KI39" s="122">
        <v>513792</v>
      </c>
      <c r="KJ39" s="122">
        <v>299952</v>
      </c>
      <c r="KK39" s="123">
        <v>3390507</v>
      </c>
      <c r="KL39" s="160">
        <v>3756096</v>
      </c>
      <c r="KM39" s="261">
        <v>0</v>
      </c>
      <c r="KN39" s="268">
        <v>0</v>
      </c>
      <c r="KO39" s="269">
        <v>0</v>
      </c>
      <c r="KP39" s="157"/>
      <c r="KQ39" s="122">
        <v>756459</v>
      </c>
      <c r="KR39" s="122">
        <v>526464</v>
      </c>
      <c r="KS39" s="122">
        <v>541638</v>
      </c>
      <c r="KT39" s="122">
        <v>1103580</v>
      </c>
      <c r="KU39" s="122">
        <v>843804</v>
      </c>
      <c r="KV39" s="123">
        <v>3771945</v>
      </c>
      <c r="KW39" s="357">
        <v>3771945</v>
      </c>
      <c r="KX39" s="159">
        <v>0</v>
      </c>
      <c r="KY39" s="122">
        <v>0</v>
      </c>
      <c r="KZ39" s="123">
        <v>0</v>
      </c>
      <c r="LA39" s="162"/>
      <c r="LB39" s="122">
        <v>0</v>
      </c>
      <c r="LC39" s="122">
        <v>0</v>
      </c>
      <c r="LD39" s="122">
        <v>0</v>
      </c>
      <c r="LE39" s="122">
        <v>0</v>
      </c>
      <c r="LF39" s="122">
        <v>0</v>
      </c>
      <c r="LG39" s="123">
        <v>0</v>
      </c>
      <c r="LH39" s="124">
        <v>0</v>
      </c>
      <c r="LI39" s="159">
        <v>0</v>
      </c>
      <c r="LJ39" s="122">
        <v>0</v>
      </c>
      <c r="LK39" s="123">
        <v>0</v>
      </c>
      <c r="LL39" s="162"/>
      <c r="LM39" s="122">
        <v>0</v>
      </c>
      <c r="LN39" s="122">
        <v>0</v>
      </c>
      <c r="LO39" s="122">
        <v>0</v>
      </c>
      <c r="LP39" s="122">
        <v>0</v>
      </c>
      <c r="LQ39" s="122">
        <v>0</v>
      </c>
      <c r="LR39" s="123">
        <v>0</v>
      </c>
      <c r="LS39" s="357">
        <v>0</v>
      </c>
      <c r="LT39" s="159">
        <v>0</v>
      </c>
      <c r="LU39" s="122">
        <v>0</v>
      </c>
      <c r="LV39" s="123">
        <v>0</v>
      </c>
      <c r="LW39" s="162"/>
      <c r="LX39" s="122">
        <v>581220</v>
      </c>
      <c r="LY39" s="122">
        <v>2138949</v>
      </c>
      <c r="LZ39" s="122">
        <v>1280623</v>
      </c>
      <c r="MA39" s="122">
        <v>706608</v>
      </c>
      <c r="MB39" s="122">
        <v>137961</v>
      </c>
      <c r="MC39" s="123">
        <v>4845361</v>
      </c>
      <c r="MD39" s="124">
        <v>4845361</v>
      </c>
      <c r="ME39" s="159">
        <v>0</v>
      </c>
      <c r="MF39" s="122">
        <v>0</v>
      </c>
      <c r="MG39" s="123">
        <v>0</v>
      </c>
      <c r="MH39" s="162"/>
      <c r="MI39" s="122">
        <v>1302631</v>
      </c>
      <c r="MJ39" s="122">
        <v>3029544</v>
      </c>
      <c r="MK39" s="122">
        <v>4543673</v>
      </c>
      <c r="ML39" s="122">
        <v>9060184</v>
      </c>
      <c r="MM39" s="122">
        <v>6370667</v>
      </c>
      <c r="MN39" s="123">
        <v>24306699</v>
      </c>
      <c r="MO39" s="160">
        <v>24306699</v>
      </c>
      <c r="MP39" s="159">
        <v>0</v>
      </c>
      <c r="MQ39" s="122">
        <v>0</v>
      </c>
      <c r="MR39" s="123">
        <v>0</v>
      </c>
      <c r="MS39" s="162"/>
      <c r="MT39" s="122">
        <v>0</v>
      </c>
      <c r="MU39" s="122">
        <v>0</v>
      </c>
      <c r="MV39" s="122">
        <v>1284319</v>
      </c>
      <c r="MW39" s="122">
        <v>5537584</v>
      </c>
      <c r="MX39" s="122">
        <v>4578524</v>
      </c>
      <c r="MY39" s="123">
        <v>11400427</v>
      </c>
      <c r="MZ39" s="160">
        <v>11400427</v>
      </c>
      <c r="NA39" s="159">
        <v>0</v>
      </c>
      <c r="NB39" s="122">
        <v>0</v>
      </c>
      <c r="NC39" s="123">
        <v>0</v>
      </c>
      <c r="ND39" s="162"/>
      <c r="NE39" s="122">
        <v>1302631</v>
      </c>
      <c r="NF39" s="122">
        <v>2778156</v>
      </c>
      <c r="NG39" s="122">
        <v>3259354</v>
      </c>
      <c r="NH39" s="122">
        <v>2853513</v>
      </c>
      <c r="NI39" s="122">
        <v>1792143</v>
      </c>
      <c r="NJ39" s="123">
        <v>11985797</v>
      </c>
      <c r="NK39" s="357">
        <v>11985797</v>
      </c>
      <c r="NL39" s="159">
        <v>0</v>
      </c>
      <c r="NM39" s="122">
        <v>0</v>
      </c>
      <c r="NN39" s="123">
        <v>0</v>
      </c>
      <c r="NO39" s="162"/>
      <c r="NP39" s="122">
        <v>0</v>
      </c>
      <c r="NQ39" s="122">
        <v>0</v>
      </c>
      <c r="NR39" s="122">
        <v>0</v>
      </c>
      <c r="NS39" s="122">
        <v>0</v>
      </c>
      <c r="NT39" s="122">
        <v>0</v>
      </c>
      <c r="NU39" s="123">
        <v>0</v>
      </c>
      <c r="NV39" s="124">
        <v>0</v>
      </c>
      <c r="NW39" s="159">
        <v>0</v>
      </c>
      <c r="NX39" s="122">
        <v>0</v>
      </c>
      <c r="NY39" s="123">
        <v>0</v>
      </c>
      <c r="NZ39" s="162"/>
      <c r="OA39" s="122">
        <v>0</v>
      </c>
      <c r="OB39" s="122">
        <v>251388</v>
      </c>
      <c r="OC39" s="122">
        <v>0</v>
      </c>
      <c r="OD39" s="122">
        <v>669087</v>
      </c>
      <c r="OE39" s="122">
        <v>0</v>
      </c>
      <c r="OF39" s="123">
        <v>920475</v>
      </c>
      <c r="OG39" s="124">
        <v>920475</v>
      </c>
      <c r="OH39" s="159">
        <v>615344</v>
      </c>
      <c r="OI39" s="122">
        <v>1080706</v>
      </c>
      <c r="OJ39" s="158">
        <v>1696050</v>
      </c>
      <c r="OK39" s="121">
        <v>0</v>
      </c>
      <c r="OL39" s="122">
        <v>11560889</v>
      </c>
      <c r="OM39" s="122">
        <v>12969379</v>
      </c>
      <c r="ON39" s="122">
        <v>12302811</v>
      </c>
      <c r="OO39" s="122">
        <v>15804362</v>
      </c>
      <c r="OP39" s="122">
        <v>10170303</v>
      </c>
      <c r="OQ39" s="123">
        <v>62807744</v>
      </c>
      <c r="OR39" s="160">
        <v>64503794</v>
      </c>
    </row>
    <row r="40" spans="1:408" ht="18.75" customHeight="1" x14ac:dyDescent="0.2">
      <c r="A40" s="62" t="s">
        <v>35</v>
      </c>
      <c r="B40" s="112">
        <v>2353034</v>
      </c>
      <c r="C40" s="116">
        <v>4472097</v>
      </c>
      <c r="D40" s="115">
        <v>6825131</v>
      </c>
      <c r="E40" s="111">
        <v>0</v>
      </c>
      <c r="F40" s="116">
        <v>27382036</v>
      </c>
      <c r="G40" s="116">
        <v>25313073</v>
      </c>
      <c r="H40" s="116">
        <v>20205853</v>
      </c>
      <c r="I40" s="116">
        <v>18434364</v>
      </c>
      <c r="J40" s="116">
        <v>10240118</v>
      </c>
      <c r="K40" s="200">
        <v>101575444</v>
      </c>
      <c r="L40" s="118">
        <v>108400575</v>
      </c>
      <c r="M40" s="112">
        <v>434198</v>
      </c>
      <c r="N40" s="116">
        <v>647064</v>
      </c>
      <c r="O40" s="115">
        <v>1081262</v>
      </c>
      <c r="P40" s="112">
        <v>0</v>
      </c>
      <c r="Q40" s="116">
        <v>6371405</v>
      </c>
      <c r="R40" s="116">
        <v>6161084</v>
      </c>
      <c r="S40" s="116">
        <v>5286859</v>
      </c>
      <c r="T40" s="116">
        <v>6263231</v>
      </c>
      <c r="U40" s="116">
        <v>4970435</v>
      </c>
      <c r="V40" s="115">
        <v>29053014</v>
      </c>
      <c r="W40" s="118">
        <v>30134276</v>
      </c>
      <c r="X40" s="112">
        <v>0</v>
      </c>
      <c r="Y40" s="116">
        <v>0</v>
      </c>
      <c r="Z40" s="115">
        <v>0</v>
      </c>
      <c r="AA40" s="112">
        <v>0</v>
      </c>
      <c r="AB40" s="116">
        <v>3400243</v>
      </c>
      <c r="AC40" s="116">
        <v>3051559</v>
      </c>
      <c r="AD40" s="116">
        <v>3380058</v>
      </c>
      <c r="AE40" s="443">
        <v>3733802</v>
      </c>
      <c r="AF40" s="443">
        <v>3107967</v>
      </c>
      <c r="AG40" s="115">
        <v>16673629</v>
      </c>
      <c r="AH40" s="118">
        <v>16673629</v>
      </c>
      <c r="AI40" s="112">
        <v>0</v>
      </c>
      <c r="AJ40" s="116">
        <v>0</v>
      </c>
      <c r="AK40" s="115">
        <v>0</v>
      </c>
      <c r="AL40" s="112">
        <v>0</v>
      </c>
      <c r="AM40" s="116">
        <v>0</v>
      </c>
      <c r="AN40" s="116">
        <v>364761</v>
      </c>
      <c r="AO40" s="116">
        <v>247968</v>
      </c>
      <c r="AP40" s="116">
        <v>596619</v>
      </c>
      <c r="AQ40" s="116">
        <v>902746</v>
      </c>
      <c r="AR40" s="115">
        <v>2112094</v>
      </c>
      <c r="AS40" s="118">
        <v>2112094</v>
      </c>
      <c r="AT40" s="112">
        <v>49194</v>
      </c>
      <c r="AU40" s="116">
        <v>196839</v>
      </c>
      <c r="AV40" s="115">
        <v>246033</v>
      </c>
      <c r="AW40" s="112">
        <v>0</v>
      </c>
      <c r="AX40" s="116">
        <v>1372700</v>
      </c>
      <c r="AY40" s="116">
        <v>1210698</v>
      </c>
      <c r="AZ40" s="116">
        <v>502531</v>
      </c>
      <c r="BA40" s="116">
        <v>760732</v>
      </c>
      <c r="BB40" s="116">
        <v>461961</v>
      </c>
      <c r="BC40" s="115">
        <v>4308622</v>
      </c>
      <c r="BD40" s="118">
        <v>4554655</v>
      </c>
      <c r="BE40" s="112">
        <v>33156</v>
      </c>
      <c r="BF40" s="116">
        <v>106560</v>
      </c>
      <c r="BG40" s="114">
        <v>139716</v>
      </c>
      <c r="BH40" s="113">
        <v>0</v>
      </c>
      <c r="BI40" s="116">
        <v>446431</v>
      </c>
      <c r="BJ40" s="116">
        <v>371760</v>
      </c>
      <c r="BK40" s="116">
        <v>131730</v>
      </c>
      <c r="BL40" s="116">
        <v>157752</v>
      </c>
      <c r="BM40" s="116">
        <v>90918</v>
      </c>
      <c r="BN40" s="115">
        <v>1198591</v>
      </c>
      <c r="BO40" s="118">
        <v>1338307</v>
      </c>
      <c r="BP40" s="112">
        <v>351848</v>
      </c>
      <c r="BQ40" s="116">
        <v>343665</v>
      </c>
      <c r="BR40" s="115">
        <v>695513</v>
      </c>
      <c r="BS40" s="112">
        <v>0</v>
      </c>
      <c r="BT40" s="116">
        <v>1152031</v>
      </c>
      <c r="BU40" s="116">
        <v>1162306</v>
      </c>
      <c r="BV40" s="116">
        <v>1024572</v>
      </c>
      <c r="BW40" s="116">
        <v>1014326</v>
      </c>
      <c r="BX40" s="116">
        <v>406843</v>
      </c>
      <c r="BY40" s="115">
        <v>4760078</v>
      </c>
      <c r="BZ40" s="118">
        <v>5455591</v>
      </c>
      <c r="CA40" s="112">
        <v>284979</v>
      </c>
      <c r="CB40" s="116">
        <v>1078666</v>
      </c>
      <c r="CC40" s="115">
        <v>1363645</v>
      </c>
      <c r="CD40" s="112">
        <v>0</v>
      </c>
      <c r="CE40" s="443">
        <v>9230161</v>
      </c>
      <c r="CF40" s="443">
        <v>8603672</v>
      </c>
      <c r="CG40" s="443">
        <v>5910315</v>
      </c>
      <c r="CH40" s="116">
        <v>3467678</v>
      </c>
      <c r="CI40" s="116">
        <v>1280068</v>
      </c>
      <c r="CJ40" s="451">
        <v>28491894</v>
      </c>
      <c r="CK40" s="452">
        <v>29855539</v>
      </c>
      <c r="CL40" s="112">
        <v>0</v>
      </c>
      <c r="CM40" s="116">
        <v>0</v>
      </c>
      <c r="CN40" s="115">
        <v>0</v>
      </c>
      <c r="CO40" s="113">
        <v>0</v>
      </c>
      <c r="CP40" s="116">
        <v>6854802</v>
      </c>
      <c r="CQ40" s="116">
        <v>7303892</v>
      </c>
      <c r="CR40" s="116">
        <v>5259440</v>
      </c>
      <c r="CS40" s="116">
        <v>2635645</v>
      </c>
      <c r="CT40" s="116">
        <v>1265711</v>
      </c>
      <c r="CU40" s="115">
        <v>23319490</v>
      </c>
      <c r="CV40" s="118">
        <v>23319490</v>
      </c>
      <c r="CW40" s="112">
        <v>284979</v>
      </c>
      <c r="CX40" s="116">
        <v>1078666</v>
      </c>
      <c r="CY40" s="115">
        <v>1363645</v>
      </c>
      <c r="CZ40" s="112">
        <v>0</v>
      </c>
      <c r="DA40" s="116">
        <v>2375359</v>
      </c>
      <c r="DB40" s="116">
        <v>1299780</v>
      </c>
      <c r="DC40" s="116">
        <v>650875</v>
      </c>
      <c r="DD40" s="116">
        <v>832033</v>
      </c>
      <c r="DE40" s="116">
        <v>14357</v>
      </c>
      <c r="DF40" s="115">
        <v>5172404</v>
      </c>
      <c r="DG40" s="118">
        <v>6536049</v>
      </c>
      <c r="DH40" s="112">
        <v>0</v>
      </c>
      <c r="DI40" s="116">
        <v>0</v>
      </c>
      <c r="DJ40" s="114">
        <v>0</v>
      </c>
      <c r="DK40" s="113">
        <v>0</v>
      </c>
      <c r="DL40" s="116">
        <v>348624</v>
      </c>
      <c r="DM40" s="116">
        <v>1198053</v>
      </c>
      <c r="DN40" s="116">
        <v>1245078</v>
      </c>
      <c r="DO40" s="116">
        <v>939450</v>
      </c>
      <c r="DP40" s="116">
        <v>578507</v>
      </c>
      <c r="DQ40" s="115">
        <v>4309712</v>
      </c>
      <c r="DR40" s="118">
        <v>4309712</v>
      </c>
      <c r="DS40" s="112">
        <v>0</v>
      </c>
      <c r="DT40" s="116">
        <v>0</v>
      </c>
      <c r="DU40" s="115">
        <v>0</v>
      </c>
      <c r="DV40" s="112">
        <v>0</v>
      </c>
      <c r="DW40" s="116">
        <v>110700</v>
      </c>
      <c r="DX40" s="116">
        <v>1159137</v>
      </c>
      <c r="DY40" s="116">
        <v>1245078</v>
      </c>
      <c r="DZ40" s="116">
        <v>831834</v>
      </c>
      <c r="EA40" s="116">
        <v>257346</v>
      </c>
      <c r="EB40" s="115">
        <v>3604095</v>
      </c>
      <c r="EC40" s="118">
        <v>3604095</v>
      </c>
      <c r="ED40" s="112">
        <v>0</v>
      </c>
      <c r="EE40" s="114">
        <v>0</v>
      </c>
      <c r="EF40" s="115">
        <v>0</v>
      </c>
      <c r="EG40" s="112">
        <v>0</v>
      </c>
      <c r="EH40" s="116">
        <v>237924</v>
      </c>
      <c r="EI40" s="116">
        <v>38916</v>
      </c>
      <c r="EJ40" s="116">
        <v>0</v>
      </c>
      <c r="EK40" s="116">
        <v>107616</v>
      </c>
      <c r="EL40" s="116">
        <v>321161</v>
      </c>
      <c r="EM40" s="114">
        <v>705617</v>
      </c>
      <c r="EN40" s="118">
        <v>705617</v>
      </c>
      <c r="EO40" s="112">
        <v>0</v>
      </c>
      <c r="EP40" s="116">
        <v>0</v>
      </c>
      <c r="EQ40" s="114">
        <v>0</v>
      </c>
      <c r="ER40" s="113">
        <v>0</v>
      </c>
      <c r="ES40" s="116">
        <v>0</v>
      </c>
      <c r="ET40" s="116">
        <v>0</v>
      </c>
      <c r="EU40" s="116">
        <v>0</v>
      </c>
      <c r="EV40" s="116">
        <v>0</v>
      </c>
      <c r="EW40" s="116">
        <v>0</v>
      </c>
      <c r="EX40" s="115">
        <v>0</v>
      </c>
      <c r="EY40" s="118">
        <v>0</v>
      </c>
      <c r="EZ40" s="112">
        <v>0</v>
      </c>
      <c r="FA40" s="116">
        <v>0</v>
      </c>
      <c r="FB40" s="114">
        <v>0</v>
      </c>
      <c r="FC40" s="390"/>
      <c r="FD40" s="116">
        <v>0</v>
      </c>
      <c r="FE40" s="116">
        <v>0</v>
      </c>
      <c r="FF40" s="116">
        <v>0</v>
      </c>
      <c r="FG40" s="116">
        <v>0</v>
      </c>
      <c r="FH40" s="116">
        <v>0</v>
      </c>
      <c r="FI40" s="115">
        <v>0</v>
      </c>
      <c r="FJ40" s="118">
        <v>0</v>
      </c>
      <c r="FK40" s="112">
        <v>199369</v>
      </c>
      <c r="FL40" s="116">
        <v>570441</v>
      </c>
      <c r="FM40" s="115">
        <v>769810</v>
      </c>
      <c r="FN40" s="112">
        <v>0</v>
      </c>
      <c r="FO40" s="116">
        <v>1118340</v>
      </c>
      <c r="FP40" s="116">
        <v>1997112</v>
      </c>
      <c r="FQ40" s="116">
        <v>1180809</v>
      </c>
      <c r="FR40" s="116">
        <v>1116806</v>
      </c>
      <c r="FS40" s="116">
        <v>536927</v>
      </c>
      <c r="FT40" s="115">
        <v>5949994</v>
      </c>
      <c r="FU40" s="118">
        <v>6719804</v>
      </c>
      <c r="FV40" s="117">
        <v>138484</v>
      </c>
      <c r="FW40" s="116">
        <v>476391</v>
      </c>
      <c r="FX40" s="114">
        <v>614875</v>
      </c>
      <c r="FY40" s="113">
        <v>0</v>
      </c>
      <c r="FZ40" s="116">
        <v>904638</v>
      </c>
      <c r="GA40" s="116">
        <v>1978104</v>
      </c>
      <c r="GB40" s="116">
        <v>1162197</v>
      </c>
      <c r="GC40" s="116">
        <v>1116806</v>
      </c>
      <c r="GD40" s="116">
        <v>536927</v>
      </c>
      <c r="GE40" s="115">
        <v>5698672</v>
      </c>
      <c r="GF40" s="354">
        <v>6313547</v>
      </c>
      <c r="GG40" s="117">
        <v>0</v>
      </c>
      <c r="GH40" s="116">
        <v>0</v>
      </c>
      <c r="GI40" s="114">
        <v>0</v>
      </c>
      <c r="GJ40" s="113">
        <v>0</v>
      </c>
      <c r="GK40" s="116">
        <v>50352</v>
      </c>
      <c r="GL40" s="116">
        <v>19008</v>
      </c>
      <c r="GM40" s="116">
        <v>18612</v>
      </c>
      <c r="GN40" s="116">
        <v>0</v>
      </c>
      <c r="GO40" s="116">
        <v>0</v>
      </c>
      <c r="GP40" s="115">
        <v>87972</v>
      </c>
      <c r="GQ40" s="118">
        <v>87972</v>
      </c>
      <c r="GR40" s="112">
        <v>60885</v>
      </c>
      <c r="GS40" s="116">
        <v>94050</v>
      </c>
      <c r="GT40" s="115">
        <v>154935</v>
      </c>
      <c r="GU40" s="112">
        <v>0</v>
      </c>
      <c r="GV40" s="116">
        <v>163350</v>
      </c>
      <c r="GW40" s="116">
        <v>0</v>
      </c>
      <c r="GX40" s="116">
        <v>0</v>
      </c>
      <c r="GY40" s="116">
        <v>0</v>
      </c>
      <c r="GZ40" s="116">
        <v>0</v>
      </c>
      <c r="HA40" s="114">
        <v>163350</v>
      </c>
      <c r="HB40" s="118">
        <v>318285</v>
      </c>
      <c r="HC40" s="112">
        <v>1248908</v>
      </c>
      <c r="HD40" s="116">
        <v>1724546</v>
      </c>
      <c r="HE40" s="114">
        <v>2973454</v>
      </c>
      <c r="HF40" s="113">
        <v>0</v>
      </c>
      <c r="HG40" s="116">
        <v>6420573</v>
      </c>
      <c r="HH40" s="116">
        <v>4704980</v>
      </c>
      <c r="HI40" s="116">
        <v>4973066</v>
      </c>
      <c r="HJ40" s="116">
        <v>5448539</v>
      </c>
      <c r="HK40" s="116">
        <v>2395163</v>
      </c>
      <c r="HL40" s="115">
        <v>23942321</v>
      </c>
      <c r="HM40" s="111">
        <v>26915775</v>
      </c>
      <c r="HN40" s="117">
        <v>185580</v>
      </c>
      <c r="HO40" s="116">
        <v>451380</v>
      </c>
      <c r="HP40" s="115">
        <v>636960</v>
      </c>
      <c r="HQ40" s="112">
        <v>0</v>
      </c>
      <c r="HR40" s="116">
        <v>3892933</v>
      </c>
      <c r="HS40" s="116">
        <v>2648172</v>
      </c>
      <c r="HT40" s="116">
        <v>1609726</v>
      </c>
      <c r="HU40" s="116">
        <v>1198660</v>
      </c>
      <c r="HV40" s="116">
        <v>479018</v>
      </c>
      <c r="HW40" s="114">
        <v>9828509</v>
      </c>
      <c r="HX40" s="118">
        <v>10465469</v>
      </c>
      <c r="HY40" s="167">
        <v>0</v>
      </c>
      <c r="HZ40" s="152">
        <v>240273</v>
      </c>
      <c r="IA40" s="167">
        <v>240273</v>
      </c>
      <c r="IB40" s="163">
        <v>0</v>
      </c>
      <c r="IC40" s="149">
        <v>5022399</v>
      </c>
      <c r="ID40" s="164">
        <v>7086394</v>
      </c>
      <c r="IE40" s="150">
        <v>7941621</v>
      </c>
      <c r="IF40" s="149">
        <v>6201349</v>
      </c>
      <c r="IG40" s="150">
        <v>1805310</v>
      </c>
      <c r="IH40" s="165">
        <v>28057073</v>
      </c>
      <c r="II40" s="167">
        <v>28297346</v>
      </c>
      <c r="IJ40" s="261">
        <v>0</v>
      </c>
      <c r="IK40" s="268">
        <v>0</v>
      </c>
      <c r="IL40" s="269">
        <v>0</v>
      </c>
      <c r="IM40" s="157"/>
      <c r="IN40" s="122">
        <v>0</v>
      </c>
      <c r="IO40" s="122">
        <v>63840</v>
      </c>
      <c r="IP40" s="122">
        <v>184149</v>
      </c>
      <c r="IQ40" s="122">
        <v>228231</v>
      </c>
      <c r="IR40" s="122">
        <v>0</v>
      </c>
      <c r="IS40" s="158">
        <v>476220</v>
      </c>
      <c r="IT40" s="357">
        <v>476220</v>
      </c>
      <c r="IU40" s="159">
        <v>0</v>
      </c>
      <c r="IV40" s="122">
        <v>0</v>
      </c>
      <c r="IW40" s="123">
        <v>0</v>
      </c>
      <c r="IX40" s="161"/>
      <c r="IY40" s="122">
        <v>0</v>
      </c>
      <c r="IZ40" s="122">
        <v>0</v>
      </c>
      <c r="JA40" s="122">
        <v>0</v>
      </c>
      <c r="JB40" s="122">
        <v>0</v>
      </c>
      <c r="JC40" s="122">
        <v>0</v>
      </c>
      <c r="JD40" s="123">
        <v>0</v>
      </c>
      <c r="JE40" s="124">
        <v>0</v>
      </c>
      <c r="JF40" s="159">
        <v>0</v>
      </c>
      <c r="JG40" s="122">
        <v>0</v>
      </c>
      <c r="JH40" s="158">
        <v>0</v>
      </c>
      <c r="JI40" s="121">
        <v>0</v>
      </c>
      <c r="JJ40" s="122">
        <v>1531116</v>
      </c>
      <c r="JK40" s="122">
        <v>1802396</v>
      </c>
      <c r="JL40" s="122">
        <v>1541574</v>
      </c>
      <c r="JM40" s="122">
        <v>2408623</v>
      </c>
      <c r="JN40" s="122">
        <v>254808</v>
      </c>
      <c r="JO40" s="123">
        <v>7538517</v>
      </c>
      <c r="JP40" s="357">
        <v>7538517</v>
      </c>
      <c r="JQ40" s="159">
        <v>0</v>
      </c>
      <c r="JR40" s="122">
        <v>0</v>
      </c>
      <c r="JS40" s="158">
        <v>0</v>
      </c>
      <c r="JT40" s="121">
        <v>0</v>
      </c>
      <c r="JU40" s="122">
        <v>0</v>
      </c>
      <c r="JV40" s="122">
        <v>0</v>
      </c>
      <c r="JW40" s="122">
        <v>0</v>
      </c>
      <c r="JX40" s="122">
        <v>0</v>
      </c>
      <c r="JY40" s="122">
        <v>0</v>
      </c>
      <c r="JZ40" s="123">
        <v>0</v>
      </c>
      <c r="KA40" s="357">
        <v>0</v>
      </c>
      <c r="KB40" s="264">
        <v>0</v>
      </c>
      <c r="KC40" s="258">
        <v>240273</v>
      </c>
      <c r="KD40" s="123">
        <v>240273</v>
      </c>
      <c r="KE40" s="121">
        <v>0</v>
      </c>
      <c r="KF40" s="122">
        <v>832206</v>
      </c>
      <c r="KG40" s="122">
        <v>1492299</v>
      </c>
      <c r="KH40" s="122">
        <v>1381928</v>
      </c>
      <c r="KI40" s="122">
        <v>237267</v>
      </c>
      <c r="KJ40" s="122">
        <v>371268</v>
      </c>
      <c r="KK40" s="123">
        <v>4314968</v>
      </c>
      <c r="KL40" s="160">
        <v>4555241</v>
      </c>
      <c r="KM40" s="261">
        <v>0</v>
      </c>
      <c r="KN40" s="268">
        <v>0</v>
      </c>
      <c r="KO40" s="269">
        <v>0</v>
      </c>
      <c r="KP40" s="157"/>
      <c r="KQ40" s="122">
        <v>2659077</v>
      </c>
      <c r="KR40" s="122">
        <v>3727859</v>
      </c>
      <c r="KS40" s="122">
        <v>4833970</v>
      </c>
      <c r="KT40" s="122">
        <v>3327228</v>
      </c>
      <c r="KU40" s="122">
        <v>1179234</v>
      </c>
      <c r="KV40" s="123">
        <v>15727368</v>
      </c>
      <c r="KW40" s="357">
        <v>15727368</v>
      </c>
      <c r="KX40" s="159">
        <v>0</v>
      </c>
      <c r="KY40" s="122">
        <v>0</v>
      </c>
      <c r="KZ40" s="123">
        <v>0</v>
      </c>
      <c r="LA40" s="162"/>
      <c r="LB40" s="122">
        <v>0</v>
      </c>
      <c r="LC40" s="122">
        <v>0</v>
      </c>
      <c r="LD40" s="122">
        <v>0</v>
      </c>
      <c r="LE40" s="122">
        <v>0</v>
      </c>
      <c r="LF40" s="122">
        <v>0</v>
      </c>
      <c r="LG40" s="123">
        <v>0</v>
      </c>
      <c r="LH40" s="124">
        <v>0</v>
      </c>
      <c r="LI40" s="159">
        <v>0</v>
      </c>
      <c r="LJ40" s="122">
        <v>0</v>
      </c>
      <c r="LK40" s="123">
        <v>0</v>
      </c>
      <c r="LL40" s="162"/>
      <c r="LM40" s="122">
        <v>0</v>
      </c>
      <c r="LN40" s="122">
        <v>0</v>
      </c>
      <c r="LO40" s="122">
        <v>0</v>
      </c>
      <c r="LP40" s="122">
        <v>0</v>
      </c>
      <c r="LQ40" s="122">
        <v>0</v>
      </c>
      <c r="LR40" s="123">
        <v>0</v>
      </c>
      <c r="LS40" s="357">
        <v>0</v>
      </c>
      <c r="LT40" s="159">
        <v>0</v>
      </c>
      <c r="LU40" s="122">
        <v>0</v>
      </c>
      <c r="LV40" s="123">
        <v>0</v>
      </c>
      <c r="LW40" s="162"/>
      <c r="LX40" s="122">
        <v>0</v>
      </c>
      <c r="LY40" s="122">
        <v>0</v>
      </c>
      <c r="LZ40" s="122">
        <v>0</v>
      </c>
      <c r="MA40" s="122">
        <v>0</v>
      </c>
      <c r="MB40" s="122">
        <v>0</v>
      </c>
      <c r="MC40" s="123">
        <v>0</v>
      </c>
      <c r="MD40" s="124">
        <v>0</v>
      </c>
      <c r="ME40" s="159">
        <v>0</v>
      </c>
      <c r="MF40" s="122">
        <v>0</v>
      </c>
      <c r="MG40" s="123">
        <v>0</v>
      </c>
      <c r="MH40" s="162"/>
      <c r="MI40" s="122">
        <v>7882642</v>
      </c>
      <c r="MJ40" s="122">
        <v>9091746</v>
      </c>
      <c r="MK40" s="122">
        <v>16393179</v>
      </c>
      <c r="ML40" s="122">
        <v>20796681</v>
      </c>
      <c r="MM40" s="122">
        <v>15878338</v>
      </c>
      <c r="MN40" s="123">
        <v>70042586</v>
      </c>
      <c r="MO40" s="160">
        <v>70042586</v>
      </c>
      <c r="MP40" s="159">
        <v>0</v>
      </c>
      <c r="MQ40" s="122">
        <v>0</v>
      </c>
      <c r="MR40" s="123">
        <v>0</v>
      </c>
      <c r="MS40" s="162"/>
      <c r="MT40" s="122">
        <v>199125</v>
      </c>
      <c r="MU40" s="122">
        <v>440370</v>
      </c>
      <c r="MV40" s="122">
        <v>7329150</v>
      </c>
      <c r="MW40" s="122">
        <v>13209942</v>
      </c>
      <c r="MX40" s="122">
        <v>10059802</v>
      </c>
      <c r="MY40" s="123">
        <v>31238389</v>
      </c>
      <c r="MZ40" s="160">
        <v>31238389</v>
      </c>
      <c r="NA40" s="159">
        <v>0</v>
      </c>
      <c r="NB40" s="122">
        <v>0</v>
      </c>
      <c r="NC40" s="123">
        <v>0</v>
      </c>
      <c r="ND40" s="162"/>
      <c r="NE40" s="122">
        <v>6791608</v>
      </c>
      <c r="NF40" s="122">
        <v>8146431</v>
      </c>
      <c r="NG40" s="122">
        <v>7534515</v>
      </c>
      <c r="NH40" s="122">
        <v>4587219</v>
      </c>
      <c r="NI40" s="122">
        <v>2624490</v>
      </c>
      <c r="NJ40" s="123">
        <v>29684263</v>
      </c>
      <c r="NK40" s="357">
        <v>29684263</v>
      </c>
      <c r="NL40" s="159">
        <v>0</v>
      </c>
      <c r="NM40" s="122">
        <v>0</v>
      </c>
      <c r="NN40" s="123">
        <v>0</v>
      </c>
      <c r="NO40" s="162"/>
      <c r="NP40" s="122">
        <v>0</v>
      </c>
      <c r="NQ40" s="122">
        <v>0</v>
      </c>
      <c r="NR40" s="122">
        <v>0</v>
      </c>
      <c r="NS40" s="122">
        <v>0</v>
      </c>
      <c r="NT40" s="122">
        <v>0</v>
      </c>
      <c r="NU40" s="123">
        <v>0</v>
      </c>
      <c r="NV40" s="124">
        <v>0</v>
      </c>
      <c r="NW40" s="159">
        <v>0</v>
      </c>
      <c r="NX40" s="122">
        <v>0</v>
      </c>
      <c r="NY40" s="123">
        <v>0</v>
      </c>
      <c r="NZ40" s="162"/>
      <c r="OA40" s="122">
        <v>891909</v>
      </c>
      <c r="OB40" s="122">
        <v>504945</v>
      </c>
      <c r="OC40" s="122">
        <v>1529514</v>
      </c>
      <c r="OD40" s="122">
        <v>2999520</v>
      </c>
      <c r="OE40" s="122">
        <v>3194046</v>
      </c>
      <c r="OF40" s="123">
        <v>9119934</v>
      </c>
      <c r="OG40" s="124">
        <v>9119934</v>
      </c>
      <c r="OH40" s="159">
        <v>2353034</v>
      </c>
      <c r="OI40" s="122">
        <v>4712370</v>
      </c>
      <c r="OJ40" s="158">
        <v>7065404</v>
      </c>
      <c r="OK40" s="121">
        <v>0</v>
      </c>
      <c r="OL40" s="122">
        <v>40287077</v>
      </c>
      <c r="OM40" s="122">
        <v>41491213</v>
      </c>
      <c r="ON40" s="122">
        <v>44540653</v>
      </c>
      <c r="OO40" s="122">
        <v>45432394</v>
      </c>
      <c r="OP40" s="122">
        <v>27923766</v>
      </c>
      <c r="OQ40" s="123">
        <v>199675103</v>
      </c>
      <c r="OR40" s="160">
        <v>206740507</v>
      </c>
    </row>
    <row r="41" spans="1:408" ht="18.75" customHeight="1" x14ac:dyDescent="0.2">
      <c r="A41" s="62" t="s">
        <v>36</v>
      </c>
      <c r="B41" s="112">
        <v>1058854</v>
      </c>
      <c r="C41" s="116">
        <v>2752678</v>
      </c>
      <c r="D41" s="115">
        <v>3811532</v>
      </c>
      <c r="E41" s="111">
        <v>0</v>
      </c>
      <c r="F41" s="116">
        <v>20235890</v>
      </c>
      <c r="G41" s="116">
        <v>26398627</v>
      </c>
      <c r="H41" s="116">
        <v>23919089</v>
      </c>
      <c r="I41" s="116">
        <v>15498885</v>
      </c>
      <c r="J41" s="116">
        <v>13506272</v>
      </c>
      <c r="K41" s="200">
        <v>99558763</v>
      </c>
      <c r="L41" s="118">
        <v>103370295</v>
      </c>
      <c r="M41" s="112">
        <v>445024</v>
      </c>
      <c r="N41" s="116">
        <v>599798</v>
      </c>
      <c r="O41" s="115">
        <v>1044822</v>
      </c>
      <c r="P41" s="112">
        <v>0</v>
      </c>
      <c r="Q41" s="116">
        <v>5622251</v>
      </c>
      <c r="R41" s="116">
        <v>7785135</v>
      </c>
      <c r="S41" s="116">
        <v>7545154</v>
      </c>
      <c r="T41" s="116">
        <v>7473673</v>
      </c>
      <c r="U41" s="116">
        <v>7790643</v>
      </c>
      <c r="V41" s="115">
        <v>36216856</v>
      </c>
      <c r="W41" s="118">
        <v>37261678</v>
      </c>
      <c r="X41" s="112">
        <v>0</v>
      </c>
      <c r="Y41" s="116">
        <v>0</v>
      </c>
      <c r="Z41" s="115">
        <v>0</v>
      </c>
      <c r="AA41" s="112">
        <v>0</v>
      </c>
      <c r="AB41" s="116">
        <v>2876254</v>
      </c>
      <c r="AC41" s="116">
        <v>4223616</v>
      </c>
      <c r="AD41" s="116">
        <v>4753432</v>
      </c>
      <c r="AE41" s="443">
        <v>4745464</v>
      </c>
      <c r="AF41" s="443">
        <v>4286971</v>
      </c>
      <c r="AG41" s="115">
        <v>20885737</v>
      </c>
      <c r="AH41" s="118">
        <v>20885737</v>
      </c>
      <c r="AI41" s="112">
        <v>0</v>
      </c>
      <c r="AJ41" s="116">
        <v>0</v>
      </c>
      <c r="AK41" s="115">
        <v>0</v>
      </c>
      <c r="AL41" s="112">
        <v>0</v>
      </c>
      <c r="AM41" s="116">
        <v>240445</v>
      </c>
      <c r="AN41" s="116">
        <v>337594</v>
      </c>
      <c r="AO41" s="116">
        <v>106115</v>
      </c>
      <c r="AP41" s="116">
        <v>556911</v>
      </c>
      <c r="AQ41" s="116">
        <v>896711</v>
      </c>
      <c r="AR41" s="115">
        <v>2137776</v>
      </c>
      <c r="AS41" s="118">
        <v>2137776</v>
      </c>
      <c r="AT41" s="112">
        <v>321917</v>
      </c>
      <c r="AU41" s="116">
        <v>542834</v>
      </c>
      <c r="AV41" s="115">
        <v>864751</v>
      </c>
      <c r="AW41" s="112">
        <v>0</v>
      </c>
      <c r="AX41" s="116">
        <v>2015336</v>
      </c>
      <c r="AY41" s="116">
        <v>2369810</v>
      </c>
      <c r="AZ41" s="116">
        <v>1399842</v>
      </c>
      <c r="BA41" s="116">
        <v>1468294</v>
      </c>
      <c r="BB41" s="116">
        <v>2030550</v>
      </c>
      <c r="BC41" s="115">
        <v>9283832</v>
      </c>
      <c r="BD41" s="118">
        <v>10148583</v>
      </c>
      <c r="BE41" s="112">
        <v>81077</v>
      </c>
      <c r="BF41" s="116">
        <v>0</v>
      </c>
      <c r="BG41" s="114">
        <v>81077</v>
      </c>
      <c r="BH41" s="113">
        <v>0</v>
      </c>
      <c r="BI41" s="116">
        <v>0</v>
      </c>
      <c r="BJ41" s="116">
        <v>39661</v>
      </c>
      <c r="BK41" s="116">
        <v>18017</v>
      </c>
      <c r="BL41" s="116">
        <v>85790</v>
      </c>
      <c r="BM41" s="116">
        <v>27879</v>
      </c>
      <c r="BN41" s="115">
        <v>171347</v>
      </c>
      <c r="BO41" s="118">
        <v>252424</v>
      </c>
      <c r="BP41" s="112">
        <v>42030</v>
      </c>
      <c r="BQ41" s="116">
        <v>56964</v>
      </c>
      <c r="BR41" s="115">
        <v>98994</v>
      </c>
      <c r="BS41" s="112">
        <v>0</v>
      </c>
      <c r="BT41" s="116">
        <v>490216</v>
      </c>
      <c r="BU41" s="116">
        <v>814454</v>
      </c>
      <c r="BV41" s="116">
        <v>1267748</v>
      </c>
      <c r="BW41" s="116">
        <v>617214</v>
      </c>
      <c r="BX41" s="116">
        <v>548532</v>
      </c>
      <c r="BY41" s="115">
        <v>3738164</v>
      </c>
      <c r="BZ41" s="118">
        <v>3837158</v>
      </c>
      <c r="CA41" s="112">
        <v>107695</v>
      </c>
      <c r="CB41" s="116">
        <v>524216</v>
      </c>
      <c r="CC41" s="115">
        <v>631911</v>
      </c>
      <c r="CD41" s="112">
        <v>0</v>
      </c>
      <c r="CE41" s="443">
        <v>6738844</v>
      </c>
      <c r="CF41" s="443">
        <v>8923856</v>
      </c>
      <c r="CG41" s="443">
        <v>6485994</v>
      </c>
      <c r="CH41" s="116">
        <v>3394719</v>
      </c>
      <c r="CI41" s="116">
        <v>1453749</v>
      </c>
      <c r="CJ41" s="451">
        <v>26997162</v>
      </c>
      <c r="CK41" s="452">
        <v>27629073</v>
      </c>
      <c r="CL41" s="112">
        <v>0</v>
      </c>
      <c r="CM41" s="116">
        <v>0</v>
      </c>
      <c r="CN41" s="115">
        <v>0</v>
      </c>
      <c r="CO41" s="113">
        <v>0</v>
      </c>
      <c r="CP41" s="116">
        <v>5346567</v>
      </c>
      <c r="CQ41" s="116">
        <v>7652926</v>
      </c>
      <c r="CR41" s="116">
        <v>4974677</v>
      </c>
      <c r="CS41" s="116">
        <v>2920791</v>
      </c>
      <c r="CT41" s="116">
        <v>1399486</v>
      </c>
      <c r="CU41" s="115">
        <v>22294447</v>
      </c>
      <c r="CV41" s="118">
        <v>22294447</v>
      </c>
      <c r="CW41" s="112">
        <v>107695</v>
      </c>
      <c r="CX41" s="116">
        <v>524216</v>
      </c>
      <c r="CY41" s="115">
        <v>631911</v>
      </c>
      <c r="CZ41" s="112">
        <v>0</v>
      </c>
      <c r="DA41" s="116">
        <v>1392277</v>
      </c>
      <c r="DB41" s="116">
        <v>1270930</v>
      </c>
      <c r="DC41" s="116">
        <v>1511317</v>
      </c>
      <c r="DD41" s="116">
        <v>473928</v>
      </c>
      <c r="DE41" s="116">
        <v>54263</v>
      </c>
      <c r="DF41" s="115">
        <v>4702715</v>
      </c>
      <c r="DG41" s="118">
        <v>5334626</v>
      </c>
      <c r="DH41" s="112">
        <v>0</v>
      </c>
      <c r="DI41" s="116">
        <v>89226</v>
      </c>
      <c r="DJ41" s="114">
        <v>89226</v>
      </c>
      <c r="DK41" s="113">
        <v>0</v>
      </c>
      <c r="DL41" s="116">
        <v>1166414</v>
      </c>
      <c r="DM41" s="116">
        <v>1197392</v>
      </c>
      <c r="DN41" s="116">
        <v>2520615</v>
      </c>
      <c r="DO41" s="116">
        <v>746066</v>
      </c>
      <c r="DP41" s="116">
        <v>1253760</v>
      </c>
      <c r="DQ41" s="115">
        <v>6884247</v>
      </c>
      <c r="DR41" s="118">
        <v>6973473</v>
      </c>
      <c r="DS41" s="112">
        <v>0</v>
      </c>
      <c r="DT41" s="116">
        <v>89226</v>
      </c>
      <c r="DU41" s="115">
        <v>89226</v>
      </c>
      <c r="DV41" s="112">
        <v>0</v>
      </c>
      <c r="DW41" s="116">
        <v>1166414</v>
      </c>
      <c r="DX41" s="116">
        <v>1163318</v>
      </c>
      <c r="DY41" s="116">
        <v>2481353</v>
      </c>
      <c r="DZ41" s="116">
        <v>746066</v>
      </c>
      <c r="EA41" s="116">
        <v>1253760</v>
      </c>
      <c r="EB41" s="115">
        <v>6810911</v>
      </c>
      <c r="EC41" s="118">
        <v>6900137</v>
      </c>
      <c r="ED41" s="112">
        <v>0</v>
      </c>
      <c r="EE41" s="114">
        <v>0</v>
      </c>
      <c r="EF41" s="115">
        <v>0</v>
      </c>
      <c r="EG41" s="112">
        <v>0</v>
      </c>
      <c r="EH41" s="116">
        <v>0</v>
      </c>
      <c r="EI41" s="116">
        <v>34074</v>
      </c>
      <c r="EJ41" s="116">
        <v>39262</v>
      </c>
      <c r="EK41" s="116">
        <v>0</v>
      </c>
      <c r="EL41" s="116">
        <v>0</v>
      </c>
      <c r="EM41" s="114">
        <v>73336</v>
      </c>
      <c r="EN41" s="118">
        <v>73336</v>
      </c>
      <c r="EO41" s="112">
        <v>0</v>
      </c>
      <c r="EP41" s="116">
        <v>0</v>
      </c>
      <c r="EQ41" s="114">
        <v>0</v>
      </c>
      <c r="ER41" s="113">
        <v>0</v>
      </c>
      <c r="ES41" s="116">
        <v>0</v>
      </c>
      <c r="ET41" s="116">
        <v>0</v>
      </c>
      <c r="EU41" s="116">
        <v>0</v>
      </c>
      <c r="EV41" s="116">
        <v>0</v>
      </c>
      <c r="EW41" s="116">
        <v>0</v>
      </c>
      <c r="EX41" s="115">
        <v>0</v>
      </c>
      <c r="EY41" s="118">
        <v>0</v>
      </c>
      <c r="EZ41" s="112">
        <v>0</v>
      </c>
      <c r="FA41" s="116">
        <v>0</v>
      </c>
      <c r="FB41" s="114">
        <v>0</v>
      </c>
      <c r="FC41" s="390"/>
      <c r="FD41" s="116">
        <v>0</v>
      </c>
      <c r="FE41" s="116">
        <v>0</v>
      </c>
      <c r="FF41" s="116">
        <v>0</v>
      </c>
      <c r="FG41" s="116">
        <v>0</v>
      </c>
      <c r="FH41" s="116">
        <v>0</v>
      </c>
      <c r="FI41" s="115">
        <v>0</v>
      </c>
      <c r="FJ41" s="118">
        <v>0</v>
      </c>
      <c r="FK41" s="112">
        <v>192038</v>
      </c>
      <c r="FL41" s="116">
        <v>880552</v>
      </c>
      <c r="FM41" s="115">
        <v>1072590</v>
      </c>
      <c r="FN41" s="112">
        <v>0</v>
      </c>
      <c r="FO41" s="116">
        <v>1757012</v>
      </c>
      <c r="FP41" s="116">
        <v>2463552</v>
      </c>
      <c r="FQ41" s="116">
        <v>1458726</v>
      </c>
      <c r="FR41" s="116">
        <v>1379431</v>
      </c>
      <c r="FS41" s="116">
        <v>963462</v>
      </c>
      <c r="FT41" s="115">
        <v>8022183</v>
      </c>
      <c r="FU41" s="118">
        <v>9094773</v>
      </c>
      <c r="FV41" s="117">
        <v>192038</v>
      </c>
      <c r="FW41" s="116">
        <v>582702</v>
      </c>
      <c r="FX41" s="114">
        <v>774740</v>
      </c>
      <c r="FY41" s="113">
        <v>0</v>
      </c>
      <c r="FZ41" s="116">
        <v>1372167</v>
      </c>
      <c r="GA41" s="116">
        <v>2038887</v>
      </c>
      <c r="GB41" s="116">
        <v>1458726</v>
      </c>
      <c r="GC41" s="116">
        <v>1379431</v>
      </c>
      <c r="GD41" s="116">
        <v>963462</v>
      </c>
      <c r="GE41" s="115">
        <v>7212673</v>
      </c>
      <c r="GF41" s="354">
        <v>7987413</v>
      </c>
      <c r="GG41" s="117">
        <v>0</v>
      </c>
      <c r="GH41" s="116">
        <v>111820</v>
      </c>
      <c r="GI41" s="114">
        <v>111820</v>
      </c>
      <c r="GJ41" s="113">
        <v>0</v>
      </c>
      <c r="GK41" s="116">
        <v>0</v>
      </c>
      <c r="GL41" s="116">
        <v>13365</v>
      </c>
      <c r="GM41" s="116">
        <v>0</v>
      </c>
      <c r="GN41" s="116">
        <v>0</v>
      </c>
      <c r="GO41" s="116">
        <v>0</v>
      </c>
      <c r="GP41" s="115">
        <v>13365</v>
      </c>
      <c r="GQ41" s="118">
        <v>125185</v>
      </c>
      <c r="GR41" s="112">
        <v>0</v>
      </c>
      <c r="GS41" s="116">
        <v>186030</v>
      </c>
      <c r="GT41" s="115">
        <v>186030</v>
      </c>
      <c r="GU41" s="112">
        <v>0</v>
      </c>
      <c r="GV41" s="116">
        <v>384845</v>
      </c>
      <c r="GW41" s="116">
        <v>411300</v>
      </c>
      <c r="GX41" s="116">
        <v>0</v>
      </c>
      <c r="GY41" s="116">
        <v>0</v>
      </c>
      <c r="GZ41" s="116">
        <v>0</v>
      </c>
      <c r="HA41" s="114">
        <v>796145</v>
      </c>
      <c r="HB41" s="118">
        <v>982175</v>
      </c>
      <c r="HC41" s="112">
        <v>65481</v>
      </c>
      <c r="HD41" s="116">
        <v>100736</v>
      </c>
      <c r="HE41" s="114">
        <v>166217</v>
      </c>
      <c r="HF41" s="113">
        <v>0</v>
      </c>
      <c r="HG41" s="116">
        <v>1442846</v>
      </c>
      <c r="HH41" s="116">
        <v>2814029</v>
      </c>
      <c r="HI41" s="116">
        <v>3571359</v>
      </c>
      <c r="HJ41" s="116">
        <v>1069290</v>
      </c>
      <c r="HK41" s="116">
        <v>1065566</v>
      </c>
      <c r="HL41" s="115">
        <v>9963090</v>
      </c>
      <c r="HM41" s="111">
        <v>10129307</v>
      </c>
      <c r="HN41" s="117">
        <v>248616</v>
      </c>
      <c r="HO41" s="116">
        <v>558150</v>
      </c>
      <c r="HP41" s="115">
        <v>806766</v>
      </c>
      <c r="HQ41" s="112">
        <v>0</v>
      </c>
      <c r="HR41" s="116">
        <v>3508523</v>
      </c>
      <c r="HS41" s="116">
        <v>3214663</v>
      </c>
      <c r="HT41" s="116">
        <v>2337241</v>
      </c>
      <c r="HU41" s="116">
        <v>1435706</v>
      </c>
      <c r="HV41" s="116">
        <v>979092</v>
      </c>
      <c r="HW41" s="114">
        <v>11475225</v>
      </c>
      <c r="HX41" s="118">
        <v>12281991</v>
      </c>
      <c r="HY41" s="148">
        <v>46943</v>
      </c>
      <c r="HZ41" s="149">
        <v>84068</v>
      </c>
      <c r="IA41" s="150">
        <v>131011</v>
      </c>
      <c r="IB41" s="163">
        <v>0</v>
      </c>
      <c r="IC41" s="149">
        <v>3937272</v>
      </c>
      <c r="ID41" s="164">
        <v>6335792</v>
      </c>
      <c r="IE41" s="150">
        <v>8210363</v>
      </c>
      <c r="IF41" s="149">
        <v>5817333</v>
      </c>
      <c r="IG41" s="150">
        <v>3333688</v>
      </c>
      <c r="IH41" s="165">
        <v>27634448</v>
      </c>
      <c r="II41" s="156">
        <v>27765459</v>
      </c>
      <c r="IJ41" s="261">
        <v>0</v>
      </c>
      <c r="IK41" s="268">
        <v>0</v>
      </c>
      <c r="IL41" s="269">
        <v>0</v>
      </c>
      <c r="IM41" s="157"/>
      <c r="IN41" s="122">
        <v>0</v>
      </c>
      <c r="IO41" s="122">
        <v>0</v>
      </c>
      <c r="IP41" s="122">
        <v>0</v>
      </c>
      <c r="IQ41" s="122">
        <v>0</v>
      </c>
      <c r="IR41" s="122">
        <v>0</v>
      </c>
      <c r="IS41" s="158">
        <v>0</v>
      </c>
      <c r="IT41" s="357">
        <v>0</v>
      </c>
      <c r="IU41" s="159">
        <v>0</v>
      </c>
      <c r="IV41" s="122">
        <v>0</v>
      </c>
      <c r="IW41" s="123">
        <v>0</v>
      </c>
      <c r="IX41" s="161"/>
      <c r="IY41" s="122">
        <v>0</v>
      </c>
      <c r="IZ41" s="122">
        <v>0</v>
      </c>
      <c r="JA41" s="122">
        <v>0</v>
      </c>
      <c r="JB41" s="122">
        <v>0</v>
      </c>
      <c r="JC41" s="122">
        <v>0</v>
      </c>
      <c r="JD41" s="123">
        <v>0</v>
      </c>
      <c r="JE41" s="124">
        <v>0</v>
      </c>
      <c r="JF41" s="159">
        <v>0</v>
      </c>
      <c r="JG41" s="122">
        <v>0</v>
      </c>
      <c r="JH41" s="158">
        <v>0</v>
      </c>
      <c r="JI41" s="121">
        <v>0</v>
      </c>
      <c r="JJ41" s="122">
        <v>1814664</v>
      </c>
      <c r="JK41" s="122">
        <v>3901951</v>
      </c>
      <c r="JL41" s="122">
        <v>3813973</v>
      </c>
      <c r="JM41" s="122">
        <v>2580767</v>
      </c>
      <c r="JN41" s="122">
        <v>2862819</v>
      </c>
      <c r="JO41" s="123">
        <v>14974174</v>
      </c>
      <c r="JP41" s="357">
        <v>14974174</v>
      </c>
      <c r="JQ41" s="159">
        <v>0</v>
      </c>
      <c r="JR41" s="122">
        <v>0</v>
      </c>
      <c r="JS41" s="158">
        <v>0</v>
      </c>
      <c r="JT41" s="121">
        <v>0</v>
      </c>
      <c r="JU41" s="122">
        <v>0</v>
      </c>
      <c r="JV41" s="122">
        <v>0</v>
      </c>
      <c r="JW41" s="122">
        <v>0</v>
      </c>
      <c r="JX41" s="122">
        <v>0</v>
      </c>
      <c r="JY41" s="122">
        <v>0</v>
      </c>
      <c r="JZ41" s="123">
        <v>0</v>
      </c>
      <c r="KA41" s="357">
        <v>0</v>
      </c>
      <c r="KB41" s="264">
        <v>46943</v>
      </c>
      <c r="KC41" s="258">
        <v>84068</v>
      </c>
      <c r="KD41" s="123">
        <v>131011</v>
      </c>
      <c r="KE41" s="121">
        <v>0</v>
      </c>
      <c r="KF41" s="122">
        <v>814988</v>
      </c>
      <c r="KG41" s="122">
        <v>1068381</v>
      </c>
      <c r="KH41" s="122">
        <v>996112</v>
      </c>
      <c r="KI41" s="122">
        <v>519795</v>
      </c>
      <c r="KJ41" s="122">
        <v>0</v>
      </c>
      <c r="KK41" s="123">
        <v>3399276</v>
      </c>
      <c r="KL41" s="160">
        <v>3530287</v>
      </c>
      <c r="KM41" s="261">
        <v>0</v>
      </c>
      <c r="KN41" s="268">
        <v>0</v>
      </c>
      <c r="KO41" s="269">
        <v>0</v>
      </c>
      <c r="KP41" s="157"/>
      <c r="KQ41" s="122">
        <v>1307620</v>
      </c>
      <c r="KR41" s="122">
        <v>1365460</v>
      </c>
      <c r="KS41" s="122">
        <v>3400278</v>
      </c>
      <c r="KT41" s="122">
        <v>2716771</v>
      </c>
      <c r="KU41" s="122">
        <v>470869</v>
      </c>
      <c r="KV41" s="123">
        <v>9260998</v>
      </c>
      <c r="KW41" s="357">
        <v>9260998</v>
      </c>
      <c r="KX41" s="159">
        <v>0</v>
      </c>
      <c r="KY41" s="122">
        <v>0</v>
      </c>
      <c r="KZ41" s="123">
        <v>0</v>
      </c>
      <c r="LA41" s="162"/>
      <c r="LB41" s="122">
        <v>0</v>
      </c>
      <c r="LC41" s="122">
        <v>0</v>
      </c>
      <c r="LD41" s="122">
        <v>0</v>
      </c>
      <c r="LE41" s="122">
        <v>0</v>
      </c>
      <c r="LF41" s="122">
        <v>0</v>
      </c>
      <c r="LG41" s="123">
        <v>0</v>
      </c>
      <c r="LH41" s="124">
        <v>0</v>
      </c>
      <c r="LI41" s="159">
        <v>0</v>
      </c>
      <c r="LJ41" s="122">
        <v>0</v>
      </c>
      <c r="LK41" s="123">
        <v>0</v>
      </c>
      <c r="LL41" s="162"/>
      <c r="LM41" s="122">
        <v>0</v>
      </c>
      <c r="LN41" s="122">
        <v>0</v>
      </c>
      <c r="LO41" s="122">
        <v>0</v>
      </c>
      <c r="LP41" s="122">
        <v>0</v>
      </c>
      <c r="LQ41" s="122">
        <v>0</v>
      </c>
      <c r="LR41" s="123">
        <v>0</v>
      </c>
      <c r="LS41" s="357">
        <v>0</v>
      </c>
      <c r="LT41" s="159">
        <v>0</v>
      </c>
      <c r="LU41" s="122">
        <v>0</v>
      </c>
      <c r="LV41" s="123">
        <v>0</v>
      </c>
      <c r="LW41" s="162"/>
      <c r="LX41" s="122">
        <v>0</v>
      </c>
      <c r="LY41" s="122">
        <v>0</v>
      </c>
      <c r="LZ41" s="122">
        <v>0</v>
      </c>
      <c r="MA41" s="122">
        <v>0</v>
      </c>
      <c r="MB41" s="122">
        <v>0</v>
      </c>
      <c r="MC41" s="123">
        <v>0</v>
      </c>
      <c r="MD41" s="124">
        <v>0</v>
      </c>
      <c r="ME41" s="159">
        <v>0</v>
      </c>
      <c r="MF41" s="122">
        <v>0</v>
      </c>
      <c r="MG41" s="123">
        <v>0</v>
      </c>
      <c r="MH41" s="162"/>
      <c r="MI41" s="122">
        <v>4475958</v>
      </c>
      <c r="MJ41" s="122">
        <v>7571805</v>
      </c>
      <c r="MK41" s="122">
        <v>22570539</v>
      </c>
      <c r="ML41" s="122">
        <v>35327711</v>
      </c>
      <c r="MM41" s="122">
        <v>29358534</v>
      </c>
      <c r="MN41" s="123">
        <v>99304547</v>
      </c>
      <c r="MO41" s="160">
        <v>99304547</v>
      </c>
      <c r="MP41" s="159">
        <v>0</v>
      </c>
      <c r="MQ41" s="122">
        <v>0</v>
      </c>
      <c r="MR41" s="123">
        <v>0</v>
      </c>
      <c r="MS41" s="162"/>
      <c r="MT41" s="122">
        <v>0</v>
      </c>
      <c r="MU41" s="122">
        <v>713170</v>
      </c>
      <c r="MV41" s="122">
        <v>12642625</v>
      </c>
      <c r="MW41" s="122">
        <v>24117118</v>
      </c>
      <c r="MX41" s="122">
        <v>22969030</v>
      </c>
      <c r="MY41" s="123">
        <v>60441943</v>
      </c>
      <c r="MZ41" s="160">
        <v>60441943</v>
      </c>
      <c r="NA41" s="159">
        <v>0</v>
      </c>
      <c r="NB41" s="122">
        <v>0</v>
      </c>
      <c r="NC41" s="123">
        <v>0</v>
      </c>
      <c r="ND41" s="162"/>
      <c r="NE41" s="122">
        <v>4475958</v>
      </c>
      <c r="NF41" s="122">
        <v>6858635</v>
      </c>
      <c r="NG41" s="122">
        <v>9927914</v>
      </c>
      <c r="NH41" s="122">
        <v>9442858</v>
      </c>
      <c r="NI41" s="122">
        <v>5725433</v>
      </c>
      <c r="NJ41" s="123">
        <v>36430798</v>
      </c>
      <c r="NK41" s="357">
        <v>36430798</v>
      </c>
      <c r="NL41" s="159">
        <v>0</v>
      </c>
      <c r="NM41" s="122">
        <v>0</v>
      </c>
      <c r="NN41" s="123">
        <v>0</v>
      </c>
      <c r="NO41" s="162"/>
      <c r="NP41" s="122">
        <v>0</v>
      </c>
      <c r="NQ41" s="122">
        <v>0</v>
      </c>
      <c r="NR41" s="122">
        <v>0</v>
      </c>
      <c r="NS41" s="122">
        <v>326232</v>
      </c>
      <c r="NT41" s="122">
        <v>269028</v>
      </c>
      <c r="NU41" s="123">
        <v>595260</v>
      </c>
      <c r="NV41" s="124">
        <v>595260</v>
      </c>
      <c r="NW41" s="159">
        <v>0</v>
      </c>
      <c r="NX41" s="122">
        <v>0</v>
      </c>
      <c r="NY41" s="123">
        <v>0</v>
      </c>
      <c r="NZ41" s="162"/>
      <c r="OA41" s="122">
        <v>0</v>
      </c>
      <c r="OB41" s="122">
        <v>0</v>
      </c>
      <c r="OC41" s="122">
        <v>0</v>
      </c>
      <c r="OD41" s="122">
        <v>1441503</v>
      </c>
      <c r="OE41" s="122">
        <v>395043</v>
      </c>
      <c r="OF41" s="123">
        <v>1836546</v>
      </c>
      <c r="OG41" s="124">
        <v>1836546</v>
      </c>
      <c r="OH41" s="159">
        <v>1105797</v>
      </c>
      <c r="OI41" s="122">
        <v>2836746</v>
      </c>
      <c r="OJ41" s="158">
        <v>3942543</v>
      </c>
      <c r="OK41" s="121">
        <v>0</v>
      </c>
      <c r="OL41" s="122">
        <v>28649120</v>
      </c>
      <c r="OM41" s="122">
        <v>40306224</v>
      </c>
      <c r="ON41" s="122">
        <v>54699991</v>
      </c>
      <c r="OO41" s="122">
        <v>56643929</v>
      </c>
      <c r="OP41" s="122">
        <v>46198494</v>
      </c>
      <c r="OQ41" s="123">
        <v>226497758</v>
      </c>
      <c r="OR41" s="160">
        <v>230440301</v>
      </c>
    </row>
    <row r="42" spans="1:408" ht="18.75" customHeight="1" thickBot="1" x14ac:dyDescent="0.25">
      <c r="A42" s="63" t="s">
        <v>37</v>
      </c>
      <c r="B42" s="119">
        <v>183550</v>
      </c>
      <c r="C42" s="205">
        <v>80959</v>
      </c>
      <c r="D42" s="206">
        <v>264509</v>
      </c>
      <c r="E42" s="207">
        <v>0</v>
      </c>
      <c r="F42" s="205">
        <v>1362534</v>
      </c>
      <c r="G42" s="205">
        <v>1801656</v>
      </c>
      <c r="H42" s="205">
        <v>1550671</v>
      </c>
      <c r="I42" s="205">
        <v>1436983</v>
      </c>
      <c r="J42" s="205">
        <v>1146130</v>
      </c>
      <c r="K42" s="207">
        <v>7297974</v>
      </c>
      <c r="L42" s="208">
        <v>7562483</v>
      </c>
      <c r="M42" s="119">
        <v>0</v>
      </c>
      <c r="N42" s="205">
        <v>25267</v>
      </c>
      <c r="O42" s="206">
        <v>25267</v>
      </c>
      <c r="P42" s="119">
        <v>0</v>
      </c>
      <c r="Q42" s="205">
        <v>-237721</v>
      </c>
      <c r="R42" s="205">
        <v>474658</v>
      </c>
      <c r="S42" s="205">
        <v>329958</v>
      </c>
      <c r="T42" s="205">
        <v>279003</v>
      </c>
      <c r="U42" s="205">
        <v>584859</v>
      </c>
      <c r="V42" s="206">
        <v>1430757</v>
      </c>
      <c r="W42" s="208">
        <v>1456024</v>
      </c>
      <c r="X42" s="119">
        <v>0</v>
      </c>
      <c r="Y42" s="205">
        <v>0</v>
      </c>
      <c r="Z42" s="206">
        <v>0</v>
      </c>
      <c r="AA42" s="119">
        <v>0</v>
      </c>
      <c r="AB42" s="205">
        <v>28563</v>
      </c>
      <c r="AC42" s="205">
        <v>222159</v>
      </c>
      <c r="AD42" s="205">
        <v>165280</v>
      </c>
      <c r="AE42" s="444">
        <v>44281</v>
      </c>
      <c r="AF42" s="444">
        <v>417051</v>
      </c>
      <c r="AG42" s="206">
        <v>877334</v>
      </c>
      <c r="AH42" s="208">
        <v>877334</v>
      </c>
      <c r="AI42" s="119">
        <v>0</v>
      </c>
      <c r="AJ42" s="205">
        <v>0</v>
      </c>
      <c r="AK42" s="206">
        <v>0</v>
      </c>
      <c r="AL42" s="119">
        <v>0</v>
      </c>
      <c r="AM42" s="205">
        <v>41667</v>
      </c>
      <c r="AN42" s="205">
        <v>0</v>
      </c>
      <c r="AO42" s="205">
        <v>0</v>
      </c>
      <c r="AP42" s="205">
        <v>52759</v>
      </c>
      <c r="AQ42" s="205">
        <v>0</v>
      </c>
      <c r="AR42" s="206">
        <v>94426</v>
      </c>
      <c r="AS42" s="208">
        <v>94426</v>
      </c>
      <c r="AT42" s="119">
        <v>0</v>
      </c>
      <c r="AU42" s="205">
        <v>25267</v>
      </c>
      <c r="AV42" s="206">
        <v>25267</v>
      </c>
      <c r="AW42" s="119">
        <v>0</v>
      </c>
      <c r="AX42" s="205">
        <v>76236</v>
      </c>
      <c r="AY42" s="205">
        <v>196420</v>
      </c>
      <c r="AZ42" s="205">
        <v>60602</v>
      </c>
      <c r="BA42" s="205">
        <v>114785</v>
      </c>
      <c r="BB42" s="205">
        <v>122686</v>
      </c>
      <c r="BC42" s="206">
        <v>570729</v>
      </c>
      <c r="BD42" s="208">
        <v>595996</v>
      </c>
      <c r="BE42" s="119">
        <v>0</v>
      </c>
      <c r="BF42" s="205">
        <v>0</v>
      </c>
      <c r="BG42" s="210">
        <v>0</v>
      </c>
      <c r="BH42" s="209">
        <v>0</v>
      </c>
      <c r="BI42" s="205">
        <v>-414508</v>
      </c>
      <c r="BJ42" s="205">
        <v>16902</v>
      </c>
      <c r="BK42" s="205">
        <v>42039</v>
      </c>
      <c r="BL42" s="205">
        <v>41426</v>
      </c>
      <c r="BM42" s="205">
        <v>0</v>
      </c>
      <c r="BN42" s="206">
        <v>-314141</v>
      </c>
      <c r="BO42" s="208">
        <v>-314141</v>
      </c>
      <c r="BP42" s="119">
        <v>0</v>
      </c>
      <c r="BQ42" s="205">
        <v>0</v>
      </c>
      <c r="BR42" s="206">
        <v>0</v>
      </c>
      <c r="BS42" s="119">
        <v>0</v>
      </c>
      <c r="BT42" s="205">
        <v>30321</v>
      </c>
      <c r="BU42" s="205">
        <v>39177</v>
      </c>
      <c r="BV42" s="205">
        <v>62037</v>
      </c>
      <c r="BW42" s="205">
        <v>25752</v>
      </c>
      <c r="BX42" s="205">
        <v>45122</v>
      </c>
      <c r="BY42" s="206">
        <v>202409</v>
      </c>
      <c r="BZ42" s="208">
        <v>202409</v>
      </c>
      <c r="CA42" s="119">
        <v>35094</v>
      </c>
      <c r="CB42" s="205">
        <v>0</v>
      </c>
      <c r="CC42" s="206">
        <v>35094</v>
      </c>
      <c r="CD42" s="119">
        <v>0</v>
      </c>
      <c r="CE42" s="444">
        <v>714633</v>
      </c>
      <c r="CF42" s="444">
        <v>481216</v>
      </c>
      <c r="CG42" s="444">
        <v>482870</v>
      </c>
      <c r="CH42" s="205">
        <v>575287</v>
      </c>
      <c r="CI42" s="205">
        <v>95179</v>
      </c>
      <c r="CJ42" s="453">
        <v>2349185</v>
      </c>
      <c r="CK42" s="454">
        <v>2384279</v>
      </c>
      <c r="CL42" s="119">
        <v>0</v>
      </c>
      <c r="CM42" s="205">
        <v>0</v>
      </c>
      <c r="CN42" s="206">
        <v>0</v>
      </c>
      <c r="CO42" s="209">
        <v>0</v>
      </c>
      <c r="CP42" s="205">
        <v>327167</v>
      </c>
      <c r="CQ42" s="205">
        <v>258918</v>
      </c>
      <c r="CR42" s="205">
        <v>317490</v>
      </c>
      <c r="CS42" s="205">
        <v>243252</v>
      </c>
      <c r="CT42" s="205">
        <v>95179</v>
      </c>
      <c r="CU42" s="206">
        <v>1242006</v>
      </c>
      <c r="CV42" s="208">
        <v>1242006</v>
      </c>
      <c r="CW42" s="119">
        <v>35094</v>
      </c>
      <c r="CX42" s="205">
        <v>0</v>
      </c>
      <c r="CY42" s="206">
        <v>35094</v>
      </c>
      <c r="CZ42" s="119">
        <v>0</v>
      </c>
      <c r="DA42" s="205">
        <v>387466</v>
      </c>
      <c r="DB42" s="205">
        <v>222298</v>
      </c>
      <c r="DC42" s="205">
        <v>165380</v>
      </c>
      <c r="DD42" s="205">
        <v>332035</v>
      </c>
      <c r="DE42" s="205">
        <v>0</v>
      </c>
      <c r="DF42" s="206">
        <v>1107179</v>
      </c>
      <c r="DG42" s="208">
        <v>1142273</v>
      </c>
      <c r="DH42" s="119">
        <v>0</v>
      </c>
      <c r="DI42" s="205">
        <v>0</v>
      </c>
      <c r="DJ42" s="210">
        <v>0</v>
      </c>
      <c r="DK42" s="209">
        <v>0</v>
      </c>
      <c r="DL42" s="205">
        <v>66730</v>
      </c>
      <c r="DM42" s="205">
        <v>72740</v>
      </c>
      <c r="DN42" s="205">
        <v>254636</v>
      </c>
      <c r="DO42" s="205">
        <v>134354</v>
      </c>
      <c r="DP42" s="205">
        <v>44390</v>
      </c>
      <c r="DQ42" s="206">
        <v>572850</v>
      </c>
      <c r="DR42" s="208">
        <v>572850</v>
      </c>
      <c r="DS42" s="119">
        <v>0</v>
      </c>
      <c r="DT42" s="205">
        <v>0</v>
      </c>
      <c r="DU42" s="206">
        <v>0</v>
      </c>
      <c r="DV42" s="119">
        <v>0</v>
      </c>
      <c r="DW42" s="205">
        <v>28560</v>
      </c>
      <c r="DX42" s="205">
        <v>72740</v>
      </c>
      <c r="DY42" s="205">
        <v>144599</v>
      </c>
      <c r="DZ42" s="205">
        <v>0</v>
      </c>
      <c r="EA42" s="205">
        <v>44390</v>
      </c>
      <c r="EB42" s="206">
        <v>290289</v>
      </c>
      <c r="EC42" s="208">
        <v>290289</v>
      </c>
      <c r="ED42" s="119">
        <v>0</v>
      </c>
      <c r="EE42" s="210">
        <v>0</v>
      </c>
      <c r="EF42" s="206">
        <v>0</v>
      </c>
      <c r="EG42" s="119">
        <v>0</v>
      </c>
      <c r="EH42" s="205">
        <v>38170</v>
      </c>
      <c r="EI42" s="205">
        <v>0</v>
      </c>
      <c r="EJ42" s="205">
        <v>110037</v>
      </c>
      <c r="EK42" s="205">
        <v>134354</v>
      </c>
      <c r="EL42" s="205">
        <v>0</v>
      </c>
      <c r="EM42" s="210">
        <v>282561</v>
      </c>
      <c r="EN42" s="208">
        <v>282561</v>
      </c>
      <c r="EO42" s="119">
        <v>0</v>
      </c>
      <c r="EP42" s="205">
        <v>0</v>
      </c>
      <c r="EQ42" s="210">
        <v>0</v>
      </c>
      <c r="ER42" s="209">
        <v>0</v>
      </c>
      <c r="ES42" s="205">
        <v>0</v>
      </c>
      <c r="ET42" s="205">
        <v>0</v>
      </c>
      <c r="EU42" s="205">
        <v>0</v>
      </c>
      <c r="EV42" s="205">
        <v>0</v>
      </c>
      <c r="EW42" s="205">
        <v>0</v>
      </c>
      <c r="EX42" s="206">
        <v>0</v>
      </c>
      <c r="EY42" s="208">
        <v>0</v>
      </c>
      <c r="EZ42" s="119">
        <v>0</v>
      </c>
      <c r="FA42" s="205">
        <v>0</v>
      </c>
      <c r="FB42" s="210">
        <v>0</v>
      </c>
      <c r="FC42" s="391"/>
      <c r="FD42" s="205">
        <v>0</v>
      </c>
      <c r="FE42" s="205">
        <v>0</v>
      </c>
      <c r="FF42" s="205">
        <v>0</v>
      </c>
      <c r="FG42" s="205">
        <v>0</v>
      </c>
      <c r="FH42" s="205">
        <v>0</v>
      </c>
      <c r="FI42" s="206">
        <v>0</v>
      </c>
      <c r="FJ42" s="208">
        <v>0</v>
      </c>
      <c r="FK42" s="119">
        <v>111952</v>
      </c>
      <c r="FL42" s="205">
        <v>28314</v>
      </c>
      <c r="FM42" s="206">
        <v>140266</v>
      </c>
      <c r="FN42" s="119">
        <v>0</v>
      </c>
      <c r="FO42" s="205">
        <v>331658</v>
      </c>
      <c r="FP42" s="205">
        <v>398274</v>
      </c>
      <c r="FQ42" s="205">
        <v>208602</v>
      </c>
      <c r="FR42" s="205">
        <v>136766</v>
      </c>
      <c r="FS42" s="205">
        <v>101750</v>
      </c>
      <c r="FT42" s="206">
        <v>1177050</v>
      </c>
      <c r="FU42" s="208">
        <v>1317316</v>
      </c>
      <c r="FV42" s="211">
        <v>43772</v>
      </c>
      <c r="FW42" s="205">
        <v>28314</v>
      </c>
      <c r="FX42" s="210">
        <v>72086</v>
      </c>
      <c r="FY42" s="209">
        <v>0</v>
      </c>
      <c r="FZ42" s="205">
        <v>252008</v>
      </c>
      <c r="GA42" s="205">
        <v>375774</v>
      </c>
      <c r="GB42" s="205">
        <v>208602</v>
      </c>
      <c r="GC42" s="205">
        <v>136766</v>
      </c>
      <c r="GD42" s="205">
        <v>101750</v>
      </c>
      <c r="GE42" s="206">
        <v>1074900</v>
      </c>
      <c r="GF42" s="355">
        <v>1146986</v>
      </c>
      <c r="GG42" s="211">
        <v>0</v>
      </c>
      <c r="GH42" s="205">
        <v>0</v>
      </c>
      <c r="GI42" s="210">
        <v>0</v>
      </c>
      <c r="GJ42" s="209">
        <v>0</v>
      </c>
      <c r="GK42" s="205">
        <v>22950</v>
      </c>
      <c r="GL42" s="205">
        <v>0</v>
      </c>
      <c r="GM42" s="205">
        <v>0</v>
      </c>
      <c r="GN42" s="205">
        <v>0</v>
      </c>
      <c r="GO42" s="205">
        <v>0</v>
      </c>
      <c r="GP42" s="206">
        <v>22950</v>
      </c>
      <c r="GQ42" s="208">
        <v>22950</v>
      </c>
      <c r="GR42" s="119">
        <v>68180</v>
      </c>
      <c r="GS42" s="205">
        <v>0</v>
      </c>
      <c r="GT42" s="206">
        <v>68180</v>
      </c>
      <c r="GU42" s="119">
        <v>0</v>
      </c>
      <c r="GV42" s="205">
        <v>56700</v>
      </c>
      <c r="GW42" s="205">
        <v>22500</v>
      </c>
      <c r="GX42" s="205">
        <v>0</v>
      </c>
      <c r="GY42" s="205">
        <v>0</v>
      </c>
      <c r="GZ42" s="205">
        <v>0</v>
      </c>
      <c r="HA42" s="210">
        <v>79200</v>
      </c>
      <c r="HB42" s="208">
        <v>147380</v>
      </c>
      <c r="HC42" s="119">
        <v>0</v>
      </c>
      <c r="HD42" s="205">
        <v>0</v>
      </c>
      <c r="HE42" s="210">
        <v>0</v>
      </c>
      <c r="HF42" s="209">
        <v>0</v>
      </c>
      <c r="HG42" s="205">
        <v>0</v>
      </c>
      <c r="HH42" s="205">
        <v>0</v>
      </c>
      <c r="HI42" s="205">
        <v>0</v>
      </c>
      <c r="HJ42" s="205">
        <v>185008</v>
      </c>
      <c r="HK42" s="205">
        <v>238785</v>
      </c>
      <c r="HL42" s="206">
        <v>423793</v>
      </c>
      <c r="HM42" s="207">
        <v>423793</v>
      </c>
      <c r="HN42" s="211">
        <v>36504</v>
      </c>
      <c r="HO42" s="205">
        <v>27378</v>
      </c>
      <c r="HP42" s="206">
        <v>63882</v>
      </c>
      <c r="HQ42" s="119">
        <v>0</v>
      </c>
      <c r="HR42" s="205">
        <v>487234</v>
      </c>
      <c r="HS42" s="205">
        <v>374768</v>
      </c>
      <c r="HT42" s="205">
        <v>274605</v>
      </c>
      <c r="HU42" s="205">
        <v>126565</v>
      </c>
      <c r="HV42" s="205">
        <v>81167</v>
      </c>
      <c r="HW42" s="210">
        <v>1344339</v>
      </c>
      <c r="HX42" s="208">
        <v>1408221</v>
      </c>
      <c r="HY42" s="168">
        <v>0</v>
      </c>
      <c r="HZ42" s="169">
        <v>0</v>
      </c>
      <c r="IA42" s="170">
        <v>0</v>
      </c>
      <c r="IB42" s="171">
        <v>0</v>
      </c>
      <c r="IC42" s="172">
        <v>1130928</v>
      </c>
      <c r="ID42" s="173">
        <v>1142804</v>
      </c>
      <c r="IE42" s="174">
        <v>1292491</v>
      </c>
      <c r="IF42" s="172">
        <v>0</v>
      </c>
      <c r="IG42" s="174">
        <v>417538</v>
      </c>
      <c r="IH42" s="175">
        <v>3983761</v>
      </c>
      <c r="II42" s="176">
        <v>3983761</v>
      </c>
      <c r="IJ42" s="262">
        <v>0</v>
      </c>
      <c r="IK42" s="270">
        <v>0</v>
      </c>
      <c r="IL42" s="271">
        <v>0</v>
      </c>
      <c r="IM42" s="177"/>
      <c r="IN42" s="178">
        <v>0</v>
      </c>
      <c r="IO42" s="178">
        <v>0</v>
      </c>
      <c r="IP42" s="178">
        <v>0</v>
      </c>
      <c r="IQ42" s="178">
        <v>0</v>
      </c>
      <c r="IR42" s="178">
        <v>267732</v>
      </c>
      <c r="IS42" s="179">
        <v>267732</v>
      </c>
      <c r="IT42" s="358">
        <v>267732</v>
      </c>
      <c r="IU42" s="180">
        <v>0</v>
      </c>
      <c r="IV42" s="178">
        <v>0</v>
      </c>
      <c r="IW42" s="182">
        <v>0</v>
      </c>
      <c r="IX42" s="185"/>
      <c r="IY42" s="178">
        <v>0</v>
      </c>
      <c r="IZ42" s="178">
        <v>0</v>
      </c>
      <c r="JA42" s="178">
        <v>0</v>
      </c>
      <c r="JB42" s="178">
        <v>0</v>
      </c>
      <c r="JC42" s="178">
        <v>0</v>
      </c>
      <c r="JD42" s="182">
        <v>0</v>
      </c>
      <c r="JE42" s="183">
        <v>0</v>
      </c>
      <c r="JF42" s="180">
        <v>0</v>
      </c>
      <c r="JG42" s="178">
        <v>0</v>
      </c>
      <c r="JH42" s="179">
        <v>0</v>
      </c>
      <c r="JI42" s="181">
        <v>0</v>
      </c>
      <c r="JJ42" s="178">
        <v>845243</v>
      </c>
      <c r="JK42" s="178">
        <v>873371</v>
      </c>
      <c r="JL42" s="178">
        <v>383073</v>
      </c>
      <c r="JM42" s="178">
        <v>0</v>
      </c>
      <c r="JN42" s="178">
        <v>149806</v>
      </c>
      <c r="JO42" s="182">
        <v>2251493</v>
      </c>
      <c r="JP42" s="358">
        <v>2251493</v>
      </c>
      <c r="JQ42" s="180">
        <v>0</v>
      </c>
      <c r="JR42" s="178">
        <v>0</v>
      </c>
      <c r="JS42" s="179">
        <v>0</v>
      </c>
      <c r="JT42" s="181">
        <v>0</v>
      </c>
      <c r="JU42" s="178">
        <v>27621</v>
      </c>
      <c r="JV42" s="178">
        <v>0</v>
      </c>
      <c r="JW42" s="178">
        <v>246993</v>
      </c>
      <c r="JX42" s="178">
        <v>0</v>
      </c>
      <c r="JY42" s="178">
        <v>0</v>
      </c>
      <c r="JZ42" s="182">
        <v>274614</v>
      </c>
      <c r="KA42" s="358">
        <v>274614</v>
      </c>
      <c r="KB42" s="265">
        <v>0</v>
      </c>
      <c r="KC42" s="259">
        <v>0</v>
      </c>
      <c r="KD42" s="182">
        <v>0</v>
      </c>
      <c r="KE42" s="181">
        <v>0</v>
      </c>
      <c r="KF42" s="178">
        <v>0</v>
      </c>
      <c r="KG42" s="178">
        <v>0</v>
      </c>
      <c r="KH42" s="178">
        <v>0</v>
      </c>
      <c r="KI42" s="178">
        <v>0</v>
      </c>
      <c r="KJ42" s="178">
        <v>0</v>
      </c>
      <c r="KK42" s="182">
        <v>0</v>
      </c>
      <c r="KL42" s="184">
        <v>0</v>
      </c>
      <c r="KM42" s="262">
        <v>0</v>
      </c>
      <c r="KN42" s="270">
        <v>0</v>
      </c>
      <c r="KO42" s="271">
        <v>0</v>
      </c>
      <c r="KP42" s="177"/>
      <c r="KQ42" s="178">
        <v>258064</v>
      </c>
      <c r="KR42" s="178">
        <v>269433</v>
      </c>
      <c r="KS42" s="178">
        <v>662425</v>
      </c>
      <c r="KT42" s="178">
        <v>0</v>
      </c>
      <c r="KU42" s="178">
        <v>0</v>
      </c>
      <c r="KV42" s="182">
        <v>1189922</v>
      </c>
      <c r="KW42" s="358">
        <v>1189922</v>
      </c>
      <c r="KX42" s="180">
        <v>0</v>
      </c>
      <c r="KY42" s="178">
        <v>0</v>
      </c>
      <c r="KZ42" s="182">
        <v>0</v>
      </c>
      <c r="LA42" s="186"/>
      <c r="LB42" s="178">
        <v>0</v>
      </c>
      <c r="LC42" s="178">
        <v>0</v>
      </c>
      <c r="LD42" s="178">
        <v>0</v>
      </c>
      <c r="LE42" s="178">
        <v>0</v>
      </c>
      <c r="LF42" s="178">
        <v>0</v>
      </c>
      <c r="LG42" s="182">
        <v>0</v>
      </c>
      <c r="LH42" s="183">
        <v>0</v>
      </c>
      <c r="LI42" s="180">
        <v>0</v>
      </c>
      <c r="LJ42" s="178">
        <v>0</v>
      </c>
      <c r="LK42" s="182">
        <v>0</v>
      </c>
      <c r="LL42" s="186"/>
      <c r="LM42" s="178">
        <v>0</v>
      </c>
      <c r="LN42" s="178">
        <v>0</v>
      </c>
      <c r="LO42" s="178">
        <v>0</v>
      </c>
      <c r="LP42" s="178">
        <v>0</v>
      </c>
      <c r="LQ42" s="178">
        <v>0</v>
      </c>
      <c r="LR42" s="182">
        <v>0</v>
      </c>
      <c r="LS42" s="358">
        <v>0</v>
      </c>
      <c r="LT42" s="180">
        <v>0</v>
      </c>
      <c r="LU42" s="178">
        <v>0</v>
      </c>
      <c r="LV42" s="182">
        <v>0</v>
      </c>
      <c r="LW42" s="186"/>
      <c r="LX42" s="178">
        <v>0</v>
      </c>
      <c r="LY42" s="178">
        <v>0</v>
      </c>
      <c r="LZ42" s="178">
        <v>0</v>
      </c>
      <c r="MA42" s="178">
        <v>0</v>
      </c>
      <c r="MB42" s="178">
        <v>0</v>
      </c>
      <c r="MC42" s="182">
        <v>0</v>
      </c>
      <c r="MD42" s="183">
        <v>0</v>
      </c>
      <c r="ME42" s="180">
        <v>0</v>
      </c>
      <c r="MF42" s="178">
        <v>0</v>
      </c>
      <c r="MG42" s="182">
        <v>0</v>
      </c>
      <c r="MH42" s="186"/>
      <c r="MI42" s="178">
        <v>513828</v>
      </c>
      <c r="MJ42" s="178">
        <v>313487</v>
      </c>
      <c r="MK42" s="178">
        <v>3519418</v>
      </c>
      <c r="ML42" s="178">
        <v>3621071</v>
      </c>
      <c r="MM42" s="178">
        <v>2220132</v>
      </c>
      <c r="MN42" s="182">
        <v>10187936</v>
      </c>
      <c r="MO42" s="184">
        <v>10187936</v>
      </c>
      <c r="MP42" s="180">
        <v>0</v>
      </c>
      <c r="MQ42" s="178">
        <v>0</v>
      </c>
      <c r="MR42" s="182">
        <v>0</v>
      </c>
      <c r="MS42" s="186"/>
      <c r="MT42" s="178">
        <v>0</v>
      </c>
      <c r="MU42" s="178">
        <v>0</v>
      </c>
      <c r="MV42" s="178">
        <v>2297075</v>
      </c>
      <c r="MW42" s="178">
        <v>2327229</v>
      </c>
      <c r="MX42" s="178">
        <v>1872820</v>
      </c>
      <c r="MY42" s="182">
        <v>6497124</v>
      </c>
      <c r="MZ42" s="184">
        <v>6497124</v>
      </c>
      <c r="NA42" s="180">
        <v>0</v>
      </c>
      <c r="NB42" s="178">
        <v>0</v>
      </c>
      <c r="NC42" s="182">
        <v>0</v>
      </c>
      <c r="ND42" s="186"/>
      <c r="NE42" s="178">
        <v>513828</v>
      </c>
      <c r="NF42" s="178">
        <v>313487</v>
      </c>
      <c r="NG42" s="178">
        <v>1222343</v>
      </c>
      <c r="NH42" s="178">
        <v>917532</v>
      </c>
      <c r="NI42" s="178">
        <v>0</v>
      </c>
      <c r="NJ42" s="182">
        <v>2967190</v>
      </c>
      <c r="NK42" s="358">
        <v>2967190</v>
      </c>
      <c r="NL42" s="180">
        <v>0</v>
      </c>
      <c r="NM42" s="178">
        <v>0</v>
      </c>
      <c r="NN42" s="182">
        <v>0</v>
      </c>
      <c r="NO42" s="186"/>
      <c r="NP42" s="178">
        <v>0</v>
      </c>
      <c r="NQ42" s="178">
        <v>0</v>
      </c>
      <c r="NR42" s="178">
        <v>0</v>
      </c>
      <c r="NS42" s="178">
        <v>376310</v>
      </c>
      <c r="NT42" s="178">
        <v>0</v>
      </c>
      <c r="NU42" s="182">
        <v>376310</v>
      </c>
      <c r="NV42" s="183">
        <v>376310</v>
      </c>
      <c r="NW42" s="180">
        <v>0</v>
      </c>
      <c r="NX42" s="178">
        <v>0</v>
      </c>
      <c r="NY42" s="182">
        <v>0</v>
      </c>
      <c r="NZ42" s="186"/>
      <c r="OA42" s="178">
        <v>0</v>
      </c>
      <c r="OB42" s="178">
        <v>0</v>
      </c>
      <c r="OC42" s="178">
        <v>0</v>
      </c>
      <c r="OD42" s="178">
        <v>0</v>
      </c>
      <c r="OE42" s="178">
        <v>347312</v>
      </c>
      <c r="OF42" s="182">
        <v>347312</v>
      </c>
      <c r="OG42" s="183">
        <v>347312</v>
      </c>
      <c r="OH42" s="180">
        <v>183550</v>
      </c>
      <c r="OI42" s="178">
        <v>80959</v>
      </c>
      <c r="OJ42" s="179">
        <v>264509</v>
      </c>
      <c r="OK42" s="181">
        <v>0</v>
      </c>
      <c r="OL42" s="178">
        <v>3007290</v>
      </c>
      <c r="OM42" s="178">
        <v>3257947</v>
      </c>
      <c r="ON42" s="178">
        <v>6362580</v>
      </c>
      <c r="OO42" s="178">
        <v>5058054</v>
      </c>
      <c r="OP42" s="178">
        <v>3783800</v>
      </c>
      <c r="OQ42" s="182">
        <v>21469671</v>
      </c>
      <c r="OR42" s="184">
        <v>21734180</v>
      </c>
    </row>
    <row r="43" spans="1:408" x14ac:dyDescent="0.2">
      <c r="A43" s="1" t="s">
        <v>84</v>
      </c>
    </row>
  </sheetData>
  <mergeCells count="159">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H7:LH8"/>
    <mergeCell ref="LI7:LK7"/>
    <mergeCell ref="KB7:KD7"/>
    <mergeCell ref="KE7:KK7"/>
    <mergeCell ref="KL7:KL8"/>
    <mergeCell ref="KM7:KO7"/>
    <mergeCell ref="KP7:KV7"/>
    <mergeCell ref="MP7:MR7"/>
    <mergeCell ref="MS7:MY7"/>
    <mergeCell ref="OH4:OR6"/>
    <mergeCell ref="HY5:II6"/>
    <mergeCell ref="IJ5:IT6"/>
    <mergeCell ref="IU5:JE6"/>
    <mergeCell ref="JF5:JP6"/>
    <mergeCell ref="JQ5:KA6"/>
    <mergeCell ref="KB5:KL6"/>
    <mergeCell ref="KM5:KW6"/>
    <mergeCell ref="KX5:LH6"/>
    <mergeCell ref="LI5:LS6"/>
    <mergeCell ref="LT5:MD6"/>
    <mergeCell ref="ME5:MO6"/>
    <mergeCell ref="MP5:MZ6"/>
    <mergeCell ref="NA5:NK6"/>
    <mergeCell ref="NL5:NV6"/>
    <mergeCell ref="ME4:OG4"/>
    <mergeCell ref="IC1:ID1"/>
    <mergeCell ref="HY4:MD4"/>
    <mergeCell ref="JI7:JO7"/>
    <mergeCell ref="JP7:JP8"/>
    <mergeCell ref="JQ7:JS7"/>
    <mergeCell ref="JT7:JZ7"/>
    <mergeCell ref="KA7:KA8"/>
    <mergeCell ref="NW5:OG6"/>
    <mergeCell ref="LL7:LR7"/>
    <mergeCell ref="LS7:LS8"/>
    <mergeCell ref="LT7:LV7"/>
    <mergeCell ref="IT7:IT8"/>
    <mergeCell ref="IU7:IW7"/>
    <mergeCell ref="IX7:JD7"/>
    <mergeCell ref="JE7:JE8"/>
    <mergeCell ref="JF7:JH7"/>
    <mergeCell ref="HY7:IA7"/>
    <mergeCell ref="IB7:IH7"/>
    <mergeCell ref="II7:II8"/>
    <mergeCell ref="IJ7:IL7"/>
    <mergeCell ref="IM7:IS7"/>
    <mergeCell ref="KW7:KW8"/>
    <mergeCell ref="KX7:KZ7"/>
    <mergeCell ref="LA7:LG7"/>
    <mergeCell ref="F2:G2"/>
    <mergeCell ref="ER7:EX7"/>
    <mergeCell ref="EY7:EY8"/>
    <mergeCell ref="DR7:DR8"/>
    <mergeCell ref="DS7:DU7"/>
    <mergeCell ref="DV7:EB7"/>
    <mergeCell ref="EC7:EC8"/>
    <mergeCell ref="DK7:DQ7"/>
    <mergeCell ref="CL7:CN7"/>
    <mergeCell ref="CO7:CU7"/>
    <mergeCell ref="CV7:CV8"/>
    <mergeCell ref="CW7:CY7"/>
    <mergeCell ref="CZ7:DF7"/>
    <mergeCell ref="DG7:DG8"/>
    <mergeCell ref="DH7:DJ7"/>
    <mergeCell ref="CK7:CK8"/>
    <mergeCell ref="BH7:BN7"/>
    <mergeCell ref="BO7:BO8"/>
    <mergeCell ref="BP7:BR7"/>
    <mergeCell ref="BS7:BY7"/>
    <mergeCell ref="BE7:BG7"/>
    <mergeCell ref="BZ7:BZ8"/>
    <mergeCell ref="CA7:CC7"/>
    <mergeCell ref="CD7:CJ7"/>
    <mergeCell ref="HX7:HX8"/>
    <mergeCell ref="HF7:HL7"/>
    <mergeCell ref="HM7:HM8"/>
    <mergeCell ref="HN7:HP7"/>
    <mergeCell ref="HQ7:HW7"/>
    <mergeCell ref="FK7:FM7"/>
    <mergeCell ref="FN7:FT7"/>
    <mergeCell ref="ED7:EF7"/>
    <mergeCell ref="EG7:EM7"/>
    <mergeCell ref="EN7:EN8"/>
    <mergeCell ref="EO7:EQ7"/>
    <mergeCell ref="GR7:GT7"/>
    <mergeCell ref="GU7:HA7"/>
    <mergeCell ref="HB7:HB8"/>
    <mergeCell ref="HC7:HE7"/>
    <mergeCell ref="FU7:FU8"/>
    <mergeCell ref="FV7:FX7"/>
    <mergeCell ref="FY7:GE7"/>
    <mergeCell ref="GF7:GF8"/>
    <mergeCell ref="GQ7:GQ8"/>
    <mergeCell ref="GJ7:GP7"/>
    <mergeCell ref="GG7:GI7"/>
    <mergeCell ref="EZ7:FB7"/>
    <mergeCell ref="FC7:FI7"/>
    <mergeCell ref="A4:A8"/>
    <mergeCell ref="B4:L6"/>
    <mergeCell ref="M4:HX4"/>
    <mergeCell ref="M5:BZ5"/>
    <mergeCell ref="CA5:DG5"/>
    <mergeCell ref="FK5:HB5"/>
    <mergeCell ref="HC5:HM6"/>
    <mergeCell ref="HN5:HX6"/>
    <mergeCell ref="X6:AH6"/>
    <mergeCell ref="P7:V7"/>
    <mergeCell ref="W7:W8"/>
    <mergeCell ref="X7:Z7"/>
    <mergeCell ref="AA7:AG7"/>
    <mergeCell ref="B7:D7"/>
    <mergeCell ref="E7:K7"/>
    <mergeCell ref="L7:L8"/>
    <mergeCell ref="M7:O7"/>
    <mergeCell ref="AT7:AV7"/>
    <mergeCell ref="AW7:BC7"/>
    <mergeCell ref="BD7:BD8"/>
    <mergeCell ref="AH7:AH8"/>
    <mergeCell ref="AI7:AK7"/>
    <mergeCell ref="AL7:AR7"/>
    <mergeCell ref="AS7:AS8"/>
    <mergeCell ref="FJ7:FJ8"/>
    <mergeCell ref="DH5:FJ5"/>
    <mergeCell ref="H1:I1"/>
    <mergeCell ref="GR6:HB6"/>
    <mergeCell ref="GG6:GQ6"/>
    <mergeCell ref="M6:W6"/>
    <mergeCell ref="CA6:CK6"/>
    <mergeCell ref="DH6:DR6"/>
    <mergeCell ref="DS6:EC6"/>
    <mergeCell ref="ED6:EN6"/>
    <mergeCell ref="EO6:EY6"/>
    <mergeCell ref="FK6:FU6"/>
    <mergeCell ref="FV6:GF6"/>
    <mergeCell ref="EZ6:FJ6"/>
    <mergeCell ref="CW6:DG6"/>
    <mergeCell ref="BP6:BZ6"/>
    <mergeCell ref="CL6:CV6"/>
    <mergeCell ref="AI6:AS6"/>
    <mergeCell ref="AT6:BD6"/>
    <mergeCell ref="BE6:BO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10"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61" customWidth="1"/>
    <col min="82" max="82" width="7.6640625" style="361" customWidth="1"/>
    <col min="83" max="83" width="9.88671875" style="361" customWidth="1"/>
    <col min="84" max="84" width="10" style="361" customWidth="1"/>
    <col min="85" max="85" width="9.77734375" style="361" customWidth="1"/>
    <col min="86" max="86" width="9.21875" style="361" customWidth="1"/>
    <col min="87" max="87" width="8.77734375" style="361" customWidth="1"/>
    <col min="88" max="88" width="9.88671875" style="361" customWidth="1"/>
    <col min="89" max="89" width="9.77734375" style="361"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61" customWidth="1"/>
    <col min="115" max="115" width="7.21875" style="361" customWidth="1"/>
    <col min="116" max="120" width="8.21875" style="361" customWidth="1"/>
    <col min="121" max="121" width="10.109375" style="361" customWidth="1"/>
    <col min="122" max="122" width="9.77734375" style="361"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61" customWidth="1"/>
    <col min="170" max="170" width="6.6640625" style="361" customWidth="1"/>
    <col min="171" max="175" width="8.21875" style="361" customWidth="1"/>
    <col min="176" max="176" width="10.109375" style="361" customWidth="1"/>
    <col min="177" max="177" width="9.88671875" style="361"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411">
        <f>第１表!F2</f>
        <v>4</v>
      </c>
      <c r="E1" s="285">
        <f>第１表!G2</f>
        <v>3</v>
      </c>
      <c r="F1" s="640">
        <f>IF(E1&lt;3,E1-2+12,E1-2)</f>
        <v>1</v>
      </c>
      <c r="G1" s="640"/>
      <c r="IA1" s="411"/>
      <c r="IB1" s="287"/>
      <c r="IC1" s="605"/>
      <c r="ID1" s="605"/>
    </row>
    <row r="2" spans="1:408" ht="21.75" customHeight="1" x14ac:dyDescent="0.2">
      <c r="A2" s="20" t="s">
        <v>147</v>
      </c>
      <c r="D2" s="284"/>
      <c r="E2" s="285"/>
      <c r="F2" s="383"/>
      <c r="G2" s="383"/>
      <c r="IA2" s="286"/>
      <c r="IB2" s="287"/>
      <c r="IC2" s="414"/>
      <c r="ID2" s="414"/>
    </row>
    <row r="3" spans="1:408" ht="24" customHeight="1" thickBot="1" x14ac:dyDescent="0.25">
      <c r="A3" s="20" t="s">
        <v>137</v>
      </c>
    </row>
    <row r="4" spans="1:408" ht="19.5" customHeight="1" thickBot="1" x14ac:dyDescent="0.25">
      <c r="A4" s="702" t="s">
        <v>42</v>
      </c>
      <c r="B4" s="705" t="s">
        <v>63</v>
      </c>
      <c r="C4" s="705"/>
      <c r="D4" s="705"/>
      <c r="E4" s="705"/>
      <c r="F4" s="705"/>
      <c r="G4" s="705"/>
      <c r="H4" s="705"/>
      <c r="I4" s="705"/>
      <c r="J4" s="705"/>
      <c r="K4" s="705"/>
      <c r="L4" s="705"/>
      <c r="M4" s="708"/>
      <c r="N4" s="708"/>
      <c r="O4" s="708"/>
      <c r="P4" s="708"/>
      <c r="Q4" s="708"/>
      <c r="R4" s="708"/>
      <c r="S4" s="708"/>
      <c r="T4" s="708"/>
      <c r="U4" s="708"/>
      <c r="V4" s="708"/>
      <c r="W4" s="708"/>
      <c r="X4" s="708"/>
      <c r="Y4" s="708"/>
      <c r="Z4" s="708"/>
      <c r="AA4" s="708"/>
      <c r="AB4" s="708"/>
      <c r="AC4" s="708"/>
      <c r="AD4" s="708"/>
      <c r="AE4" s="708"/>
      <c r="AF4" s="708"/>
      <c r="AG4" s="708"/>
      <c r="AH4" s="708"/>
      <c r="AI4" s="708"/>
      <c r="AJ4" s="708"/>
      <c r="AK4" s="708"/>
      <c r="AL4" s="708"/>
      <c r="AM4" s="708"/>
      <c r="AN4" s="708"/>
      <c r="AO4" s="708"/>
      <c r="AP4" s="708"/>
      <c r="AQ4" s="708"/>
      <c r="AR4" s="708"/>
      <c r="AS4" s="708"/>
      <c r="AT4" s="708"/>
      <c r="AU4" s="708"/>
      <c r="AV4" s="708"/>
      <c r="AW4" s="708"/>
      <c r="AX4" s="708"/>
      <c r="AY4" s="708"/>
      <c r="AZ4" s="708"/>
      <c r="BA4" s="708"/>
      <c r="BB4" s="708"/>
      <c r="BC4" s="708"/>
      <c r="BD4" s="708"/>
      <c r="BE4" s="708"/>
      <c r="BF4" s="708"/>
      <c r="BG4" s="708"/>
      <c r="BH4" s="708"/>
      <c r="BI4" s="708"/>
      <c r="BJ4" s="708"/>
      <c r="BK4" s="708"/>
      <c r="BL4" s="708"/>
      <c r="BM4" s="708"/>
      <c r="BN4" s="708"/>
      <c r="BO4" s="708"/>
      <c r="BP4" s="708"/>
      <c r="BQ4" s="708"/>
      <c r="BR4" s="708"/>
      <c r="BS4" s="708"/>
      <c r="BT4" s="708"/>
      <c r="BU4" s="708"/>
      <c r="BV4" s="708"/>
      <c r="BW4" s="708"/>
      <c r="BX4" s="708"/>
      <c r="BY4" s="708"/>
      <c r="BZ4" s="708"/>
      <c r="CA4" s="708"/>
      <c r="CB4" s="708"/>
      <c r="CC4" s="708"/>
      <c r="CD4" s="708"/>
      <c r="CE4" s="708"/>
      <c r="CF4" s="708"/>
      <c r="CG4" s="708"/>
      <c r="CH4" s="708"/>
      <c r="CI4" s="708"/>
      <c r="CJ4" s="708"/>
      <c r="CK4" s="708"/>
      <c r="CL4" s="708"/>
      <c r="CM4" s="708"/>
      <c r="CN4" s="708"/>
      <c r="CO4" s="708"/>
      <c r="CP4" s="708"/>
      <c r="CQ4" s="708"/>
      <c r="CR4" s="708"/>
      <c r="CS4" s="708"/>
      <c r="CT4" s="708"/>
      <c r="CU4" s="708"/>
      <c r="CV4" s="708"/>
      <c r="CW4" s="708"/>
      <c r="CX4" s="708"/>
      <c r="CY4" s="708"/>
      <c r="CZ4" s="708"/>
      <c r="DA4" s="708"/>
      <c r="DB4" s="708"/>
      <c r="DC4" s="708"/>
      <c r="DD4" s="708"/>
      <c r="DE4" s="708"/>
      <c r="DF4" s="708"/>
      <c r="DG4" s="708"/>
      <c r="DH4" s="708"/>
      <c r="DI4" s="708"/>
      <c r="DJ4" s="708"/>
      <c r="DK4" s="708"/>
      <c r="DL4" s="708"/>
      <c r="DM4" s="708"/>
      <c r="DN4" s="708"/>
      <c r="DO4" s="708"/>
      <c r="DP4" s="708"/>
      <c r="DQ4" s="708"/>
      <c r="DR4" s="708"/>
      <c r="DS4" s="708"/>
      <c r="DT4" s="708"/>
      <c r="DU4" s="708"/>
      <c r="DV4" s="708"/>
      <c r="DW4" s="708"/>
      <c r="DX4" s="708"/>
      <c r="DY4" s="708"/>
      <c r="DZ4" s="708"/>
      <c r="EA4" s="708"/>
      <c r="EB4" s="708"/>
      <c r="EC4" s="708"/>
      <c r="ED4" s="708"/>
      <c r="EE4" s="708"/>
      <c r="EF4" s="708"/>
      <c r="EG4" s="708"/>
      <c r="EH4" s="708"/>
      <c r="EI4" s="708"/>
      <c r="EJ4" s="708"/>
      <c r="EK4" s="708"/>
      <c r="EL4" s="708"/>
      <c r="EM4" s="708"/>
      <c r="EN4" s="708"/>
      <c r="EO4" s="708"/>
      <c r="EP4" s="708"/>
      <c r="EQ4" s="708"/>
      <c r="ER4" s="708"/>
      <c r="ES4" s="708"/>
      <c r="ET4" s="708"/>
      <c r="EU4" s="708"/>
      <c r="EV4" s="708"/>
      <c r="EW4" s="708"/>
      <c r="EX4" s="708"/>
      <c r="EY4" s="708"/>
      <c r="EZ4" s="708"/>
      <c r="FA4" s="708"/>
      <c r="FB4" s="708"/>
      <c r="FC4" s="708"/>
      <c r="FD4" s="708"/>
      <c r="FE4" s="708"/>
      <c r="FF4" s="708"/>
      <c r="FG4" s="708"/>
      <c r="FH4" s="708"/>
      <c r="FI4" s="708"/>
      <c r="FJ4" s="708"/>
      <c r="FK4" s="708"/>
      <c r="FL4" s="708"/>
      <c r="FM4" s="708"/>
      <c r="FN4" s="708"/>
      <c r="FO4" s="708"/>
      <c r="FP4" s="708"/>
      <c r="FQ4" s="708"/>
      <c r="FR4" s="708"/>
      <c r="FS4" s="708"/>
      <c r="FT4" s="708"/>
      <c r="FU4" s="708"/>
      <c r="FV4" s="708"/>
      <c r="FW4" s="708"/>
      <c r="FX4" s="708"/>
      <c r="FY4" s="708"/>
      <c r="FZ4" s="708"/>
      <c r="GA4" s="708"/>
      <c r="GB4" s="708"/>
      <c r="GC4" s="708"/>
      <c r="GD4" s="708"/>
      <c r="GE4" s="708"/>
      <c r="GF4" s="708"/>
      <c r="GG4" s="708"/>
      <c r="GH4" s="708"/>
      <c r="GI4" s="708"/>
      <c r="GJ4" s="708"/>
      <c r="GK4" s="708"/>
      <c r="GL4" s="708"/>
      <c r="GM4" s="708"/>
      <c r="GN4" s="708"/>
      <c r="GO4" s="708"/>
      <c r="GP4" s="708"/>
      <c r="GQ4" s="708"/>
      <c r="GR4" s="708"/>
      <c r="GS4" s="708"/>
      <c r="GT4" s="708"/>
      <c r="GU4" s="708"/>
      <c r="GV4" s="708"/>
      <c r="GW4" s="708"/>
      <c r="GX4" s="708"/>
      <c r="GY4" s="708"/>
      <c r="GZ4" s="708"/>
      <c r="HA4" s="708"/>
      <c r="HB4" s="708"/>
      <c r="HC4" s="708"/>
      <c r="HD4" s="708"/>
      <c r="HE4" s="708"/>
      <c r="HF4" s="708"/>
      <c r="HG4" s="708"/>
      <c r="HH4" s="708"/>
      <c r="HI4" s="708"/>
      <c r="HJ4" s="708"/>
      <c r="HK4" s="708"/>
      <c r="HL4" s="708"/>
      <c r="HM4" s="708"/>
      <c r="HN4" s="708"/>
      <c r="HO4" s="708"/>
      <c r="HP4" s="708"/>
      <c r="HQ4" s="708"/>
      <c r="HR4" s="708"/>
      <c r="HS4" s="708"/>
      <c r="HT4" s="708"/>
      <c r="HU4" s="708"/>
      <c r="HV4" s="708"/>
      <c r="HW4" s="708"/>
      <c r="HX4" s="709"/>
      <c r="HY4" s="602" t="s">
        <v>85</v>
      </c>
      <c r="HZ4" s="603"/>
      <c r="IA4" s="603"/>
      <c r="IB4" s="603"/>
      <c r="IC4" s="603"/>
      <c r="ID4" s="603"/>
      <c r="IE4" s="603"/>
      <c r="IF4" s="603"/>
      <c r="IG4" s="603"/>
      <c r="IH4" s="603"/>
      <c r="II4" s="603"/>
      <c r="IJ4" s="603"/>
      <c r="IK4" s="603"/>
      <c r="IL4" s="603"/>
      <c r="IM4" s="603"/>
      <c r="IN4" s="603"/>
      <c r="IO4" s="603"/>
      <c r="IP4" s="603"/>
      <c r="IQ4" s="603"/>
      <c r="IR4" s="603"/>
      <c r="IS4" s="603"/>
      <c r="IT4" s="603"/>
      <c r="IU4" s="603"/>
      <c r="IV4" s="603"/>
      <c r="IW4" s="603"/>
      <c r="IX4" s="603"/>
      <c r="IY4" s="603"/>
      <c r="IZ4" s="603"/>
      <c r="JA4" s="603"/>
      <c r="JB4" s="603"/>
      <c r="JC4" s="603"/>
      <c r="JD4" s="603"/>
      <c r="JE4" s="603"/>
      <c r="JF4" s="603"/>
      <c r="JG4" s="603"/>
      <c r="JH4" s="603"/>
      <c r="JI4" s="603"/>
      <c r="JJ4" s="603"/>
      <c r="JK4" s="603"/>
      <c r="JL4" s="603"/>
      <c r="JM4" s="603"/>
      <c r="JN4" s="603"/>
      <c r="JO4" s="603"/>
      <c r="JP4" s="603"/>
      <c r="JQ4" s="603"/>
      <c r="JR4" s="603"/>
      <c r="JS4" s="603"/>
      <c r="JT4" s="603"/>
      <c r="JU4" s="603"/>
      <c r="JV4" s="603"/>
      <c r="JW4" s="603"/>
      <c r="JX4" s="603"/>
      <c r="JY4" s="603"/>
      <c r="JZ4" s="603"/>
      <c r="KA4" s="603"/>
      <c r="KB4" s="603"/>
      <c r="KC4" s="603"/>
      <c r="KD4" s="603"/>
      <c r="KE4" s="603"/>
      <c r="KF4" s="603"/>
      <c r="KG4" s="603"/>
      <c r="KH4" s="603"/>
      <c r="KI4" s="603"/>
      <c r="KJ4" s="603"/>
      <c r="KK4" s="603"/>
      <c r="KL4" s="603"/>
      <c r="KM4" s="603"/>
      <c r="KN4" s="603"/>
      <c r="KO4" s="603"/>
      <c r="KP4" s="603"/>
      <c r="KQ4" s="603"/>
      <c r="KR4" s="603"/>
      <c r="KS4" s="603"/>
      <c r="KT4" s="603"/>
      <c r="KU4" s="603"/>
      <c r="KV4" s="603"/>
      <c r="KW4" s="603"/>
      <c r="KX4" s="603"/>
      <c r="KY4" s="603"/>
      <c r="KZ4" s="603"/>
      <c r="LA4" s="603"/>
      <c r="LB4" s="603"/>
      <c r="LC4" s="603"/>
      <c r="LD4" s="603"/>
      <c r="LE4" s="603"/>
      <c r="LF4" s="603"/>
      <c r="LG4" s="603"/>
      <c r="LH4" s="603"/>
      <c r="LI4" s="603"/>
      <c r="LJ4" s="603"/>
      <c r="LK4" s="603"/>
      <c r="LL4" s="603"/>
      <c r="LM4" s="603"/>
      <c r="LN4" s="603"/>
      <c r="LO4" s="603"/>
      <c r="LP4" s="603"/>
      <c r="LQ4" s="603"/>
      <c r="LR4" s="603"/>
      <c r="LS4" s="603"/>
      <c r="LT4" s="603"/>
      <c r="LU4" s="603"/>
      <c r="LV4" s="603"/>
      <c r="LW4" s="603"/>
      <c r="LX4" s="603"/>
      <c r="LY4" s="603"/>
      <c r="LZ4" s="603"/>
      <c r="MA4" s="603"/>
      <c r="MB4" s="603"/>
      <c r="MC4" s="603"/>
      <c r="MD4" s="604"/>
      <c r="ME4" s="602" t="s">
        <v>86</v>
      </c>
      <c r="MF4" s="603"/>
      <c r="MG4" s="603"/>
      <c r="MH4" s="603"/>
      <c r="MI4" s="603"/>
      <c r="MJ4" s="603"/>
      <c r="MK4" s="603"/>
      <c r="ML4" s="603"/>
      <c r="MM4" s="603"/>
      <c r="MN4" s="603"/>
      <c r="MO4" s="603"/>
      <c r="MP4" s="603"/>
      <c r="MQ4" s="603"/>
      <c r="MR4" s="603"/>
      <c r="MS4" s="603"/>
      <c r="MT4" s="603"/>
      <c r="MU4" s="603"/>
      <c r="MV4" s="603"/>
      <c r="MW4" s="603"/>
      <c r="MX4" s="603"/>
      <c r="MY4" s="603"/>
      <c r="MZ4" s="603"/>
      <c r="NA4" s="603"/>
      <c r="NB4" s="603"/>
      <c r="NC4" s="603"/>
      <c r="ND4" s="603"/>
      <c r="NE4" s="603"/>
      <c r="NF4" s="603"/>
      <c r="NG4" s="603"/>
      <c r="NH4" s="603"/>
      <c r="NI4" s="603"/>
      <c r="NJ4" s="603"/>
      <c r="NK4" s="603"/>
      <c r="NL4" s="603"/>
      <c r="NM4" s="603"/>
      <c r="NN4" s="603"/>
      <c r="NO4" s="603"/>
      <c r="NP4" s="603"/>
      <c r="NQ4" s="603"/>
      <c r="NR4" s="603"/>
      <c r="NS4" s="603"/>
      <c r="NT4" s="603"/>
      <c r="NU4" s="603"/>
      <c r="NV4" s="603"/>
      <c r="NW4" s="603"/>
      <c r="NX4" s="603"/>
      <c r="NY4" s="603"/>
      <c r="NZ4" s="603"/>
      <c r="OA4" s="603"/>
      <c r="OB4" s="603"/>
      <c r="OC4" s="603"/>
      <c r="OD4" s="603"/>
      <c r="OE4" s="603"/>
      <c r="OF4" s="603"/>
      <c r="OG4" s="604"/>
      <c r="OH4" s="593" t="s">
        <v>60</v>
      </c>
      <c r="OI4" s="497"/>
      <c r="OJ4" s="497"/>
      <c r="OK4" s="497"/>
      <c r="OL4" s="497"/>
      <c r="OM4" s="497"/>
      <c r="ON4" s="497"/>
      <c r="OO4" s="497"/>
      <c r="OP4" s="497"/>
      <c r="OQ4" s="497"/>
      <c r="OR4" s="498"/>
    </row>
    <row r="5" spans="1:408" ht="19.5" customHeight="1" thickBot="1" x14ac:dyDescent="0.25">
      <c r="A5" s="703"/>
      <c r="B5" s="706"/>
      <c r="C5" s="706"/>
      <c r="D5" s="706"/>
      <c r="E5" s="706"/>
      <c r="F5" s="706"/>
      <c r="G5" s="706"/>
      <c r="H5" s="706"/>
      <c r="I5" s="706"/>
      <c r="J5" s="706"/>
      <c r="K5" s="706"/>
      <c r="L5" s="706"/>
      <c r="M5" s="710" t="s">
        <v>64</v>
      </c>
      <c r="N5" s="711"/>
      <c r="O5" s="711"/>
      <c r="P5" s="711"/>
      <c r="Q5" s="711"/>
      <c r="R5" s="711"/>
      <c r="S5" s="711"/>
      <c r="T5" s="711"/>
      <c r="U5" s="711"/>
      <c r="V5" s="711"/>
      <c r="W5" s="711"/>
      <c r="X5" s="711"/>
      <c r="Y5" s="711"/>
      <c r="Z5" s="711"/>
      <c r="AA5" s="711"/>
      <c r="AB5" s="711"/>
      <c r="AC5" s="711"/>
      <c r="AD5" s="711"/>
      <c r="AE5" s="711"/>
      <c r="AF5" s="711"/>
      <c r="AG5" s="711"/>
      <c r="AH5" s="711"/>
      <c r="AI5" s="711"/>
      <c r="AJ5" s="711"/>
      <c r="AK5" s="711"/>
      <c r="AL5" s="711"/>
      <c r="AM5" s="711"/>
      <c r="AN5" s="711"/>
      <c r="AO5" s="711"/>
      <c r="AP5" s="711"/>
      <c r="AQ5" s="711"/>
      <c r="AR5" s="711"/>
      <c r="AS5" s="711"/>
      <c r="AT5" s="711"/>
      <c r="AU5" s="711"/>
      <c r="AV5" s="711"/>
      <c r="AW5" s="711"/>
      <c r="AX5" s="711"/>
      <c r="AY5" s="711"/>
      <c r="AZ5" s="711"/>
      <c r="BA5" s="711"/>
      <c r="BB5" s="711"/>
      <c r="BC5" s="711"/>
      <c r="BD5" s="711"/>
      <c r="BE5" s="711"/>
      <c r="BF5" s="711"/>
      <c r="BG5" s="711"/>
      <c r="BH5" s="711"/>
      <c r="BI5" s="711"/>
      <c r="BJ5" s="711"/>
      <c r="BK5" s="711"/>
      <c r="BL5" s="711"/>
      <c r="BM5" s="711"/>
      <c r="BN5" s="711"/>
      <c r="BO5" s="711"/>
      <c r="BP5" s="711"/>
      <c r="BQ5" s="711"/>
      <c r="BR5" s="711"/>
      <c r="BS5" s="711"/>
      <c r="BT5" s="711"/>
      <c r="BU5" s="711"/>
      <c r="BV5" s="711"/>
      <c r="BW5" s="711"/>
      <c r="BX5" s="711"/>
      <c r="BY5" s="711"/>
      <c r="BZ5" s="712"/>
      <c r="CA5" s="710" t="s">
        <v>65</v>
      </c>
      <c r="CB5" s="711"/>
      <c r="CC5" s="711"/>
      <c r="CD5" s="711"/>
      <c r="CE5" s="711"/>
      <c r="CF5" s="711"/>
      <c r="CG5" s="711"/>
      <c r="CH5" s="711"/>
      <c r="CI5" s="711"/>
      <c r="CJ5" s="711"/>
      <c r="CK5" s="711"/>
      <c r="CL5" s="711"/>
      <c r="CM5" s="711"/>
      <c r="CN5" s="711"/>
      <c r="CO5" s="711"/>
      <c r="CP5" s="711"/>
      <c r="CQ5" s="711"/>
      <c r="CR5" s="711"/>
      <c r="CS5" s="711"/>
      <c r="CT5" s="711"/>
      <c r="CU5" s="711"/>
      <c r="CV5" s="711"/>
      <c r="CW5" s="711"/>
      <c r="CX5" s="711"/>
      <c r="CY5" s="711"/>
      <c r="CZ5" s="711"/>
      <c r="DA5" s="711"/>
      <c r="DB5" s="711"/>
      <c r="DC5" s="711"/>
      <c r="DD5" s="711"/>
      <c r="DE5" s="711"/>
      <c r="DF5" s="711"/>
      <c r="DG5" s="712"/>
      <c r="DH5" s="514" t="s">
        <v>66</v>
      </c>
      <c r="DI5" s="515"/>
      <c r="DJ5" s="515"/>
      <c r="DK5" s="515"/>
      <c r="DL5" s="515"/>
      <c r="DM5" s="515"/>
      <c r="DN5" s="515"/>
      <c r="DO5" s="515"/>
      <c r="DP5" s="515"/>
      <c r="DQ5" s="515"/>
      <c r="DR5" s="515"/>
      <c r="DS5" s="515"/>
      <c r="DT5" s="515"/>
      <c r="DU5" s="515"/>
      <c r="DV5" s="515"/>
      <c r="DW5" s="515"/>
      <c r="DX5" s="515"/>
      <c r="DY5" s="515"/>
      <c r="DZ5" s="515"/>
      <c r="EA5" s="515"/>
      <c r="EB5" s="515"/>
      <c r="EC5" s="515"/>
      <c r="ED5" s="515"/>
      <c r="EE5" s="515"/>
      <c r="EF5" s="515"/>
      <c r="EG5" s="515"/>
      <c r="EH5" s="515"/>
      <c r="EI5" s="515"/>
      <c r="EJ5" s="515"/>
      <c r="EK5" s="515"/>
      <c r="EL5" s="515"/>
      <c r="EM5" s="515"/>
      <c r="EN5" s="515"/>
      <c r="EO5" s="515"/>
      <c r="EP5" s="515"/>
      <c r="EQ5" s="515"/>
      <c r="ER5" s="515"/>
      <c r="ES5" s="515"/>
      <c r="ET5" s="515"/>
      <c r="EU5" s="515"/>
      <c r="EV5" s="515"/>
      <c r="EW5" s="515"/>
      <c r="EX5" s="515"/>
      <c r="EY5" s="515"/>
      <c r="EZ5" s="515"/>
      <c r="FA5" s="515"/>
      <c r="FB5" s="515"/>
      <c r="FC5" s="515"/>
      <c r="FD5" s="515"/>
      <c r="FE5" s="515"/>
      <c r="FF5" s="515"/>
      <c r="FG5" s="515"/>
      <c r="FH5" s="515"/>
      <c r="FI5" s="515"/>
      <c r="FJ5" s="516"/>
      <c r="FK5" s="710" t="s">
        <v>67</v>
      </c>
      <c r="FL5" s="711"/>
      <c r="FM5" s="711"/>
      <c r="FN5" s="711"/>
      <c r="FO5" s="711"/>
      <c r="FP5" s="711"/>
      <c r="FQ5" s="711"/>
      <c r="FR5" s="711"/>
      <c r="FS5" s="711"/>
      <c r="FT5" s="711"/>
      <c r="FU5" s="711"/>
      <c r="FV5" s="711"/>
      <c r="FW5" s="711"/>
      <c r="FX5" s="711"/>
      <c r="FY5" s="711"/>
      <c r="FZ5" s="711"/>
      <c r="GA5" s="711"/>
      <c r="GB5" s="711"/>
      <c r="GC5" s="711"/>
      <c r="GD5" s="711"/>
      <c r="GE5" s="711"/>
      <c r="GF5" s="711"/>
      <c r="GG5" s="711"/>
      <c r="GH5" s="711"/>
      <c r="GI5" s="711"/>
      <c r="GJ5" s="711"/>
      <c r="GK5" s="711"/>
      <c r="GL5" s="711"/>
      <c r="GM5" s="711"/>
      <c r="GN5" s="711"/>
      <c r="GO5" s="711"/>
      <c r="GP5" s="711"/>
      <c r="GQ5" s="711"/>
      <c r="GR5" s="711"/>
      <c r="GS5" s="711"/>
      <c r="GT5" s="711"/>
      <c r="GU5" s="711"/>
      <c r="GV5" s="711"/>
      <c r="GW5" s="711"/>
      <c r="GX5" s="711"/>
      <c r="GY5" s="711"/>
      <c r="GZ5" s="711"/>
      <c r="HA5" s="711"/>
      <c r="HB5" s="712"/>
      <c r="HC5" s="713" t="s">
        <v>68</v>
      </c>
      <c r="HD5" s="714"/>
      <c r="HE5" s="714"/>
      <c r="HF5" s="714"/>
      <c r="HG5" s="714"/>
      <c r="HH5" s="714"/>
      <c r="HI5" s="714"/>
      <c r="HJ5" s="714"/>
      <c r="HK5" s="714"/>
      <c r="HL5" s="714"/>
      <c r="HM5" s="715"/>
      <c r="HN5" s="713" t="s">
        <v>69</v>
      </c>
      <c r="HO5" s="714"/>
      <c r="HP5" s="714"/>
      <c r="HQ5" s="714"/>
      <c r="HR5" s="714"/>
      <c r="HS5" s="714"/>
      <c r="HT5" s="714"/>
      <c r="HU5" s="714"/>
      <c r="HV5" s="714"/>
      <c r="HW5" s="714"/>
      <c r="HX5" s="715"/>
      <c r="HY5" s="655"/>
      <c r="HZ5" s="656"/>
      <c r="IA5" s="656"/>
      <c r="IB5" s="656"/>
      <c r="IC5" s="656"/>
      <c r="ID5" s="656"/>
      <c r="IE5" s="656"/>
      <c r="IF5" s="656"/>
      <c r="IG5" s="656"/>
      <c r="IH5" s="656"/>
      <c r="II5" s="657"/>
      <c r="IJ5" s="593" t="s">
        <v>94</v>
      </c>
      <c r="IK5" s="497"/>
      <c r="IL5" s="497"/>
      <c r="IM5" s="497"/>
      <c r="IN5" s="497"/>
      <c r="IO5" s="497"/>
      <c r="IP5" s="497"/>
      <c r="IQ5" s="497"/>
      <c r="IR5" s="497"/>
      <c r="IS5" s="497"/>
      <c r="IT5" s="498"/>
      <c r="IU5" s="593" t="s">
        <v>88</v>
      </c>
      <c r="IV5" s="497"/>
      <c r="IW5" s="497"/>
      <c r="IX5" s="497"/>
      <c r="IY5" s="497"/>
      <c r="IZ5" s="497"/>
      <c r="JA5" s="497"/>
      <c r="JB5" s="497"/>
      <c r="JC5" s="497"/>
      <c r="JD5" s="497"/>
      <c r="JE5" s="498"/>
      <c r="JF5" s="658" t="s">
        <v>144</v>
      </c>
      <c r="JG5" s="659"/>
      <c r="JH5" s="659"/>
      <c r="JI5" s="659"/>
      <c r="JJ5" s="659"/>
      <c r="JK5" s="659"/>
      <c r="JL5" s="659"/>
      <c r="JM5" s="659"/>
      <c r="JN5" s="659"/>
      <c r="JO5" s="659"/>
      <c r="JP5" s="660"/>
      <c r="JQ5" s="593" t="s">
        <v>90</v>
      </c>
      <c r="JR5" s="497"/>
      <c r="JS5" s="497"/>
      <c r="JT5" s="497"/>
      <c r="JU5" s="497"/>
      <c r="JV5" s="497"/>
      <c r="JW5" s="497"/>
      <c r="JX5" s="497"/>
      <c r="JY5" s="497"/>
      <c r="JZ5" s="497"/>
      <c r="KA5" s="498"/>
      <c r="KB5" s="593" t="s">
        <v>89</v>
      </c>
      <c r="KC5" s="497"/>
      <c r="KD5" s="497"/>
      <c r="KE5" s="497"/>
      <c r="KF5" s="497"/>
      <c r="KG5" s="497"/>
      <c r="KH5" s="497"/>
      <c r="KI5" s="497"/>
      <c r="KJ5" s="497"/>
      <c r="KK5" s="497"/>
      <c r="KL5" s="498"/>
      <c r="KM5" s="593" t="s">
        <v>91</v>
      </c>
      <c r="KN5" s="497"/>
      <c r="KO5" s="497"/>
      <c r="KP5" s="497"/>
      <c r="KQ5" s="497"/>
      <c r="KR5" s="497"/>
      <c r="KS5" s="497"/>
      <c r="KT5" s="497"/>
      <c r="KU5" s="497"/>
      <c r="KV5" s="497"/>
      <c r="KW5" s="498"/>
      <c r="KX5" s="593" t="s">
        <v>92</v>
      </c>
      <c r="KY5" s="497"/>
      <c r="KZ5" s="497"/>
      <c r="LA5" s="497"/>
      <c r="LB5" s="497"/>
      <c r="LC5" s="497"/>
      <c r="LD5" s="497"/>
      <c r="LE5" s="497"/>
      <c r="LF5" s="497"/>
      <c r="LG5" s="497"/>
      <c r="LH5" s="498"/>
      <c r="LI5" s="664" t="s">
        <v>93</v>
      </c>
      <c r="LJ5" s="665"/>
      <c r="LK5" s="665"/>
      <c r="LL5" s="665"/>
      <c r="LM5" s="665"/>
      <c r="LN5" s="665"/>
      <c r="LO5" s="665"/>
      <c r="LP5" s="665"/>
      <c r="LQ5" s="665"/>
      <c r="LR5" s="665"/>
      <c r="LS5" s="666"/>
      <c r="LT5" s="667" t="s">
        <v>145</v>
      </c>
      <c r="LU5" s="668"/>
      <c r="LV5" s="668"/>
      <c r="LW5" s="668"/>
      <c r="LX5" s="668"/>
      <c r="LY5" s="668"/>
      <c r="LZ5" s="668"/>
      <c r="MA5" s="668"/>
      <c r="MB5" s="668"/>
      <c r="MC5" s="668"/>
      <c r="MD5" s="669"/>
      <c r="ME5" s="655"/>
      <c r="MF5" s="656"/>
      <c r="MG5" s="656"/>
      <c r="MH5" s="656"/>
      <c r="MI5" s="656"/>
      <c r="MJ5" s="656"/>
      <c r="MK5" s="656"/>
      <c r="ML5" s="656"/>
      <c r="MM5" s="656"/>
      <c r="MN5" s="656"/>
      <c r="MO5" s="657"/>
      <c r="MP5" s="593" t="s">
        <v>57</v>
      </c>
      <c r="MQ5" s="497"/>
      <c r="MR5" s="497"/>
      <c r="MS5" s="497"/>
      <c r="MT5" s="497"/>
      <c r="MU5" s="497"/>
      <c r="MV5" s="497"/>
      <c r="MW5" s="497"/>
      <c r="MX5" s="497"/>
      <c r="MY5" s="497"/>
      <c r="MZ5" s="498"/>
      <c r="NA5" s="593" t="s">
        <v>58</v>
      </c>
      <c r="NB5" s="497"/>
      <c r="NC5" s="497"/>
      <c r="ND5" s="497"/>
      <c r="NE5" s="497"/>
      <c r="NF5" s="497"/>
      <c r="NG5" s="497"/>
      <c r="NH5" s="497"/>
      <c r="NI5" s="497"/>
      <c r="NJ5" s="497"/>
      <c r="NK5" s="498"/>
      <c r="NL5" s="593" t="s">
        <v>59</v>
      </c>
      <c r="NM5" s="497"/>
      <c r="NN5" s="497"/>
      <c r="NO5" s="497"/>
      <c r="NP5" s="497"/>
      <c r="NQ5" s="497"/>
      <c r="NR5" s="497"/>
      <c r="NS5" s="497"/>
      <c r="NT5" s="497"/>
      <c r="NU5" s="497"/>
      <c r="NV5" s="498"/>
      <c r="NW5" s="645" t="s">
        <v>151</v>
      </c>
      <c r="NX5" s="646"/>
      <c r="NY5" s="646"/>
      <c r="NZ5" s="646"/>
      <c r="OA5" s="646"/>
      <c r="OB5" s="646"/>
      <c r="OC5" s="646"/>
      <c r="OD5" s="646"/>
      <c r="OE5" s="646"/>
      <c r="OF5" s="646"/>
      <c r="OG5" s="647"/>
      <c r="OH5" s="652"/>
      <c r="OI5" s="653"/>
      <c r="OJ5" s="653"/>
      <c r="OK5" s="653"/>
      <c r="OL5" s="653"/>
      <c r="OM5" s="653"/>
      <c r="ON5" s="653"/>
      <c r="OO5" s="653"/>
      <c r="OP5" s="653"/>
      <c r="OQ5" s="653"/>
      <c r="OR5" s="654"/>
    </row>
    <row r="6" spans="1:408" ht="19.5" customHeight="1" thickBot="1" x14ac:dyDescent="0.25">
      <c r="A6" s="703"/>
      <c r="B6" s="707"/>
      <c r="C6" s="707"/>
      <c r="D6" s="707"/>
      <c r="E6" s="707"/>
      <c r="F6" s="707"/>
      <c r="G6" s="707"/>
      <c r="H6" s="707"/>
      <c r="I6" s="707"/>
      <c r="J6" s="707"/>
      <c r="K6" s="707"/>
      <c r="L6" s="707"/>
      <c r="M6" s="506"/>
      <c r="N6" s="507"/>
      <c r="O6" s="507"/>
      <c r="P6" s="507"/>
      <c r="Q6" s="507"/>
      <c r="R6" s="507"/>
      <c r="S6" s="507"/>
      <c r="T6" s="507"/>
      <c r="U6" s="507"/>
      <c r="V6" s="507"/>
      <c r="W6" s="508"/>
      <c r="X6" s="695" t="s">
        <v>70</v>
      </c>
      <c r="Y6" s="510"/>
      <c r="Z6" s="510"/>
      <c r="AA6" s="510"/>
      <c r="AB6" s="510"/>
      <c r="AC6" s="510"/>
      <c r="AD6" s="510"/>
      <c r="AE6" s="510"/>
      <c r="AF6" s="510"/>
      <c r="AG6" s="510"/>
      <c r="AH6" s="511"/>
      <c r="AI6" s="690" t="s">
        <v>71</v>
      </c>
      <c r="AJ6" s="691"/>
      <c r="AK6" s="691"/>
      <c r="AL6" s="691"/>
      <c r="AM6" s="691"/>
      <c r="AN6" s="691"/>
      <c r="AO6" s="691"/>
      <c r="AP6" s="691"/>
      <c r="AQ6" s="691"/>
      <c r="AR6" s="691"/>
      <c r="AS6" s="692"/>
      <c r="AT6" s="690" t="s">
        <v>72</v>
      </c>
      <c r="AU6" s="691"/>
      <c r="AV6" s="691"/>
      <c r="AW6" s="691"/>
      <c r="AX6" s="691"/>
      <c r="AY6" s="691"/>
      <c r="AZ6" s="691"/>
      <c r="BA6" s="691"/>
      <c r="BB6" s="691"/>
      <c r="BC6" s="691"/>
      <c r="BD6" s="692"/>
      <c r="BE6" s="690" t="s">
        <v>73</v>
      </c>
      <c r="BF6" s="691"/>
      <c r="BG6" s="691"/>
      <c r="BH6" s="691"/>
      <c r="BI6" s="691"/>
      <c r="BJ6" s="691"/>
      <c r="BK6" s="691"/>
      <c r="BL6" s="691"/>
      <c r="BM6" s="691"/>
      <c r="BN6" s="691"/>
      <c r="BO6" s="692"/>
      <c r="BP6" s="690" t="s">
        <v>74</v>
      </c>
      <c r="BQ6" s="691"/>
      <c r="BR6" s="691"/>
      <c r="BS6" s="691"/>
      <c r="BT6" s="691"/>
      <c r="BU6" s="691"/>
      <c r="BV6" s="691"/>
      <c r="BW6" s="691"/>
      <c r="BX6" s="691"/>
      <c r="BY6" s="691"/>
      <c r="BZ6" s="692"/>
      <c r="CA6" s="693"/>
      <c r="CB6" s="694"/>
      <c r="CC6" s="694"/>
      <c r="CD6" s="694"/>
      <c r="CE6" s="694"/>
      <c r="CF6" s="694"/>
      <c r="CG6" s="694"/>
      <c r="CH6" s="694"/>
      <c r="CI6" s="694"/>
      <c r="CJ6" s="694"/>
      <c r="CK6" s="719"/>
      <c r="CL6" s="690" t="s">
        <v>75</v>
      </c>
      <c r="CM6" s="691"/>
      <c r="CN6" s="691"/>
      <c r="CO6" s="691"/>
      <c r="CP6" s="691"/>
      <c r="CQ6" s="691"/>
      <c r="CR6" s="691"/>
      <c r="CS6" s="691"/>
      <c r="CT6" s="691"/>
      <c r="CU6" s="691"/>
      <c r="CV6" s="692"/>
      <c r="CW6" s="690" t="s">
        <v>76</v>
      </c>
      <c r="CX6" s="691"/>
      <c r="CY6" s="691"/>
      <c r="CZ6" s="691"/>
      <c r="DA6" s="691"/>
      <c r="DB6" s="691"/>
      <c r="DC6" s="691"/>
      <c r="DD6" s="691"/>
      <c r="DE6" s="691"/>
      <c r="DF6" s="691"/>
      <c r="DG6" s="692"/>
      <c r="DH6" s="693"/>
      <c r="DI6" s="694"/>
      <c r="DJ6" s="694"/>
      <c r="DK6" s="694"/>
      <c r="DL6" s="694"/>
      <c r="DM6" s="694"/>
      <c r="DN6" s="694"/>
      <c r="DO6" s="694"/>
      <c r="DP6" s="694"/>
      <c r="DQ6" s="694"/>
      <c r="DR6" s="694"/>
      <c r="DS6" s="690" t="s">
        <v>77</v>
      </c>
      <c r="DT6" s="691"/>
      <c r="DU6" s="691"/>
      <c r="DV6" s="691"/>
      <c r="DW6" s="691"/>
      <c r="DX6" s="691"/>
      <c r="DY6" s="691"/>
      <c r="DZ6" s="691"/>
      <c r="EA6" s="691"/>
      <c r="EB6" s="691"/>
      <c r="EC6" s="692"/>
      <c r="ED6" s="690" t="s">
        <v>78</v>
      </c>
      <c r="EE6" s="691"/>
      <c r="EF6" s="691"/>
      <c r="EG6" s="691"/>
      <c r="EH6" s="691"/>
      <c r="EI6" s="691"/>
      <c r="EJ6" s="691"/>
      <c r="EK6" s="691"/>
      <c r="EL6" s="691"/>
      <c r="EM6" s="691"/>
      <c r="EN6" s="692"/>
      <c r="EO6" s="690" t="s">
        <v>79</v>
      </c>
      <c r="EP6" s="691"/>
      <c r="EQ6" s="691"/>
      <c r="ER6" s="691"/>
      <c r="ES6" s="691"/>
      <c r="ET6" s="691"/>
      <c r="EU6" s="691"/>
      <c r="EV6" s="691"/>
      <c r="EW6" s="691"/>
      <c r="EX6" s="691"/>
      <c r="EY6" s="692"/>
      <c r="EZ6" s="612" t="s">
        <v>152</v>
      </c>
      <c r="FA6" s="691"/>
      <c r="FB6" s="691"/>
      <c r="FC6" s="691"/>
      <c r="FD6" s="691"/>
      <c r="FE6" s="691"/>
      <c r="FF6" s="691"/>
      <c r="FG6" s="691"/>
      <c r="FH6" s="691"/>
      <c r="FI6" s="691"/>
      <c r="FJ6" s="692"/>
      <c r="FK6" s="693"/>
      <c r="FL6" s="694"/>
      <c r="FM6" s="694"/>
      <c r="FN6" s="694"/>
      <c r="FO6" s="694"/>
      <c r="FP6" s="694"/>
      <c r="FQ6" s="694"/>
      <c r="FR6" s="694"/>
      <c r="FS6" s="694"/>
      <c r="FT6" s="694"/>
      <c r="FU6" s="694"/>
      <c r="FV6" s="690" t="s">
        <v>80</v>
      </c>
      <c r="FW6" s="691"/>
      <c r="FX6" s="691"/>
      <c r="FY6" s="691"/>
      <c r="FZ6" s="691"/>
      <c r="GA6" s="691"/>
      <c r="GB6" s="691"/>
      <c r="GC6" s="691"/>
      <c r="GD6" s="691"/>
      <c r="GE6" s="691"/>
      <c r="GF6" s="692"/>
      <c r="GG6" s="695" t="s">
        <v>81</v>
      </c>
      <c r="GH6" s="510"/>
      <c r="GI6" s="510"/>
      <c r="GJ6" s="510"/>
      <c r="GK6" s="510"/>
      <c r="GL6" s="510"/>
      <c r="GM6" s="510"/>
      <c r="GN6" s="510"/>
      <c r="GO6" s="510"/>
      <c r="GP6" s="510"/>
      <c r="GQ6" s="511"/>
      <c r="GR6" s="695" t="s">
        <v>82</v>
      </c>
      <c r="GS6" s="510"/>
      <c r="GT6" s="510"/>
      <c r="GU6" s="510"/>
      <c r="GV6" s="510"/>
      <c r="GW6" s="510"/>
      <c r="GX6" s="510"/>
      <c r="GY6" s="510"/>
      <c r="GZ6" s="510"/>
      <c r="HA6" s="510"/>
      <c r="HB6" s="511"/>
      <c r="HC6" s="716"/>
      <c r="HD6" s="717"/>
      <c r="HE6" s="717"/>
      <c r="HF6" s="717"/>
      <c r="HG6" s="717"/>
      <c r="HH6" s="717"/>
      <c r="HI6" s="717"/>
      <c r="HJ6" s="717"/>
      <c r="HK6" s="717"/>
      <c r="HL6" s="717"/>
      <c r="HM6" s="718"/>
      <c r="HN6" s="716"/>
      <c r="HO6" s="717"/>
      <c r="HP6" s="717"/>
      <c r="HQ6" s="717"/>
      <c r="HR6" s="717"/>
      <c r="HS6" s="717"/>
      <c r="HT6" s="717"/>
      <c r="HU6" s="717"/>
      <c r="HV6" s="717"/>
      <c r="HW6" s="717"/>
      <c r="HX6" s="718"/>
      <c r="HY6" s="606"/>
      <c r="HZ6" s="607"/>
      <c r="IA6" s="607"/>
      <c r="IB6" s="607"/>
      <c r="IC6" s="607"/>
      <c r="ID6" s="607"/>
      <c r="IE6" s="607"/>
      <c r="IF6" s="607"/>
      <c r="IG6" s="607"/>
      <c r="IH6" s="607"/>
      <c r="II6" s="608"/>
      <c r="IJ6" s="594"/>
      <c r="IK6" s="587"/>
      <c r="IL6" s="587"/>
      <c r="IM6" s="587"/>
      <c r="IN6" s="587"/>
      <c r="IO6" s="587"/>
      <c r="IP6" s="587"/>
      <c r="IQ6" s="587"/>
      <c r="IR6" s="587"/>
      <c r="IS6" s="587"/>
      <c r="IT6" s="595"/>
      <c r="IU6" s="594"/>
      <c r="IV6" s="587"/>
      <c r="IW6" s="587"/>
      <c r="IX6" s="587"/>
      <c r="IY6" s="587"/>
      <c r="IZ6" s="587"/>
      <c r="JA6" s="587"/>
      <c r="JB6" s="587"/>
      <c r="JC6" s="587"/>
      <c r="JD6" s="587"/>
      <c r="JE6" s="595"/>
      <c r="JF6" s="661"/>
      <c r="JG6" s="662"/>
      <c r="JH6" s="662"/>
      <c r="JI6" s="662"/>
      <c r="JJ6" s="662"/>
      <c r="JK6" s="662"/>
      <c r="JL6" s="662"/>
      <c r="JM6" s="662"/>
      <c r="JN6" s="662"/>
      <c r="JO6" s="662"/>
      <c r="JP6" s="663"/>
      <c r="JQ6" s="594"/>
      <c r="JR6" s="587"/>
      <c r="JS6" s="587"/>
      <c r="JT6" s="587"/>
      <c r="JU6" s="587"/>
      <c r="JV6" s="587"/>
      <c r="JW6" s="587"/>
      <c r="JX6" s="587"/>
      <c r="JY6" s="587"/>
      <c r="JZ6" s="587"/>
      <c r="KA6" s="595"/>
      <c r="KB6" s="594"/>
      <c r="KC6" s="587"/>
      <c r="KD6" s="587"/>
      <c r="KE6" s="587"/>
      <c r="KF6" s="587"/>
      <c r="KG6" s="587"/>
      <c r="KH6" s="587"/>
      <c r="KI6" s="587"/>
      <c r="KJ6" s="587"/>
      <c r="KK6" s="587"/>
      <c r="KL6" s="595"/>
      <c r="KM6" s="594"/>
      <c r="KN6" s="587"/>
      <c r="KO6" s="587"/>
      <c r="KP6" s="587"/>
      <c r="KQ6" s="587"/>
      <c r="KR6" s="587"/>
      <c r="KS6" s="587"/>
      <c r="KT6" s="587"/>
      <c r="KU6" s="587"/>
      <c r="KV6" s="587"/>
      <c r="KW6" s="595"/>
      <c r="KX6" s="594"/>
      <c r="KY6" s="587"/>
      <c r="KZ6" s="587"/>
      <c r="LA6" s="587"/>
      <c r="LB6" s="587"/>
      <c r="LC6" s="587"/>
      <c r="LD6" s="587"/>
      <c r="LE6" s="587"/>
      <c r="LF6" s="587"/>
      <c r="LG6" s="587"/>
      <c r="LH6" s="595"/>
      <c r="LI6" s="606"/>
      <c r="LJ6" s="607"/>
      <c r="LK6" s="607"/>
      <c r="LL6" s="607"/>
      <c r="LM6" s="607"/>
      <c r="LN6" s="607"/>
      <c r="LO6" s="607"/>
      <c r="LP6" s="607"/>
      <c r="LQ6" s="607"/>
      <c r="LR6" s="607"/>
      <c r="LS6" s="608"/>
      <c r="LT6" s="670"/>
      <c r="LU6" s="671"/>
      <c r="LV6" s="671"/>
      <c r="LW6" s="671"/>
      <c r="LX6" s="671"/>
      <c r="LY6" s="671"/>
      <c r="LZ6" s="671"/>
      <c r="MA6" s="671"/>
      <c r="MB6" s="671"/>
      <c r="MC6" s="671"/>
      <c r="MD6" s="672"/>
      <c r="ME6" s="606"/>
      <c r="MF6" s="607"/>
      <c r="MG6" s="607"/>
      <c r="MH6" s="607"/>
      <c r="MI6" s="607"/>
      <c r="MJ6" s="607"/>
      <c r="MK6" s="607"/>
      <c r="ML6" s="607"/>
      <c r="MM6" s="607"/>
      <c r="MN6" s="607"/>
      <c r="MO6" s="608"/>
      <c r="MP6" s="594"/>
      <c r="MQ6" s="587"/>
      <c r="MR6" s="587"/>
      <c r="MS6" s="587"/>
      <c r="MT6" s="587"/>
      <c r="MU6" s="587"/>
      <c r="MV6" s="587"/>
      <c r="MW6" s="587"/>
      <c r="MX6" s="587"/>
      <c r="MY6" s="587"/>
      <c r="MZ6" s="595"/>
      <c r="NA6" s="594"/>
      <c r="NB6" s="587"/>
      <c r="NC6" s="587"/>
      <c r="ND6" s="587"/>
      <c r="NE6" s="587"/>
      <c r="NF6" s="587"/>
      <c r="NG6" s="587"/>
      <c r="NH6" s="587"/>
      <c r="NI6" s="587"/>
      <c r="NJ6" s="587"/>
      <c r="NK6" s="595"/>
      <c r="NL6" s="594"/>
      <c r="NM6" s="587"/>
      <c r="NN6" s="587"/>
      <c r="NO6" s="587"/>
      <c r="NP6" s="587"/>
      <c r="NQ6" s="587"/>
      <c r="NR6" s="587"/>
      <c r="NS6" s="587"/>
      <c r="NT6" s="587"/>
      <c r="NU6" s="587"/>
      <c r="NV6" s="595"/>
      <c r="NW6" s="648"/>
      <c r="NX6" s="649"/>
      <c r="NY6" s="649"/>
      <c r="NZ6" s="649"/>
      <c r="OA6" s="649"/>
      <c r="OB6" s="649"/>
      <c r="OC6" s="649"/>
      <c r="OD6" s="649"/>
      <c r="OE6" s="649"/>
      <c r="OF6" s="649"/>
      <c r="OG6" s="650"/>
      <c r="OH6" s="594"/>
      <c r="OI6" s="587"/>
      <c r="OJ6" s="587"/>
      <c r="OK6" s="587"/>
      <c r="OL6" s="587"/>
      <c r="OM6" s="587"/>
      <c r="ON6" s="587"/>
      <c r="OO6" s="587"/>
      <c r="OP6" s="587"/>
      <c r="OQ6" s="587"/>
      <c r="OR6" s="595"/>
    </row>
    <row r="7" spans="1:408" ht="23.25" customHeight="1" x14ac:dyDescent="0.2">
      <c r="A7" s="703"/>
      <c r="B7" s="688" t="s">
        <v>61</v>
      </c>
      <c r="C7" s="688"/>
      <c r="D7" s="688"/>
      <c r="E7" s="700" t="s">
        <v>62</v>
      </c>
      <c r="F7" s="688"/>
      <c r="G7" s="688"/>
      <c r="H7" s="688"/>
      <c r="I7" s="688"/>
      <c r="J7" s="688"/>
      <c r="K7" s="688"/>
      <c r="L7" s="700" t="s">
        <v>52</v>
      </c>
      <c r="M7" s="699" t="s">
        <v>61</v>
      </c>
      <c r="N7" s="688"/>
      <c r="O7" s="688"/>
      <c r="P7" s="700" t="s">
        <v>62</v>
      </c>
      <c r="Q7" s="688"/>
      <c r="R7" s="688"/>
      <c r="S7" s="688"/>
      <c r="T7" s="688"/>
      <c r="U7" s="688"/>
      <c r="V7" s="701"/>
      <c r="W7" s="696" t="s">
        <v>52</v>
      </c>
      <c r="X7" s="506" t="s">
        <v>61</v>
      </c>
      <c r="Y7" s="507"/>
      <c r="Z7" s="682"/>
      <c r="AA7" s="681" t="s">
        <v>62</v>
      </c>
      <c r="AB7" s="507"/>
      <c r="AC7" s="507"/>
      <c r="AD7" s="507"/>
      <c r="AE7" s="507"/>
      <c r="AF7" s="507"/>
      <c r="AG7" s="682"/>
      <c r="AH7" s="508" t="s">
        <v>52</v>
      </c>
      <c r="AI7" s="676" t="s">
        <v>61</v>
      </c>
      <c r="AJ7" s="677"/>
      <c r="AK7" s="678"/>
      <c r="AL7" s="679" t="s">
        <v>62</v>
      </c>
      <c r="AM7" s="677"/>
      <c r="AN7" s="677"/>
      <c r="AO7" s="677"/>
      <c r="AP7" s="677"/>
      <c r="AQ7" s="677"/>
      <c r="AR7" s="680"/>
      <c r="AS7" s="508" t="s">
        <v>52</v>
      </c>
      <c r="AT7" s="676" t="s">
        <v>61</v>
      </c>
      <c r="AU7" s="677"/>
      <c r="AV7" s="678"/>
      <c r="AW7" s="679" t="s">
        <v>62</v>
      </c>
      <c r="AX7" s="677"/>
      <c r="AY7" s="677"/>
      <c r="AZ7" s="677"/>
      <c r="BA7" s="677"/>
      <c r="BB7" s="677"/>
      <c r="BC7" s="680"/>
      <c r="BD7" s="508" t="s">
        <v>52</v>
      </c>
      <c r="BE7" s="676" t="s">
        <v>61</v>
      </c>
      <c r="BF7" s="677"/>
      <c r="BG7" s="678"/>
      <c r="BH7" s="679" t="s">
        <v>62</v>
      </c>
      <c r="BI7" s="677"/>
      <c r="BJ7" s="677"/>
      <c r="BK7" s="677"/>
      <c r="BL7" s="677"/>
      <c r="BM7" s="677"/>
      <c r="BN7" s="680"/>
      <c r="BO7" s="508" t="s">
        <v>52</v>
      </c>
      <c r="BP7" s="676" t="s">
        <v>61</v>
      </c>
      <c r="BQ7" s="677"/>
      <c r="BR7" s="678"/>
      <c r="BS7" s="679" t="s">
        <v>62</v>
      </c>
      <c r="BT7" s="677"/>
      <c r="BU7" s="677"/>
      <c r="BV7" s="677"/>
      <c r="BW7" s="677"/>
      <c r="BX7" s="677"/>
      <c r="BY7" s="680"/>
      <c r="BZ7" s="508" t="s">
        <v>52</v>
      </c>
      <c r="CA7" s="683" t="s">
        <v>61</v>
      </c>
      <c r="CB7" s="684"/>
      <c r="CC7" s="685"/>
      <c r="CD7" s="686" t="s">
        <v>62</v>
      </c>
      <c r="CE7" s="684"/>
      <c r="CF7" s="684"/>
      <c r="CG7" s="684"/>
      <c r="CH7" s="684"/>
      <c r="CI7" s="684"/>
      <c r="CJ7" s="687"/>
      <c r="CK7" s="696" t="s">
        <v>52</v>
      </c>
      <c r="CL7" s="676" t="s">
        <v>61</v>
      </c>
      <c r="CM7" s="677"/>
      <c r="CN7" s="680"/>
      <c r="CO7" s="679" t="s">
        <v>62</v>
      </c>
      <c r="CP7" s="677"/>
      <c r="CQ7" s="677"/>
      <c r="CR7" s="677"/>
      <c r="CS7" s="677"/>
      <c r="CT7" s="677"/>
      <c r="CU7" s="680"/>
      <c r="CV7" s="698" t="s">
        <v>52</v>
      </c>
      <c r="CW7" s="676" t="s">
        <v>61</v>
      </c>
      <c r="CX7" s="677"/>
      <c r="CY7" s="680"/>
      <c r="CZ7" s="679" t="s">
        <v>62</v>
      </c>
      <c r="DA7" s="677"/>
      <c r="DB7" s="677"/>
      <c r="DC7" s="677"/>
      <c r="DD7" s="677"/>
      <c r="DE7" s="677"/>
      <c r="DF7" s="680"/>
      <c r="DG7" s="698" t="s">
        <v>52</v>
      </c>
      <c r="DH7" s="683" t="s">
        <v>61</v>
      </c>
      <c r="DI7" s="684"/>
      <c r="DJ7" s="687"/>
      <c r="DK7" s="686" t="s">
        <v>62</v>
      </c>
      <c r="DL7" s="684"/>
      <c r="DM7" s="684"/>
      <c r="DN7" s="684"/>
      <c r="DO7" s="684"/>
      <c r="DP7" s="684"/>
      <c r="DQ7" s="687"/>
      <c r="DR7" s="696" t="s">
        <v>52</v>
      </c>
      <c r="DS7" s="676" t="s">
        <v>61</v>
      </c>
      <c r="DT7" s="677"/>
      <c r="DU7" s="678"/>
      <c r="DV7" s="679" t="s">
        <v>62</v>
      </c>
      <c r="DW7" s="677"/>
      <c r="DX7" s="677"/>
      <c r="DY7" s="677"/>
      <c r="DZ7" s="677"/>
      <c r="EA7" s="677"/>
      <c r="EB7" s="680"/>
      <c r="EC7" s="508" t="s">
        <v>52</v>
      </c>
      <c r="ED7" s="676" t="s">
        <v>61</v>
      </c>
      <c r="EE7" s="677"/>
      <c r="EF7" s="678"/>
      <c r="EG7" s="679" t="s">
        <v>62</v>
      </c>
      <c r="EH7" s="677"/>
      <c r="EI7" s="677"/>
      <c r="EJ7" s="677"/>
      <c r="EK7" s="677"/>
      <c r="EL7" s="677"/>
      <c r="EM7" s="680"/>
      <c r="EN7" s="508" t="s">
        <v>52</v>
      </c>
      <c r="EO7" s="676" t="s">
        <v>61</v>
      </c>
      <c r="EP7" s="677"/>
      <c r="EQ7" s="678"/>
      <c r="ER7" s="679" t="s">
        <v>62</v>
      </c>
      <c r="ES7" s="677"/>
      <c r="ET7" s="677"/>
      <c r="EU7" s="677"/>
      <c r="EV7" s="677"/>
      <c r="EW7" s="677"/>
      <c r="EX7" s="680"/>
      <c r="EY7" s="508" t="s">
        <v>52</v>
      </c>
      <c r="EZ7" s="676" t="s">
        <v>61</v>
      </c>
      <c r="FA7" s="677"/>
      <c r="FB7" s="678"/>
      <c r="FC7" s="679" t="s">
        <v>62</v>
      </c>
      <c r="FD7" s="677"/>
      <c r="FE7" s="677"/>
      <c r="FF7" s="677"/>
      <c r="FG7" s="677"/>
      <c r="FH7" s="677"/>
      <c r="FI7" s="680"/>
      <c r="FJ7" s="508" t="s">
        <v>52</v>
      </c>
      <c r="FK7" s="683" t="s">
        <v>61</v>
      </c>
      <c r="FL7" s="684"/>
      <c r="FM7" s="685"/>
      <c r="FN7" s="686" t="s">
        <v>62</v>
      </c>
      <c r="FO7" s="684"/>
      <c r="FP7" s="684"/>
      <c r="FQ7" s="684"/>
      <c r="FR7" s="684"/>
      <c r="FS7" s="684"/>
      <c r="FT7" s="687"/>
      <c r="FU7" s="688" t="s">
        <v>52</v>
      </c>
      <c r="FV7" s="676" t="s">
        <v>61</v>
      </c>
      <c r="FW7" s="677"/>
      <c r="FX7" s="678"/>
      <c r="FY7" s="679" t="s">
        <v>62</v>
      </c>
      <c r="FZ7" s="677"/>
      <c r="GA7" s="677"/>
      <c r="GB7" s="677"/>
      <c r="GC7" s="677"/>
      <c r="GD7" s="677"/>
      <c r="GE7" s="680"/>
      <c r="GF7" s="508" t="s">
        <v>52</v>
      </c>
      <c r="GG7" s="506" t="s">
        <v>61</v>
      </c>
      <c r="GH7" s="507"/>
      <c r="GI7" s="507"/>
      <c r="GJ7" s="681" t="s">
        <v>62</v>
      </c>
      <c r="GK7" s="507"/>
      <c r="GL7" s="507"/>
      <c r="GM7" s="507"/>
      <c r="GN7" s="507"/>
      <c r="GO7" s="507"/>
      <c r="GP7" s="682"/>
      <c r="GQ7" s="674" t="s">
        <v>52</v>
      </c>
      <c r="GR7" s="506" t="s">
        <v>61</v>
      </c>
      <c r="GS7" s="507"/>
      <c r="GT7" s="682"/>
      <c r="GU7" s="681" t="s">
        <v>62</v>
      </c>
      <c r="GV7" s="507"/>
      <c r="GW7" s="507"/>
      <c r="GX7" s="507"/>
      <c r="GY7" s="507"/>
      <c r="GZ7" s="507"/>
      <c r="HA7" s="682"/>
      <c r="HB7" s="674" t="s">
        <v>52</v>
      </c>
      <c r="HC7" s="676" t="s">
        <v>61</v>
      </c>
      <c r="HD7" s="677"/>
      <c r="HE7" s="678"/>
      <c r="HF7" s="679" t="s">
        <v>62</v>
      </c>
      <c r="HG7" s="677"/>
      <c r="HH7" s="677"/>
      <c r="HI7" s="677"/>
      <c r="HJ7" s="677"/>
      <c r="HK7" s="677"/>
      <c r="HL7" s="680"/>
      <c r="HM7" s="508" t="s">
        <v>52</v>
      </c>
      <c r="HN7" s="676" t="s">
        <v>61</v>
      </c>
      <c r="HO7" s="677"/>
      <c r="HP7" s="678"/>
      <c r="HQ7" s="679" t="s">
        <v>62</v>
      </c>
      <c r="HR7" s="677"/>
      <c r="HS7" s="677"/>
      <c r="HT7" s="677"/>
      <c r="HU7" s="677"/>
      <c r="HV7" s="677"/>
      <c r="HW7" s="680"/>
      <c r="HX7" s="508" t="s">
        <v>52</v>
      </c>
      <c r="HY7" s="575" t="s">
        <v>61</v>
      </c>
      <c r="HZ7" s="576"/>
      <c r="IA7" s="577"/>
      <c r="IB7" s="634" t="s">
        <v>62</v>
      </c>
      <c r="IC7" s="576"/>
      <c r="ID7" s="576"/>
      <c r="IE7" s="576"/>
      <c r="IF7" s="576"/>
      <c r="IG7" s="576"/>
      <c r="IH7" s="635"/>
      <c r="II7" s="579" t="s">
        <v>52</v>
      </c>
      <c r="IJ7" s="583" t="s">
        <v>61</v>
      </c>
      <c r="IK7" s="584"/>
      <c r="IL7" s="585"/>
      <c r="IM7" s="632" t="s">
        <v>62</v>
      </c>
      <c r="IN7" s="584"/>
      <c r="IO7" s="584"/>
      <c r="IP7" s="584"/>
      <c r="IQ7" s="584"/>
      <c r="IR7" s="584"/>
      <c r="IS7" s="633"/>
      <c r="IT7" s="595" t="s">
        <v>52</v>
      </c>
      <c r="IU7" s="583" t="s">
        <v>61</v>
      </c>
      <c r="IV7" s="584"/>
      <c r="IW7" s="633"/>
      <c r="IX7" s="632" t="s">
        <v>62</v>
      </c>
      <c r="IY7" s="584"/>
      <c r="IZ7" s="584"/>
      <c r="JA7" s="584"/>
      <c r="JB7" s="584"/>
      <c r="JC7" s="584"/>
      <c r="JD7" s="633"/>
      <c r="JE7" s="595" t="s">
        <v>52</v>
      </c>
      <c r="JF7" s="583" t="s">
        <v>61</v>
      </c>
      <c r="JG7" s="584"/>
      <c r="JH7" s="585"/>
      <c r="JI7" s="632" t="s">
        <v>62</v>
      </c>
      <c r="JJ7" s="584"/>
      <c r="JK7" s="584"/>
      <c r="JL7" s="584"/>
      <c r="JM7" s="584"/>
      <c r="JN7" s="584"/>
      <c r="JO7" s="633"/>
      <c r="JP7" s="641" t="s">
        <v>52</v>
      </c>
      <c r="JQ7" s="583" t="s">
        <v>61</v>
      </c>
      <c r="JR7" s="584"/>
      <c r="JS7" s="585"/>
      <c r="JT7" s="632" t="s">
        <v>62</v>
      </c>
      <c r="JU7" s="584"/>
      <c r="JV7" s="584"/>
      <c r="JW7" s="584"/>
      <c r="JX7" s="584"/>
      <c r="JY7" s="584"/>
      <c r="JZ7" s="633"/>
      <c r="KA7" s="641" t="s">
        <v>52</v>
      </c>
      <c r="KB7" s="583" t="s">
        <v>61</v>
      </c>
      <c r="KC7" s="584"/>
      <c r="KD7" s="585"/>
      <c r="KE7" s="632" t="s">
        <v>62</v>
      </c>
      <c r="KF7" s="584"/>
      <c r="KG7" s="584"/>
      <c r="KH7" s="584"/>
      <c r="KI7" s="584"/>
      <c r="KJ7" s="584"/>
      <c r="KK7" s="633"/>
      <c r="KL7" s="641" t="s">
        <v>52</v>
      </c>
      <c r="KM7" s="583" t="s">
        <v>61</v>
      </c>
      <c r="KN7" s="584"/>
      <c r="KO7" s="585"/>
      <c r="KP7" s="632" t="s">
        <v>62</v>
      </c>
      <c r="KQ7" s="584"/>
      <c r="KR7" s="584"/>
      <c r="KS7" s="584"/>
      <c r="KT7" s="584"/>
      <c r="KU7" s="584"/>
      <c r="KV7" s="633"/>
      <c r="KW7" s="641" t="s">
        <v>52</v>
      </c>
      <c r="KX7" s="583" t="s">
        <v>61</v>
      </c>
      <c r="KY7" s="584"/>
      <c r="KZ7" s="585"/>
      <c r="LA7" s="632" t="s">
        <v>62</v>
      </c>
      <c r="LB7" s="584"/>
      <c r="LC7" s="584"/>
      <c r="LD7" s="584"/>
      <c r="LE7" s="584"/>
      <c r="LF7" s="584"/>
      <c r="LG7" s="633"/>
      <c r="LH7" s="641" t="s">
        <v>52</v>
      </c>
      <c r="LI7" s="583" t="s">
        <v>61</v>
      </c>
      <c r="LJ7" s="584"/>
      <c r="LK7" s="585"/>
      <c r="LL7" s="632" t="s">
        <v>62</v>
      </c>
      <c r="LM7" s="584"/>
      <c r="LN7" s="584"/>
      <c r="LO7" s="584"/>
      <c r="LP7" s="584"/>
      <c r="LQ7" s="584"/>
      <c r="LR7" s="633"/>
      <c r="LS7" s="641" t="s">
        <v>52</v>
      </c>
      <c r="LT7" s="583" t="s">
        <v>61</v>
      </c>
      <c r="LU7" s="584"/>
      <c r="LV7" s="585"/>
      <c r="LW7" s="632" t="s">
        <v>62</v>
      </c>
      <c r="LX7" s="584"/>
      <c r="LY7" s="584"/>
      <c r="LZ7" s="584"/>
      <c r="MA7" s="584"/>
      <c r="MB7" s="584"/>
      <c r="MC7" s="633"/>
      <c r="MD7" s="641" t="s">
        <v>52</v>
      </c>
      <c r="ME7" s="575" t="s">
        <v>61</v>
      </c>
      <c r="MF7" s="576"/>
      <c r="MG7" s="577"/>
      <c r="MH7" s="634" t="s">
        <v>62</v>
      </c>
      <c r="MI7" s="576"/>
      <c r="MJ7" s="576"/>
      <c r="MK7" s="576"/>
      <c r="ML7" s="576"/>
      <c r="MM7" s="576"/>
      <c r="MN7" s="635"/>
      <c r="MO7" s="628" t="s">
        <v>52</v>
      </c>
      <c r="MP7" s="583" t="s">
        <v>61</v>
      </c>
      <c r="MQ7" s="584"/>
      <c r="MR7" s="585"/>
      <c r="MS7" s="632" t="s">
        <v>62</v>
      </c>
      <c r="MT7" s="584"/>
      <c r="MU7" s="584"/>
      <c r="MV7" s="584"/>
      <c r="MW7" s="584"/>
      <c r="MX7" s="584"/>
      <c r="MY7" s="633"/>
      <c r="MZ7" s="641" t="s">
        <v>52</v>
      </c>
      <c r="NA7" s="583" t="s">
        <v>61</v>
      </c>
      <c r="NB7" s="584"/>
      <c r="NC7" s="585"/>
      <c r="ND7" s="632" t="s">
        <v>62</v>
      </c>
      <c r="NE7" s="584"/>
      <c r="NF7" s="584"/>
      <c r="NG7" s="584"/>
      <c r="NH7" s="584"/>
      <c r="NI7" s="584"/>
      <c r="NJ7" s="633"/>
      <c r="NK7" s="641" t="s">
        <v>52</v>
      </c>
      <c r="NL7" s="583" t="s">
        <v>61</v>
      </c>
      <c r="NM7" s="584"/>
      <c r="NN7" s="585"/>
      <c r="NO7" s="632" t="s">
        <v>62</v>
      </c>
      <c r="NP7" s="584"/>
      <c r="NQ7" s="584"/>
      <c r="NR7" s="584"/>
      <c r="NS7" s="584"/>
      <c r="NT7" s="584"/>
      <c r="NU7" s="633"/>
      <c r="NV7" s="641" t="s">
        <v>52</v>
      </c>
      <c r="NW7" s="583" t="s">
        <v>61</v>
      </c>
      <c r="NX7" s="584"/>
      <c r="NY7" s="585"/>
      <c r="NZ7" s="632" t="s">
        <v>62</v>
      </c>
      <c r="OA7" s="584"/>
      <c r="OB7" s="584"/>
      <c r="OC7" s="584"/>
      <c r="OD7" s="584"/>
      <c r="OE7" s="584"/>
      <c r="OF7" s="633"/>
      <c r="OG7" s="641" t="s">
        <v>52</v>
      </c>
      <c r="OH7" s="575" t="s">
        <v>61</v>
      </c>
      <c r="OI7" s="576"/>
      <c r="OJ7" s="577"/>
      <c r="OK7" s="634" t="s">
        <v>62</v>
      </c>
      <c r="OL7" s="576"/>
      <c r="OM7" s="576"/>
      <c r="ON7" s="576"/>
      <c r="OO7" s="576"/>
      <c r="OP7" s="576"/>
      <c r="OQ7" s="635"/>
      <c r="OR7" s="628" t="s">
        <v>52</v>
      </c>
    </row>
    <row r="8" spans="1:408" ht="28.5" customHeight="1" thickBot="1" x14ac:dyDescent="0.25">
      <c r="A8" s="704"/>
      <c r="B8" s="362" t="s">
        <v>43</v>
      </c>
      <c r="C8" s="47" t="s">
        <v>44</v>
      </c>
      <c r="D8" s="363" t="s">
        <v>45</v>
      </c>
      <c r="E8" s="52" t="s">
        <v>83</v>
      </c>
      <c r="F8" s="47" t="s">
        <v>47</v>
      </c>
      <c r="G8" s="47" t="s">
        <v>48</v>
      </c>
      <c r="H8" s="47" t="s">
        <v>49</v>
      </c>
      <c r="I8" s="47" t="s">
        <v>50</v>
      </c>
      <c r="J8" s="47" t="s">
        <v>51</v>
      </c>
      <c r="K8" s="48" t="s">
        <v>45</v>
      </c>
      <c r="L8" s="720"/>
      <c r="M8" s="51" t="s">
        <v>43</v>
      </c>
      <c r="N8" s="47" t="s">
        <v>44</v>
      </c>
      <c r="O8" s="48" t="s">
        <v>45</v>
      </c>
      <c r="P8" s="52" t="s">
        <v>83</v>
      </c>
      <c r="Q8" s="47" t="s">
        <v>47</v>
      </c>
      <c r="R8" s="47" t="s">
        <v>48</v>
      </c>
      <c r="S8" s="47" t="s">
        <v>49</v>
      </c>
      <c r="T8" s="47" t="s">
        <v>50</v>
      </c>
      <c r="U8" s="47" t="s">
        <v>51</v>
      </c>
      <c r="V8" s="48" t="s">
        <v>45</v>
      </c>
      <c r="W8" s="697"/>
      <c r="X8" s="51" t="s">
        <v>43</v>
      </c>
      <c r="Y8" s="47" t="s">
        <v>44</v>
      </c>
      <c r="Z8" s="48" t="s">
        <v>45</v>
      </c>
      <c r="AA8" s="52" t="s">
        <v>83</v>
      </c>
      <c r="AB8" s="47" t="s">
        <v>47</v>
      </c>
      <c r="AC8" s="47" t="s">
        <v>48</v>
      </c>
      <c r="AD8" s="47" t="s">
        <v>49</v>
      </c>
      <c r="AE8" s="47" t="s">
        <v>50</v>
      </c>
      <c r="AF8" s="47" t="s">
        <v>51</v>
      </c>
      <c r="AG8" s="48" t="s">
        <v>45</v>
      </c>
      <c r="AH8" s="673"/>
      <c r="AI8" s="51" t="s">
        <v>43</v>
      </c>
      <c r="AJ8" s="47" t="s">
        <v>44</v>
      </c>
      <c r="AK8" s="363" t="s">
        <v>45</v>
      </c>
      <c r="AL8" s="52" t="s">
        <v>83</v>
      </c>
      <c r="AM8" s="47" t="s">
        <v>47</v>
      </c>
      <c r="AN8" s="47" t="s">
        <v>48</v>
      </c>
      <c r="AO8" s="47" t="s">
        <v>49</v>
      </c>
      <c r="AP8" s="47" t="s">
        <v>50</v>
      </c>
      <c r="AQ8" s="47" t="s">
        <v>51</v>
      </c>
      <c r="AR8" s="48" t="s">
        <v>45</v>
      </c>
      <c r="AS8" s="673"/>
      <c r="AT8" s="51" t="s">
        <v>43</v>
      </c>
      <c r="AU8" s="47" t="s">
        <v>44</v>
      </c>
      <c r="AV8" s="363" t="s">
        <v>45</v>
      </c>
      <c r="AW8" s="52" t="s">
        <v>83</v>
      </c>
      <c r="AX8" s="47" t="s">
        <v>47</v>
      </c>
      <c r="AY8" s="47" t="s">
        <v>48</v>
      </c>
      <c r="AZ8" s="47" t="s">
        <v>49</v>
      </c>
      <c r="BA8" s="47" t="s">
        <v>50</v>
      </c>
      <c r="BB8" s="47" t="s">
        <v>51</v>
      </c>
      <c r="BC8" s="48" t="s">
        <v>45</v>
      </c>
      <c r="BD8" s="673"/>
      <c r="BE8" s="364" t="s">
        <v>43</v>
      </c>
      <c r="BF8" s="47" t="s">
        <v>44</v>
      </c>
      <c r="BG8" s="363" t="s">
        <v>45</v>
      </c>
      <c r="BH8" s="52" t="s">
        <v>83</v>
      </c>
      <c r="BI8" s="47" t="s">
        <v>47</v>
      </c>
      <c r="BJ8" s="47" t="s">
        <v>48</v>
      </c>
      <c r="BK8" s="47" t="s">
        <v>49</v>
      </c>
      <c r="BL8" s="47" t="s">
        <v>50</v>
      </c>
      <c r="BM8" s="47" t="s">
        <v>51</v>
      </c>
      <c r="BN8" s="48" t="s">
        <v>45</v>
      </c>
      <c r="BO8" s="673"/>
      <c r="BP8" s="51" t="s">
        <v>43</v>
      </c>
      <c r="BQ8" s="47" t="s">
        <v>44</v>
      </c>
      <c r="BR8" s="363" t="s">
        <v>45</v>
      </c>
      <c r="BS8" s="52" t="s">
        <v>83</v>
      </c>
      <c r="BT8" s="47" t="s">
        <v>47</v>
      </c>
      <c r="BU8" s="47" t="s">
        <v>48</v>
      </c>
      <c r="BV8" s="47" t="s">
        <v>49</v>
      </c>
      <c r="BW8" s="47" t="s">
        <v>50</v>
      </c>
      <c r="BX8" s="47" t="s">
        <v>51</v>
      </c>
      <c r="BY8" s="48" t="s">
        <v>45</v>
      </c>
      <c r="BZ8" s="673"/>
      <c r="CA8" s="51" t="s">
        <v>43</v>
      </c>
      <c r="CB8" s="47" t="s">
        <v>44</v>
      </c>
      <c r="CC8" s="363" t="s">
        <v>45</v>
      </c>
      <c r="CD8" s="52" t="s">
        <v>83</v>
      </c>
      <c r="CE8" s="47" t="s">
        <v>47</v>
      </c>
      <c r="CF8" s="47" t="s">
        <v>48</v>
      </c>
      <c r="CG8" s="47" t="s">
        <v>49</v>
      </c>
      <c r="CH8" s="47" t="s">
        <v>50</v>
      </c>
      <c r="CI8" s="47" t="s">
        <v>51</v>
      </c>
      <c r="CJ8" s="48" t="s">
        <v>45</v>
      </c>
      <c r="CK8" s="697"/>
      <c r="CL8" s="51" t="s">
        <v>43</v>
      </c>
      <c r="CM8" s="47" t="s">
        <v>44</v>
      </c>
      <c r="CN8" s="48" t="s">
        <v>45</v>
      </c>
      <c r="CO8" s="52" t="s">
        <v>83</v>
      </c>
      <c r="CP8" s="47" t="s">
        <v>47</v>
      </c>
      <c r="CQ8" s="47" t="s">
        <v>48</v>
      </c>
      <c r="CR8" s="47" t="s">
        <v>49</v>
      </c>
      <c r="CS8" s="47" t="s">
        <v>50</v>
      </c>
      <c r="CT8" s="47" t="s">
        <v>51</v>
      </c>
      <c r="CU8" s="48" t="s">
        <v>45</v>
      </c>
      <c r="CV8" s="697"/>
      <c r="CW8" s="51" t="s">
        <v>43</v>
      </c>
      <c r="CX8" s="47" t="s">
        <v>44</v>
      </c>
      <c r="CY8" s="48" t="s">
        <v>45</v>
      </c>
      <c r="CZ8" s="52" t="s">
        <v>83</v>
      </c>
      <c r="DA8" s="47" t="s">
        <v>47</v>
      </c>
      <c r="DB8" s="47" t="s">
        <v>48</v>
      </c>
      <c r="DC8" s="47" t="s">
        <v>49</v>
      </c>
      <c r="DD8" s="47" t="s">
        <v>50</v>
      </c>
      <c r="DE8" s="47" t="s">
        <v>51</v>
      </c>
      <c r="DF8" s="48" t="s">
        <v>45</v>
      </c>
      <c r="DG8" s="697"/>
      <c r="DH8" s="51" t="s">
        <v>43</v>
      </c>
      <c r="DI8" s="47" t="s">
        <v>44</v>
      </c>
      <c r="DJ8" s="48" t="s">
        <v>45</v>
      </c>
      <c r="DK8" s="52" t="s">
        <v>83</v>
      </c>
      <c r="DL8" s="47" t="s">
        <v>47</v>
      </c>
      <c r="DM8" s="47" t="s">
        <v>48</v>
      </c>
      <c r="DN8" s="47" t="s">
        <v>49</v>
      </c>
      <c r="DO8" s="47" t="s">
        <v>50</v>
      </c>
      <c r="DP8" s="47" t="s">
        <v>51</v>
      </c>
      <c r="DQ8" s="48" t="s">
        <v>45</v>
      </c>
      <c r="DR8" s="697"/>
      <c r="DS8" s="51" t="s">
        <v>43</v>
      </c>
      <c r="DT8" s="47" t="s">
        <v>44</v>
      </c>
      <c r="DU8" s="363" t="s">
        <v>45</v>
      </c>
      <c r="DV8" s="52" t="s">
        <v>83</v>
      </c>
      <c r="DW8" s="47" t="s">
        <v>47</v>
      </c>
      <c r="DX8" s="47" t="s">
        <v>48</v>
      </c>
      <c r="DY8" s="47" t="s">
        <v>49</v>
      </c>
      <c r="DZ8" s="47" t="s">
        <v>50</v>
      </c>
      <c r="EA8" s="47" t="s">
        <v>51</v>
      </c>
      <c r="EB8" s="48" t="s">
        <v>45</v>
      </c>
      <c r="EC8" s="673"/>
      <c r="ED8" s="51" t="s">
        <v>43</v>
      </c>
      <c r="EE8" s="47" t="s">
        <v>44</v>
      </c>
      <c r="EF8" s="363" t="s">
        <v>45</v>
      </c>
      <c r="EG8" s="52" t="s">
        <v>83</v>
      </c>
      <c r="EH8" s="47" t="s">
        <v>47</v>
      </c>
      <c r="EI8" s="47" t="s">
        <v>48</v>
      </c>
      <c r="EJ8" s="47" t="s">
        <v>49</v>
      </c>
      <c r="EK8" s="47" t="s">
        <v>50</v>
      </c>
      <c r="EL8" s="47" t="s">
        <v>51</v>
      </c>
      <c r="EM8" s="48" t="s">
        <v>45</v>
      </c>
      <c r="EN8" s="673"/>
      <c r="EO8" s="51" t="s">
        <v>43</v>
      </c>
      <c r="EP8" s="47" t="s">
        <v>44</v>
      </c>
      <c r="EQ8" s="363" t="s">
        <v>45</v>
      </c>
      <c r="ER8" s="52" t="s">
        <v>83</v>
      </c>
      <c r="ES8" s="47" t="s">
        <v>47</v>
      </c>
      <c r="ET8" s="47" t="s">
        <v>48</v>
      </c>
      <c r="EU8" s="47" t="s">
        <v>49</v>
      </c>
      <c r="EV8" s="47" t="s">
        <v>50</v>
      </c>
      <c r="EW8" s="47" t="s">
        <v>51</v>
      </c>
      <c r="EX8" s="48" t="s">
        <v>45</v>
      </c>
      <c r="EY8" s="673"/>
      <c r="EZ8" s="51" t="s">
        <v>43</v>
      </c>
      <c r="FA8" s="47" t="s">
        <v>44</v>
      </c>
      <c r="FB8" s="363" t="s">
        <v>45</v>
      </c>
      <c r="FC8" s="52" t="s">
        <v>83</v>
      </c>
      <c r="FD8" s="47" t="s">
        <v>47</v>
      </c>
      <c r="FE8" s="47" t="s">
        <v>48</v>
      </c>
      <c r="FF8" s="47" t="s">
        <v>49</v>
      </c>
      <c r="FG8" s="47" t="s">
        <v>50</v>
      </c>
      <c r="FH8" s="47" t="s">
        <v>51</v>
      </c>
      <c r="FI8" s="48" t="s">
        <v>45</v>
      </c>
      <c r="FJ8" s="673"/>
      <c r="FK8" s="51" t="s">
        <v>43</v>
      </c>
      <c r="FL8" s="47" t="s">
        <v>44</v>
      </c>
      <c r="FM8" s="363" t="s">
        <v>45</v>
      </c>
      <c r="FN8" s="52" t="s">
        <v>83</v>
      </c>
      <c r="FO8" s="47" t="s">
        <v>47</v>
      </c>
      <c r="FP8" s="47" t="s">
        <v>48</v>
      </c>
      <c r="FQ8" s="47" t="s">
        <v>49</v>
      </c>
      <c r="FR8" s="47" t="s">
        <v>50</v>
      </c>
      <c r="FS8" s="47" t="s">
        <v>51</v>
      </c>
      <c r="FT8" s="48" t="s">
        <v>45</v>
      </c>
      <c r="FU8" s="689"/>
      <c r="FV8" s="51" t="s">
        <v>43</v>
      </c>
      <c r="FW8" s="47" t="s">
        <v>44</v>
      </c>
      <c r="FX8" s="363" t="s">
        <v>45</v>
      </c>
      <c r="FY8" s="52" t="s">
        <v>83</v>
      </c>
      <c r="FZ8" s="47" t="s">
        <v>47</v>
      </c>
      <c r="GA8" s="47" t="s">
        <v>48</v>
      </c>
      <c r="GB8" s="47" t="s">
        <v>49</v>
      </c>
      <c r="GC8" s="47" t="s">
        <v>50</v>
      </c>
      <c r="GD8" s="47" t="s">
        <v>51</v>
      </c>
      <c r="GE8" s="48" t="s">
        <v>45</v>
      </c>
      <c r="GF8" s="673"/>
      <c r="GG8" s="51" t="s">
        <v>43</v>
      </c>
      <c r="GH8" s="47" t="s">
        <v>44</v>
      </c>
      <c r="GI8" s="363" t="s">
        <v>45</v>
      </c>
      <c r="GJ8" s="52" t="s">
        <v>83</v>
      </c>
      <c r="GK8" s="47" t="s">
        <v>47</v>
      </c>
      <c r="GL8" s="47" t="s">
        <v>48</v>
      </c>
      <c r="GM8" s="47" t="s">
        <v>49</v>
      </c>
      <c r="GN8" s="47" t="s">
        <v>50</v>
      </c>
      <c r="GO8" s="47" t="s">
        <v>51</v>
      </c>
      <c r="GP8" s="48" t="s">
        <v>45</v>
      </c>
      <c r="GQ8" s="675"/>
      <c r="GR8" s="51" t="s">
        <v>43</v>
      </c>
      <c r="GS8" s="47" t="s">
        <v>44</v>
      </c>
      <c r="GT8" s="363" t="s">
        <v>45</v>
      </c>
      <c r="GU8" s="52" t="s">
        <v>83</v>
      </c>
      <c r="GV8" s="47" t="s">
        <v>47</v>
      </c>
      <c r="GW8" s="47" t="s">
        <v>48</v>
      </c>
      <c r="GX8" s="47" t="s">
        <v>49</v>
      </c>
      <c r="GY8" s="47" t="s">
        <v>50</v>
      </c>
      <c r="GZ8" s="47" t="s">
        <v>51</v>
      </c>
      <c r="HA8" s="48" t="s">
        <v>45</v>
      </c>
      <c r="HB8" s="675"/>
      <c r="HC8" s="51" t="s">
        <v>43</v>
      </c>
      <c r="HD8" s="47" t="s">
        <v>44</v>
      </c>
      <c r="HE8" s="363" t="s">
        <v>45</v>
      </c>
      <c r="HF8" s="52" t="s">
        <v>83</v>
      </c>
      <c r="HG8" s="47" t="s">
        <v>47</v>
      </c>
      <c r="HH8" s="47" t="s">
        <v>48</v>
      </c>
      <c r="HI8" s="47" t="s">
        <v>49</v>
      </c>
      <c r="HJ8" s="47" t="s">
        <v>50</v>
      </c>
      <c r="HK8" s="47" t="s">
        <v>51</v>
      </c>
      <c r="HL8" s="48" t="s">
        <v>45</v>
      </c>
      <c r="HM8" s="673"/>
      <c r="HN8" s="51" t="s">
        <v>43</v>
      </c>
      <c r="HO8" s="47" t="s">
        <v>44</v>
      </c>
      <c r="HP8" s="363" t="s">
        <v>45</v>
      </c>
      <c r="HQ8" s="52" t="s">
        <v>83</v>
      </c>
      <c r="HR8" s="47" t="s">
        <v>47</v>
      </c>
      <c r="HS8" s="47" t="s">
        <v>48</v>
      </c>
      <c r="HT8" s="47" t="s">
        <v>49</v>
      </c>
      <c r="HU8" s="47" t="s">
        <v>50</v>
      </c>
      <c r="HV8" s="47" t="s">
        <v>51</v>
      </c>
      <c r="HW8" s="48" t="s">
        <v>45</v>
      </c>
      <c r="HX8" s="673"/>
      <c r="HY8" s="412" t="s">
        <v>43</v>
      </c>
      <c r="HZ8" s="413" t="s">
        <v>44</v>
      </c>
      <c r="IA8" s="41" t="s">
        <v>45</v>
      </c>
      <c r="IB8" s="42" t="s">
        <v>83</v>
      </c>
      <c r="IC8" s="413" t="s">
        <v>47</v>
      </c>
      <c r="ID8" s="413" t="s">
        <v>48</v>
      </c>
      <c r="IE8" s="413" t="s">
        <v>49</v>
      </c>
      <c r="IF8" s="413" t="s">
        <v>50</v>
      </c>
      <c r="IG8" s="413" t="s">
        <v>51</v>
      </c>
      <c r="IH8" s="17" t="s">
        <v>45</v>
      </c>
      <c r="II8" s="639"/>
      <c r="IJ8" s="412" t="s">
        <v>43</v>
      </c>
      <c r="IK8" s="413" t="s">
        <v>44</v>
      </c>
      <c r="IL8" s="41" t="s">
        <v>45</v>
      </c>
      <c r="IM8" s="42" t="s">
        <v>83</v>
      </c>
      <c r="IN8" s="59" t="s">
        <v>47</v>
      </c>
      <c r="IO8" s="59" t="s">
        <v>48</v>
      </c>
      <c r="IP8" s="59" t="s">
        <v>49</v>
      </c>
      <c r="IQ8" s="59" t="s">
        <v>50</v>
      </c>
      <c r="IR8" s="59" t="s">
        <v>51</v>
      </c>
      <c r="IS8" s="64" t="s">
        <v>45</v>
      </c>
      <c r="IT8" s="651"/>
      <c r="IU8" s="61" t="s">
        <v>43</v>
      </c>
      <c r="IV8" s="59" t="s">
        <v>44</v>
      </c>
      <c r="IW8" s="64" t="s">
        <v>45</v>
      </c>
      <c r="IX8" s="33" t="s">
        <v>83</v>
      </c>
      <c r="IY8" s="59" t="s">
        <v>47</v>
      </c>
      <c r="IZ8" s="59" t="s">
        <v>48</v>
      </c>
      <c r="JA8" s="59" t="s">
        <v>49</v>
      </c>
      <c r="JB8" s="59" t="s">
        <v>50</v>
      </c>
      <c r="JC8" s="59" t="s">
        <v>51</v>
      </c>
      <c r="JD8" s="64" t="s">
        <v>45</v>
      </c>
      <c r="JE8" s="651"/>
      <c r="JF8" s="61" t="s">
        <v>43</v>
      </c>
      <c r="JG8" s="59" t="s">
        <v>44</v>
      </c>
      <c r="JH8" s="60" t="s">
        <v>45</v>
      </c>
      <c r="JI8" s="33" t="s">
        <v>83</v>
      </c>
      <c r="JJ8" s="59" t="s">
        <v>47</v>
      </c>
      <c r="JK8" s="59" t="s">
        <v>48</v>
      </c>
      <c r="JL8" s="59" t="s">
        <v>49</v>
      </c>
      <c r="JM8" s="59" t="s">
        <v>50</v>
      </c>
      <c r="JN8" s="59" t="s">
        <v>51</v>
      </c>
      <c r="JO8" s="64" t="s">
        <v>45</v>
      </c>
      <c r="JP8" s="644"/>
      <c r="JQ8" s="61" t="s">
        <v>43</v>
      </c>
      <c r="JR8" s="59" t="s">
        <v>44</v>
      </c>
      <c r="JS8" s="60" t="s">
        <v>45</v>
      </c>
      <c r="JT8" s="33" t="s">
        <v>83</v>
      </c>
      <c r="JU8" s="59" t="s">
        <v>47</v>
      </c>
      <c r="JV8" s="59" t="s">
        <v>48</v>
      </c>
      <c r="JW8" s="59" t="s">
        <v>49</v>
      </c>
      <c r="JX8" s="59" t="s">
        <v>50</v>
      </c>
      <c r="JY8" s="59" t="s">
        <v>51</v>
      </c>
      <c r="JZ8" s="64" t="s">
        <v>45</v>
      </c>
      <c r="KA8" s="644"/>
      <c r="KB8" s="61" t="s">
        <v>43</v>
      </c>
      <c r="KC8" s="59" t="s">
        <v>44</v>
      </c>
      <c r="KD8" s="60" t="s">
        <v>45</v>
      </c>
      <c r="KE8" s="33" t="s">
        <v>83</v>
      </c>
      <c r="KF8" s="59" t="s">
        <v>47</v>
      </c>
      <c r="KG8" s="59" t="s">
        <v>48</v>
      </c>
      <c r="KH8" s="59" t="s">
        <v>49</v>
      </c>
      <c r="KI8" s="59" t="s">
        <v>50</v>
      </c>
      <c r="KJ8" s="59" t="s">
        <v>51</v>
      </c>
      <c r="KK8" s="64" t="s">
        <v>45</v>
      </c>
      <c r="KL8" s="644"/>
      <c r="KM8" s="61" t="s">
        <v>43</v>
      </c>
      <c r="KN8" s="59" t="s">
        <v>44</v>
      </c>
      <c r="KO8" s="60" t="s">
        <v>45</v>
      </c>
      <c r="KP8" s="42" t="s">
        <v>83</v>
      </c>
      <c r="KQ8" s="59" t="s">
        <v>47</v>
      </c>
      <c r="KR8" s="59" t="s">
        <v>48</v>
      </c>
      <c r="KS8" s="59" t="s">
        <v>49</v>
      </c>
      <c r="KT8" s="59" t="s">
        <v>50</v>
      </c>
      <c r="KU8" s="59" t="s">
        <v>51</v>
      </c>
      <c r="KV8" s="64" t="s">
        <v>45</v>
      </c>
      <c r="KW8" s="644"/>
      <c r="KX8" s="61" t="s">
        <v>43</v>
      </c>
      <c r="KY8" s="59" t="s">
        <v>44</v>
      </c>
      <c r="KZ8" s="60" t="s">
        <v>45</v>
      </c>
      <c r="LA8" s="42" t="s">
        <v>83</v>
      </c>
      <c r="LB8" s="59" t="s">
        <v>47</v>
      </c>
      <c r="LC8" s="59" t="s">
        <v>48</v>
      </c>
      <c r="LD8" s="59" t="s">
        <v>49</v>
      </c>
      <c r="LE8" s="59" t="s">
        <v>50</v>
      </c>
      <c r="LF8" s="59" t="s">
        <v>51</v>
      </c>
      <c r="LG8" s="64" t="s">
        <v>45</v>
      </c>
      <c r="LH8" s="644"/>
      <c r="LI8" s="61" t="s">
        <v>43</v>
      </c>
      <c r="LJ8" s="59" t="s">
        <v>44</v>
      </c>
      <c r="LK8" s="60" t="s">
        <v>45</v>
      </c>
      <c r="LL8" s="42" t="s">
        <v>83</v>
      </c>
      <c r="LM8" s="59" t="s">
        <v>47</v>
      </c>
      <c r="LN8" s="59" t="s">
        <v>48</v>
      </c>
      <c r="LO8" s="59" t="s">
        <v>49</v>
      </c>
      <c r="LP8" s="59" t="s">
        <v>50</v>
      </c>
      <c r="LQ8" s="59" t="s">
        <v>51</v>
      </c>
      <c r="LR8" s="64" t="s">
        <v>45</v>
      </c>
      <c r="LS8" s="644"/>
      <c r="LT8" s="61" t="s">
        <v>43</v>
      </c>
      <c r="LU8" s="59" t="s">
        <v>44</v>
      </c>
      <c r="LV8" s="60" t="s">
        <v>45</v>
      </c>
      <c r="LW8" s="42" t="s">
        <v>83</v>
      </c>
      <c r="LX8" s="59" t="s">
        <v>47</v>
      </c>
      <c r="LY8" s="59" t="s">
        <v>48</v>
      </c>
      <c r="LZ8" s="59" t="s">
        <v>49</v>
      </c>
      <c r="MA8" s="59" t="s">
        <v>50</v>
      </c>
      <c r="MB8" s="59" t="s">
        <v>51</v>
      </c>
      <c r="MC8" s="64" t="s">
        <v>45</v>
      </c>
      <c r="MD8" s="644"/>
      <c r="ME8" s="61" t="s">
        <v>43</v>
      </c>
      <c r="MF8" s="59" t="s">
        <v>44</v>
      </c>
      <c r="MG8" s="60" t="s">
        <v>45</v>
      </c>
      <c r="MH8" s="42" t="s">
        <v>83</v>
      </c>
      <c r="MI8" s="59" t="s">
        <v>47</v>
      </c>
      <c r="MJ8" s="59" t="s">
        <v>48</v>
      </c>
      <c r="MK8" s="59" t="s">
        <v>49</v>
      </c>
      <c r="ML8" s="59" t="s">
        <v>50</v>
      </c>
      <c r="MM8" s="59" t="s">
        <v>51</v>
      </c>
      <c r="MN8" s="64" t="s">
        <v>45</v>
      </c>
      <c r="MO8" s="644"/>
      <c r="MP8" s="61" t="s">
        <v>43</v>
      </c>
      <c r="MQ8" s="59" t="s">
        <v>44</v>
      </c>
      <c r="MR8" s="60" t="s">
        <v>45</v>
      </c>
      <c r="MS8" s="42" t="s">
        <v>83</v>
      </c>
      <c r="MT8" s="59" t="s">
        <v>47</v>
      </c>
      <c r="MU8" s="59" t="s">
        <v>48</v>
      </c>
      <c r="MV8" s="59" t="s">
        <v>49</v>
      </c>
      <c r="MW8" s="59" t="s">
        <v>50</v>
      </c>
      <c r="MX8" s="59" t="s">
        <v>51</v>
      </c>
      <c r="MY8" s="64" t="s">
        <v>45</v>
      </c>
      <c r="MZ8" s="644"/>
      <c r="NA8" s="61" t="s">
        <v>43</v>
      </c>
      <c r="NB8" s="59" t="s">
        <v>44</v>
      </c>
      <c r="NC8" s="60" t="s">
        <v>45</v>
      </c>
      <c r="ND8" s="42" t="s">
        <v>83</v>
      </c>
      <c r="NE8" s="59" t="s">
        <v>47</v>
      </c>
      <c r="NF8" s="59" t="s">
        <v>48</v>
      </c>
      <c r="NG8" s="59" t="s">
        <v>49</v>
      </c>
      <c r="NH8" s="59" t="s">
        <v>50</v>
      </c>
      <c r="NI8" s="59" t="s">
        <v>51</v>
      </c>
      <c r="NJ8" s="64" t="s">
        <v>45</v>
      </c>
      <c r="NK8" s="644"/>
      <c r="NL8" s="61" t="s">
        <v>43</v>
      </c>
      <c r="NM8" s="59" t="s">
        <v>44</v>
      </c>
      <c r="NN8" s="60" t="s">
        <v>45</v>
      </c>
      <c r="NO8" s="42" t="s">
        <v>83</v>
      </c>
      <c r="NP8" s="59" t="s">
        <v>47</v>
      </c>
      <c r="NQ8" s="59" t="s">
        <v>48</v>
      </c>
      <c r="NR8" s="59" t="s">
        <v>49</v>
      </c>
      <c r="NS8" s="59" t="s">
        <v>50</v>
      </c>
      <c r="NT8" s="59" t="s">
        <v>51</v>
      </c>
      <c r="NU8" s="64" t="s">
        <v>45</v>
      </c>
      <c r="NV8" s="644"/>
      <c r="NW8" s="61" t="s">
        <v>43</v>
      </c>
      <c r="NX8" s="59" t="s">
        <v>44</v>
      </c>
      <c r="NY8" s="60" t="s">
        <v>45</v>
      </c>
      <c r="NZ8" s="42" t="s">
        <v>83</v>
      </c>
      <c r="OA8" s="59" t="s">
        <v>47</v>
      </c>
      <c r="OB8" s="59" t="s">
        <v>48</v>
      </c>
      <c r="OC8" s="59" t="s">
        <v>49</v>
      </c>
      <c r="OD8" s="59" t="s">
        <v>50</v>
      </c>
      <c r="OE8" s="59" t="s">
        <v>51</v>
      </c>
      <c r="OF8" s="64" t="s">
        <v>45</v>
      </c>
      <c r="OG8" s="644"/>
      <c r="OH8" s="61" t="s">
        <v>43</v>
      </c>
      <c r="OI8" s="59" t="s">
        <v>44</v>
      </c>
      <c r="OJ8" s="60" t="s">
        <v>45</v>
      </c>
      <c r="OK8" s="33" t="s">
        <v>83</v>
      </c>
      <c r="OL8" s="59" t="s">
        <v>47</v>
      </c>
      <c r="OM8" s="59" t="s">
        <v>48</v>
      </c>
      <c r="ON8" s="59" t="s">
        <v>49</v>
      </c>
      <c r="OO8" s="59" t="s">
        <v>50</v>
      </c>
      <c r="OP8" s="59" t="s">
        <v>51</v>
      </c>
      <c r="OQ8" s="64" t="s">
        <v>45</v>
      </c>
      <c r="OR8" s="644"/>
    </row>
    <row r="9" spans="1:408" ht="20.25" customHeight="1" x14ac:dyDescent="0.2">
      <c r="A9" s="128" t="s">
        <v>4</v>
      </c>
      <c r="B9" s="109">
        <v>28516878</v>
      </c>
      <c r="C9" s="187">
        <v>44247752</v>
      </c>
      <c r="D9" s="188">
        <v>72764630</v>
      </c>
      <c r="E9" s="189">
        <v>0</v>
      </c>
      <c r="F9" s="187">
        <v>286112805</v>
      </c>
      <c r="G9" s="187">
        <v>381361947</v>
      </c>
      <c r="H9" s="187">
        <v>339553850</v>
      </c>
      <c r="I9" s="187">
        <v>306147645</v>
      </c>
      <c r="J9" s="187">
        <v>201744965</v>
      </c>
      <c r="K9" s="190">
        <v>1514921212</v>
      </c>
      <c r="L9" s="191">
        <v>1587685842</v>
      </c>
      <c r="M9" s="109">
        <v>8021004</v>
      </c>
      <c r="N9" s="187">
        <v>15212356</v>
      </c>
      <c r="O9" s="192">
        <v>23233360</v>
      </c>
      <c r="P9" s="109">
        <v>0</v>
      </c>
      <c r="Q9" s="187">
        <v>88228183</v>
      </c>
      <c r="R9" s="187">
        <v>127780995</v>
      </c>
      <c r="S9" s="187">
        <v>108364813</v>
      </c>
      <c r="T9" s="187">
        <v>111573779</v>
      </c>
      <c r="U9" s="187">
        <v>98923186</v>
      </c>
      <c r="V9" s="192">
        <v>534870956</v>
      </c>
      <c r="W9" s="191">
        <v>558104316</v>
      </c>
      <c r="X9" s="109">
        <v>0</v>
      </c>
      <c r="Y9" s="187">
        <v>0</v>
      </c>
      <c r="Z9" s="192">
        <v>0</v>
      </c>
      <c r="AA9" s="110">
        <v>0</v>
      </c>
      <c r="AB9" s="193">
        <v>38274391</v>
      </c>
      <c r="AC9" s="193">
        <v>56141791</v>
      </c>
      <c r="AD9" s="193">
        <v>56489767</v>
      </c>
      <c r="AE9" s="193">
        <v>56951243</v>
      </c>
      <c r="AF9" s="193">
        <v>53612068</v>
      </c>
      <c r="AG9" s="192">
        <v>261469260</v>
      </c>
      <c r="AH9" s="191">
        <v>261469260</v>
      </c>
      <c r="AI9" s="194">
        <v>0</v>
      </c>
      <c r="AJ9" s="193">
        <v>42196</v>
      </c>
      <c r="AK9" s="192">
        <v>42196</v>
      </c>
      <c r="AL9" s="110">
        <v>0</v>
      </c>
      <c r="AM9" s="193">
        <v>444200</v>
      </c>
      <c r="AN9" s="190">
        <v>1398865</v>
      </c>
      <c r="AO9" s="193">
        <v>2758866</v>
      </c>
      <c r="AP9" s="193">
        <v>7518546</v>
      </c>
      <c r="AQ9" s="193">
        <v>12123618</v>
      </c>
      <c r="AR9" s="192">
        <v>24244095</v>
      </c>
      <c r="AS9" s="191">
        <v>24286291</v>
      </c>
      <c r="AT9" s="194">
        <v>3976850</v>
      </c>
      <c r="AU9" s="193">
        <v>10031074</v>
      </c>
      <c r="AV9" s="192">
        <v>14007924</v>
      </c>
      <c r="AW9" s="110">
        <v>0</v>
      </c>
      <c r="AX9" s="193">
        <v>31290050</v>
      </c>
      <c r="AY9" s="193">
        <v>46629466</v>
      </c>
      <c r="AZ9" s="193">
        <v>28866078</v>
      </c>
      <c r="BA9" s="193">
        <v>28828072</v>
      </c>
      <c r="BB9" s="193">
        <v>20844365</v>
      </c>
      <c r="BC9" s="192">
        <v>156458031</v>
      </c>
      <c r="BD9" s="195">
        <v>170465955</v>
      </c>
      <c r="BE9" s="194">
        <v>562426</v>
      </c>
      <c r="BF9" s="190">
        <v>1647582</v>
      </c>
      <c r="BG9" s="278">
        <v>2210008</v>
      </c>
      <c r="BH9" s="110">
        <v>0</v>
      </c>
      <c r="BI9" s="193">
        <v>1625926</v>
      </c>
      <c r="BJ9" s="193">
        <v>3374939</v>
      </c>
      <c r="BK9" s="193">
        <v>2449028</v>
      </c>
      <c r="BL9" s="193">
        <v>2346830</v>
      </c>
      <c r="BM9" s="193">
        <v>1884657</v>
      </c>
      <c r="BN9" s="192">
        <v>11681380</v>
      </c>
      <c r="BO9" s="191">
        <v>13891388</v>
      </c>
      <c r="BP9" s="194">
        <v>3481728</v>
      </c>
      <c r="BQ9" s="193">
        <v>3491504</v>
      </c>
      <c r="BR9" s="192">
        <v>6973232</v>
      </c>
      <c r="BS9" s="110">
        <v>0</v>
      </c>
      <c r="BT9" s="193">
        <v>16593616</v>
      </c>
      <c r="BU9" s="193">
        <v>20235934</v>
      </c>
      <c r="BV9" s="193">
        <v>17801074</v>
      </c>
      <c r="BW9" s="193">
        <v>15929088</v>
      </c>
      <c r="BX9" s="193">
        <v>10458478</v>
      </c>
      <c r="BY9" s="192">
        <v>81018190</v>
      </c>
      <c r="BZ9" s="191">
        <v>87991422</v>
      </c>
      <c r="CA9" s="194">
        <v>2738388</v>
      </c>
      <c r="CB9" s="193">
        <v>6187551</v>
      </c>
      <c r="CC9" s="192">
        <v>8925939</v>
      </c>
      <c r="CD9" s="110">
        <v>0</v>
      </c>
      <c r="CE9" s="193">
        <v>85101443</v>
      </c>
      <c r="CF9" s="193">
        <v>105559211</v>
      </c>
      <c r="CG9" s="196">
        <v>78684609</v>
      </c>
      <c r="CH9" s="193">
        <v>45389405</v>
      </c>
      <c r="CI9" s="193">
        <v>17554549</v>
      </c>
      <c r="CJ9" s="192">
        <v>332289217</v>
      </c>
      <c r="CK9" s="191">
        <v>341215156</v>
      </c>
      <c r="CL9" s="109">
        <v>0</v>
      </c>
      <c r="CM9" s="187">
        <v>0</v>
      </c>
      <c r="CN9" s="192">
        <v>0</v>
      </c>
      <c r="CO9" s="110">
        <v>0</v>
      </c>
      <c r="CP9" s="193">
        <v>68484083</v>
      </c>
      <c r="CQ9" s="193">
        <v>76669974</v>
      </c>
      <c r="CR9" s="193">
        <v>56824444</v>
      </c>
      <c r="CS9" s="193">
        <v>30501232</v>
      </c>
      <c r="CT9" s="193">
        <v>13918934</v>
      </c>
      <c r="CU9" s="197">
        <v>246398667</v>
      </c>
      <c r="CV9" s="191">
        <v>246398667</v>
      </c>
      <c r="CW9" s="194">
        <v>2738388</v>
      </c>
      <c r="CX9" s="193">
        <v>6187551</v>
      </c>
      <c r="CY9" s="192">
        <v>8925939</v>
      </c>
      <c r="CZ9" s="110">
        <v>0</v>
      </c>
      <c r="DA9" s="193">
        <v>16617360</v>
      </c>
      <c r="DB9" s="193">
        <v>28889237</v>
      </c>
      <c r="DC9" s="193">
        <v>21860165</v>
      </c>
      <c r="DD9" s="193">
        <v>14888173</v>
      </c>
      <c r="DE9" s="193">
        <v>3635615</v>
      </c>
      <c r="DF9" s="192">
        <v>85890550</v>
      </c>
      <c r="DG9" s="191">
        <v>94816489</v>
      </c>
      <c r="DH9" s="194">
        <v>237732</v>
      </c>
      <c r="DI9" s="193">
        <v>859044</v>
      </c>
      <c r="DJ9" s="278">
        <v>1096776</v>
      </c>
      <c r="DK9" s="110">
        <v>0</v>
      </c>
      <c r="DL9" s="193">
        <v>9068221</v>
      </c>
      <c r="DM9" s="193">
        <v>17714970</v>
      </c>
      <c r="DN9" s="193">
        <v>36541334</v>
      </c>
      <c r="DO9" s="193">
        <v>26971856</v>
      </c>
      <c r="DP9" s="193">
        <v>10985704</v>
      </c>
      <c r="DQ9" s="279">
        <v>101282085</v>
      </c>
      <c r="DR9" s="191">
        <v>102378861</v>
      </c>
      <c r="DS9" s="194">
        <v>190848</v>
      </c>
      <c r="DT9" s="193">
        <v>859044</v>
      </c>
      <c r="DU9" s="192">
        <v>1049892</v>
      </c>
      <c r="DV9" s="110">
        <v>0</v>
      </c>
      <c r="DW9" s="193">
        <v>7896371</v>
      </c>
      <c r="DX9" s="193">
        <v>14180877</v>
      </c>
      <c r="DY9" s="193">
        <v>31982730</v>
      </c>
      <c r="DZ9" s="193">
        <v>23583041</v>
      </c>
      <c r="EA9" s="193">
        <v>9032851</v>
      </c>
      <c r="EB9" s="192">
        <v>86675870</v>
      </c>
      <c r="EC9" s="191">
        <v>87725762</v>
      </c>
      <c r="ED9" s="194">
        <v>46884</v>
      </c>
      <c r="EE9" s="190">
        <v>0</v>
      </c>
      <c r="EF9" s="192">
        <v>46884</v>
      </c>
      <c r="EG9" s="195">
        <v>0</v>
      </c>
      <c r="EH9" s="193">
        <v>1171850</v>
      </c>
      <c r="EI9" s="193">
        <v>3534093</v>
      </c>
      <c r="EJ9" s="193">
        <v>4558604</v>
      </c>
      <c r="EK9" s="193">
        <v>3388815</v>
      </c>
      <c r="EL9" s="196">
        <v>1952853</v>
      </c>
      <c r="EM9" s="190">
        <v>14606215</v>
      </c>
      <c r="EN9" s="191">
        <v>14653099</v>
      </c>
      <c r="EO9" s="194">
        <v>0</v>
      </c>
      <c r="EP9" s="193">
        <v>0</v>
      </c>
      <c r="EQ9" s="190">
        <v>0</v>
      </c>
      <c r="ER9" s="110">
        <v>0</v>
      </c>
      <c r="ES9" s="193">
        <v>0</v>
      </c>
      <c r="ET9" s="193">
        <v>0</v>
      </c>
      <c r="EU9" s="193">
        <v>0</v>
      </c>
      <c r="EV9" s="193">
        <v>0</v>
      </c>
      <c r="EW9" s="193">
        <v>0</v>
      </c>
      <c r="EX9" s="197">
        <v>0</v>
      </c>
      <c r="EY9" s="191">
        <v>0</v>
      </c>
      <c r="EZ9" s="194">
        <v>0</v>
      </c>
      <c r="FA9" s="193">
        <v>0</v>
      </c>
      <c r="FB9" s="190">
        <v>0</v>
      </c>
      <c r="FC9" s="389"/>
      <c r="FD9" s="193">
        <v>0</v>
      </c>
      <c r="FE9" s="193">
        <v>0</v>
      </c>
      <c r="FF9" s="193">
        <v>0</v>
      </c>
      <c r="FG9" s="193">
        <v>0</v>
      </c>
      <c r="FH9" s="193">
        <v>0</v>
      </c>
      <c r="FI9" s="197">
        <v>0</v>
      </c>
      <c r="FJ9" s="191">
        <v>0</v>
      </c>
      <c r="FK9" s="194">
        <v>6409576</v>
      </c>
      <c r="FL9" s="193">
        <v>9184988</v>
      </c>
      <c r="FM9" s="192">
        <v>15594564</v>
      </c>
      <c r="FN9" s="110">
        <v>0</v>
      </c>
      <c r="FO9" s="193">
        <v>14622576</v>
      </c>
      <c r="FP9" s="193">
        <v>37237113</v>
      </c>
      <c r="FQ9" s="193">
        <v>26941065</v>
      </c>
      <c r="FR9" s="193">
        <v>24879952</v>
      </c>
      <c r="FS9" s="193">
        <v>15156801</v>
      </c>
      <c r="FT9" s="192">
        <v>118837507</v>
      </c>
      <c r="FU9" s="191">
        <v>134432071</v>
      </c>
      <c r="FV9" s="194">
        <v>2520112</v>
      </c>
      <c r="FW9" s="193">
        <v>6111960</v>
      </c>
      <c r="FX9" s="190">
        <v>8632072</v>
      </c>
      <c r="FY9" s="195">
        <v>0</v>
      </c>
      <c r="FZ9" s="193">
        <v>10548436</v>
      </c>
      <c r="GA9" s="198">
        <v>33270564</v>
      </c>
      <c r="GB9" s="193">
        <v>24876745</v>
      </c>
      <c r="GC9" s="198">
        <v>22976600</v>
      </c>
      <c r="GD9" s="193">
        <v>14334260</v>
      </c>
      <c r="GE9" s="197">
        <v>106006605</v>
      </c>
      <c r="GF9" s="353">
        <v>114638677</v>
      </c>
      <c r="GG9" s="199">
        <v>443676</v>
      </c>
      <c r="GH9" s="193">
        <v>432112</v>
      </c>
      <c r="GI9" s="198">
        <v>875788</v>
      </c>
      <c r="GJ9" s="189">
        <v>0</v>
      </c>
      <c r="GK9" s="193">
        <v>1002037</v>
      </c>
      <c r="GL9" s="190">
        <v>987461</v>
      </c>
      <c r="GM9" s="193">
        <v>642592</v>
      </c>
      <c r="GN9" s="190">
        <v>651800</v>
      </c>
      <c r="GO9" s="193">
        <v>349981</v>
      </c>
      <c r="GP9" s="279">
        <v>3633871</v>
      </c>
      <c r="GQ9" s="191">
        <v>4509659</v>
      </c>
      <c r="GR9" s="190">
        <v>3445788</v>
      </c>
      <c r="GS9" s="193">
        <v>2640916</v>
      </c>
      <c r="GT9" s="192">
        <v>6086704</v>
      </c>
      <c r="GU9" s="190">
        <v>0</v>
      </c>
      <c r="GV9" s="193">
        <v>3072103</v>
      </c>
      <c r="GW9" s="190">
        <v>2979088</v>
      </c>
      <c r="GX9" s="193">
        <v>1421728</v>
      </c>
      <c r="GY9" s="190">
        <v>1251552</v>
      </c>
      <c r="GZ9" s="193">
        <v>472560</v>
      </c>
      <c r="HA9" s="190">
        <v>9197031</v>
      </c>
      <c r="HB9" s="191">
        <v>15283735</v>
      </c>
      <c r="HC9" s="190">
        <v>11110178</v>
      </c>
      <c r="HD9" s="193">
        <v>12803813</v>
      </c>
      <c r="HE9" s="190">
        <v>23913991</v>
      </c>
      <c r="HF9" s="195">
        <v>0</v>
      </c>
      <c r="HG9" s="193">
        <v>89092382</v>
      </c>
      <c r="HH9" s="198">
        <v>93069658</v>
      </c>
      <c r="HI9" s="193">
        <v>89022029</v>
      </c>
      <c r="HJ9" s="198">
        <v>97332653</v>
      </c>
      <c r="HK9" s="193">
        <v>59124725</v>
      </c>
      <c r="HL9" s="197">
        <v>427641447</v>
      </c>
      <c r="HM9" s="190">
        <v>451555438</v>
      </c>
      <c r="HN9" s="365"/>
      <c r="HO9" s="366"/>
      <c r="HP9" s="367"/>
      <c r="HQ9" s="368"/>
      <c r="HR9" s="366"/>
      <c r="HS9" s="368"/>
      <c r="HT9" s="366"/>
      <c r="HU9" s="368"/>
      <c r="HV9" s="366"/>
      <c r="HW9" s="368"/>
      <c r="HX9" s="369"/>
      <c r="HY9" s="131">
        <v>669187</v>
      </c>
      <c r="HZ9" s="132">
        <v>959449</v>
      </c>
      <c r="IA9" s="133">
        <v>1628636</v>
      </c>
      <c r="IB9" s="120">
        <v>0</v>
      </c>
      <c r="IC9" s="132">
        <v>80120525</v>
      </c>
      <c r="ID9" s="134">
        <v>102936378</v>
      </c>
      <c r="IE9" s="135">
        <v>104468466</v>
      </c>
      <c r="IF9" s="132">
        <v>83754876</v>
      </c>
      <c r="IG9" s="135">
        <v>47659137</v>
      </c>
      <c r="IH9" s="136">
        <v>418939382</v>
      </c>
      <c r="II9" s="137">
        <v>420568018</v>
      </c>
      <c r="IJ9" s="260">
        <v>0</v>
      </c>
      <c r="IK9" s="266">
        <v>0</v>
      </c>
      <c r="IL9" s="267">
        <v>0</v>
      </c>
      <c r="IM9" s="138"/>
      <c r="IN9" s="139">
        <v>1632639</v>
      </c>
      <c r="IO9" s="139">
        <v>3070367</v>
      </c>
      <c r="IP9" s="139">
        <v>3631520</v>
      </c>
      <c r="IQ9" s="139">
        <v>4922605</v>
      </c>
      <c r="IR9" s="139">
        <v>3342286</v>
      </c>
      <c r="IS9" s="140">
        <v>16599417</v>
      </c>
      <c r="IT9" s="356">
        <v>16599417</v>
      </c>
      <c r="IU9" s="141">
        <v>0</v>
      </c>
      <c r="IV9" s="139">
        <v>0</v>
      </c>
      <c r="IW9" s="143">
        <v>0</v>
      </c>
      <c r="IX9" s="146"/>
      <c r="IY9" s="139">
        <v>243362</v>
      </c>
      <c r="IZ9" s="139">
        <v>991978</v>
      </c>
      <c r="JA9" s="139">
        <v>658678</v>
      </c>
      <c r="JB9" s="139">
        <v>1099201</v>
      </c>
      <c r="JC9" s="139">
        <v>1097445</v>
      </c>
      <c r="JD9" s="143">
        <v>4090664</v>
      </c>
      <c r="JE9" s="144">
        <v>4090664</v>
      </c>
      <c r="JF9" s="141">
        <v>0</v>
      </c>
      <c r="JG9" s="139">
        <v>0</v>
      </c>
      <c r="JH9" s="140">
        <v>0</v>
      </c>
      <c r="JI9" s="142">
        <v>0</v>
      </c>
      <c r="JJ9" s="139">
        <v>34622029</v>
      </c>
      <c r="JK9" s="139">
        <v>33270216</v>
      </c>
      <c r="JL9" s="139">
        <v>25611293</v>
      </c>
      <c r="JM9" s="139">
        <v>15602312</v>
      </c>
      <c r="JN9" s="139">
        <v>6791557</v>
      </c>
      <c r="JO9" s="143">
        <v>115897407</v>
      </c>
      <c r="JP9" s="356">
        <v>115897407</v>
      </c>
      <c r="JQ9" s="141">
        <v>81518</v>
      </c>
      <c r="JR9" s="139">
        <v>82565</v>
      </c>
      <c r="JS9" s="140">
        <v>164083</v>
      </c>
      <c r="JT9" s="142">
        <v>0</v>
      </c>
      <c r="JU9" s="139">
        <v>5217842</v>
      </c>
      <c r="JV9" s="139">
        <v>6936236</v>
      </c>
      <c r="JW9" s="139">
        <v>7574022</v>
      </c>
      <c r="JX9" s="139">
        <v>3822287</v>
      </c>
      <c r="JY9" s="139">
        <v>2009142</v>
      </c>
      <c r="JZ9" s="143">
        <v>25559529</v>
      </c>
      <c r="KA9" s="356">
        <v>25723612</v>
      </c>
      <c r="KB9" s="263">
        <v>587669</v>
      </c>
      <c r="KC9" s="257">
        <v>650692</v>
      </c>
      <c r="KD9" s="143">
        <v>1238361</v>
      </c>
      <c r="KE9" s="142">
        <v>0</v>
      </c>
      <c r="KF9" s="139">
        <v>10328253</v>
      </c>
      <c r="KG9" s="139">
        <v>15175139</v>
      </c>
      <c r="KH9" s="139">
        <v>15534808</v>
      </c>
      <c r="KI9" s="139">
        <v>16175964</v>
      </c>
      <c r="KJ9" s="139">
        <v>6276245</v>
      </c>
      <c r="KK9" s="143">
        <v>63490409</v>
      </c>
      <c r="KL9" s="145">
        <v>64728770</v>
      </c>
      <c r="KM9" s="260">
        <v>0</v>
      </c>
      <c r="KN9" s="266">
        <v>226192</v>
      </c>
      <c r="KO9" s="267">
        <v>226192</v>
      </c>
      <c r="KP9" s="138"/>
      <c r="KQ9" s="139">
        <v>25482077</v>
      </c>
      <c r="KR9" s="139">
        <v>38724016</v>
      </c>
      <c r="KS9" s="139">
        <v>41270788</v>
      </c>
      <c r="KT9" s="139">
        <v>29354959</v>
      </c>
      <c r="KU9" s="139">
        <v>12457943</v>
      </c>
      <c r="KV9" s="143">
        <v>147289783</v>
      </c>
      <c r="KW9" s="356">
        <v>147515975</v>
      </c>
      <c r="KX9" s="141">
        <v>0</v>
      </c>
      <c r="KY9" s="139">
        <v>0</v>
      </c>
      <c r="KZ9" s="143">
        <v>0</v>
      </c>
      <c r="LA9" s="147"/>
      <c r="LB9" s="139">
        <v>161071</v>
      </c>
      <c r="LC9" s="139">
        <v>1061601</v>
      </c>
      <c r="LD9" s="139">
        <v>1266735</v>
      </c>
      <c r="LE9" s="139">
        <v>2158106</v>
      </c>
      <c r="LF9" s="139">
        <v>706219</v>
      </c>
      <c r="LG9" s="143">
        <v>5353732</v>
      </c>
      <c r="LH9" s="144">
        <v>5353732</v>
      </c>
      <c r="LI9" s="141">
        <v>0</v>
      </c>
      <c r="LJ9" s="139">
        <v>0</v>
      </c>
      <c r="LK9" s="143">
        <v>0</v>
      </c>
      <c r="LL9" s="147"/>
      <c r="LM9" s="139">
        <v>0</v>
      </c>
      <c r="LN9" s="139">
        <v>246456</v>
      </c>
      <c r="LO9" s="139">
        <v>4303835</v>
      </c>
      <c r="LP9" s="139">
        <v>3381161</v>
      </c>
      <c r="LQ9" s="139">
        <v>3053867</v>
      </c>
      <c r="LR9" s="143">
        <v>10985319</v>
      </c>
      <c r="LS9" s="356">
        <v>10985319</v>
      </c>
      <c r="LT9" s="141">
        <v>0</v>
      </c>
      <c r="LU9" s="139">
        <v>0</v>
      </c>
      <c r="LV9" s="143">
        <v>0</v>
      </c>
      <c r="LW9" s="147"/>
      <c r="LX9" s="139">
        <v>2433252</v>
      </c>
      <c r="LY9" s="139">
        <v>3460369</v>
      </c>
      <c r="LZ9" s="139">
        <v>4616787</v>
      </c>
      <c r="MA9" s="139">
        <v>7238281</v>
      </c>
      <c r="MB9" s="139">
        <v>11924433</v>
      </c>
      <c r="MC9" s="143">
        <v>29673122</v>
      </c>
      <c r="MD9" s="144">
        <v>29673122</v>
      </c>
      <c r="ME9" s="141">
        <v>0</v>
      </c>
      <c r="MF9" s="139">
        <v>0</v>
      </c>
      <c r="MG9" s="143">
        <v>0</v>
      </c>
      <c r="MH9" s="147"/>
      <c r="MI9" s="139">
        <v>24723885</v>
      </c>
      <c r="MJ9" s="139">
        <v>55822310</v>
      </c>
      <c r="MK9" s="139">
        <v>186697181</v>
      </c>
      <c r="ML9" s="139">
        <v>270679642</v>
      </c>
      <c r="MM9" s="139">
        <v>164613031</v>
      </c>
      <c r="MN9" s="143">
        <v>702536049</v>
      </c>
      <c r="MO9" s="145">
        <v>702536049</v>
      </c>
      <c r="MP9" s="141">
        <v>0</v>
      </c>
      <c r="MQ9" s="139">
        <v>0</v>
      </c>
      <c r="MR9" s="143">
        <v>0</v>
      </c>
      <c r="MS9" s="147"/>
      <c r="MT9" s="139">
        <v>1981299</v>
      </c>
      <c r="MU9" s="139">
        <v>10718562</v>
      </c>
      <c r="MV9" s="139">
        <v>105380877</v>
      </c>
      <c r="MW9" s="139">
        <v>164517569</v>
      </c>
      <c r="MX9" s="139">
        <v>99862808</v>
      </c>
      <c r="MY9" s="143">
        <v>382461115</v>
      </c>
      <c r="MZ9" s="145">
        <v>382461115</v>
      </c>
      <c r="NA9" s="141">
        <v>0</v>
      </c>
      <c r="NB9" s="139">
        <v>0</v>
      </c>
      <c r="NC9" s="143">
        <v>0</v>
      </c>
      <c r="ND9" s="147"/>
      <c r="NE9" s="139">
        <v>22742586</v>
      </c>
      <c r="NF9" s="139">
        <v>44876812</v>
      </c>
      <c r="NG9" s="139">
        <v>79778132</v>
      </c>
      <c r="NH9" s="139">
        <v>97868871</v>
      </c>
      <c r="NI9" s="139">
        <v>50395382</v>
      </c>
      <c r="NJ9" s="143">
        <v>295661783</v>
      </c>
      <c r="NK9" s="356">
        <v>295661783</v>
      </c>
      <c r="NL9" s="141">
        <v>0</v>
      </c>
      <c r="NM9" s="139">
        <v>0</v>
      </c>
      <c r="NN9" s="143">
        <v>0</v>
      </c>
      <c r="NO9" s="147"/>
      <c r="NP9" s="139">
        <v>0</v>
      </c>
      <c r="NQ9" s="139">
        <v>0</v>
      </c>
      <c r="NR9" s="139">
        <v>635073</v>
      </c>
      <c r="NS9" s="139">
        <v>3834144</v>
      </c>
      <c r="NT9" s="139">
        <v>5967436</v>
      </c>
      <c r="NU9" s="143">
        <v>10436653</v>
      </c>
      <c r="NV9" s="144">
        <v>10436653</v>
      </c>
      <c r="NW9" s="141">
        <v>0</v>
      </c>
      <c r="NX9" s="139">
        <v>0</v>
      </c>
      <c r="NY9" s="143">
        <v>0</v>
      </c>
      <c r="NZ9" s="147"/>
      <c r="OA9" s="139">
        <v>0</v>
      </c>
      <c r="OB9" s="139">
        <v>226936</v>
      </c>
      <c r="OC9" s="139">
        <v>903099</v>
      </c>
      <c r="OD9" s="139">
        <v>4459058</v>
      </c>
      <c r="OE9" s="139">
        <v>8387405</v>
      </c>
      <c r="OF9" s="143">
        <v>13976498</v>
      </c>
      <c r="OG9" s="144">
        <v>13976498</v>
      </c>
      <c r="OH9" s="141">
        <v>29186065</v>
      </c>
      <c r="OI9" s="139">
        <v>45207201</v>
      </c>
      <c r="OJ9" s="140">
        <v>74393266</v>
      </c>
      <c r="OK9" s="142">
        <v>0</v>
      </c>
      <c r="OL9" s="139">
        <v>390957215</v>
      </c>
      <c r="OM9" s="139">
        <v>540120635</v>
      </c>
      <c r="ON9" s="139">
        <v>630719497</v>
      </c>
      <c r="OO9" s="139">
        <v>660582163</v>
      </c>
      <c r="OP9" s="139">
        <v>414017133</v>
      </c>
      <c r="OQ9" s="143">
        <v>2636396643</v>
      </c>
      <c r="OR9" s="145">
        <v>2710789909</v>
      </c>
    </row>
    <row r="10" spans="1:408" ht="20.25" customHeight="1" x14ac:dyDescent="0.2">
      <c r="A10" s="129" t="s">
        <v>5</v>
      </c>
      <c r="B10" s="112">
        <v>12553682</v>
      </c>
      <c r="C10" s="116">
        <v>22089611</v>
      </c>
      <c r="D10" s="115">
        <v>34643293</v>
      </c>
      <c r="E10" s="111">
        <v>0</v>
      </c>
      <c r="F10" s="116">
        <v>105635293</v>
      </c>
      <c r="G10" s="116">
        <v>182659900</v>
      </c>
      <c r="H10" s="116">
        <v>157975304</v>
      </c>
      <c r="I10" s="116">
        <v>128448238</v>
      </c>
      <c r="J10" s="116">
        <v>86143071</v>
      </c>
      <c r="K10" s="111">
        <v>660861806</v>
      </c>
      <c r="L10" s="118">
        <v>695505099</v>
      </c>
      <c r="M10" s="112">
        <v>3864923</v>
      </c>
      <c r="N10" s="116">
        <v>8474085</v>
      </c>
      <c r="O10" s="115">
        <v>12339008</v>
      </c>
      <c r="P10" s="112">
        <v>0</v>
      </c>
      <c r="Q10" s="116">
        <v>33881030</v>
      </c>
      <c r="R10" s="116">
        <v>64503327</v>
      </c>
      <c r="S10" s="116">
        <v>50047947</v>
      </c>
      <c r="T10" s="116">
        <v>46260423</v>
      </c>
      <c r="U10" s="116">
        <v>41107778</v>
      </c>
      <c r="V10" s="115">
        <v>235800505</v>
      </c>
      <c r="W10" s="118">
        <v>248139513</v>
      </c>
      <c r="X10" s="112">
        <v>0</v>
      </c>
      <c r="Y10" s="116">
        <v>0</v>
      </c>
      <c r="Z10" s="115">
        <v>0</v>
      </c>
      <c r="AA10" s="112">
        <v>0</v>
      </c>
      <c r="AB10" s="116">
        <v>14889332</v>
      </c>
      <c r="AC10" s="116">
        <v>25972640</v>
      </c>
      <c r="AD10" s="116">
        <v>24114180</v>
      </c>
      <c r="AE10" s="116">
        <v>21671902</v>
      </c>
      <c r="AF10" s="116">
        <v>20547483</v>
      </c>
      <c r="AG10" s="115">
        <v>107195537</v>
      </c>
      <c r="AH10" s="118">
        <v>107195537</v>
      </c>
      <c r="AI10" s="112">
        <v>0</v>
      </c>
      <c r="AJ10" s="116">
        <v>32532</v>
      </c>
      <c r="AK10" s="115">
        <v>32532</v>
      </c>
      <c r="AL10" s="112">
        <v>0</v>
      </c>
      <c r="AM10" s="116">
        <v>134912</v>
      </c>
      <c r="AN10" s="116">
        <v>804613</v>
      </c>
      <c r="AO10" s="116">
        <v>1175332</v>
      </c>
      <c r="AP10" s="116">
        <v>2966692</v>
      </c>
      <c r="AQ10" s="116">
        <v>5583642</v>
      </c>
      <c r="AR10" s="115">
        <v>10665191</v>
      </c>
      <c r="AS10" s="118">
        <v>10697723</v>
      </c>
      <c r="AT10" s="112">
        <v>2128055</v>
      </c>
      <c r="AU10" s="116">
        <v>5644615</v>
      </c>
      <c r="AV10" s="115">
        <v>7772670</v>
      </c>
      <c r="AW10" s="112">
        <v>0</v>
      </c>
      <c r="AX10" s="116">
        <v>12463262</v>
      </c>
      <c r="AY10" s="116">
        <v>26589666</v>
      </c>
      <c r="AZ10" s="116">
        <v>15591305</v>
      </c>
      <c r="BA10" s="116">
        <v>13986180</v>
      </c>
      <c r="BB10" s="116">
        <v>9724230</v>
      </c>
      <c r="BC10" s="115">
        <v>78354643</v>
      </c>
      <c r="BD10" s="118">
        <v>86127313</v>
      </c>
      <c r="BE10" s="112">
        <v>252564</v>
      </c>
      <c r="BF10" s="116">
        <v>1008954</v>
      </c>
      <c r="BG10" s="114">
        <v>1261518</v>
      </c>
      <c r="BH10" s="113">
        <v>0</v>
      </c>
      <c r="BI10" s="116">
        <v>431308</v>
      </c>
      <c r="BJ10" s="116">
        <v>1602234</v>
      </c>
      <c r="BK10" s="116">
        <v>1155426</v>
      </c>
      <c r="BL10" s="116">
        <v>907729</v>
      </c>
      <c r="BM10" s="116">
        <v>592927</v>
      </c>
      <c r="BN10" s="115">
        <v>4689624</v>
      </c>
      <c r="BO10" s="118">
        <v>5951142</v>
      </c>
      <c r="BP10" s="112">
        <v>1484304</v>
      </c>
      <c r="BQ10" s="116">
        <v>1787984</v>
      </c>
      <c r="BR10" s="115">
        <v>3272288</v>
      </c>
      <c r="BS10" s="112">
        <v>0</v>
      </c>
      <c r="BT10" s="116">
        <v>5962216</v>
      </c>
      <c r="BU10" s="116">
        <v>9534174</v>
      </c>
      <c r="BV10" s="116">
        <v>8011704</v>
      </c>
      <c r="BW10" s="116">
        <v>6727920</v>
      </c>
      <c r="BX10" s="116">
        <v>4659496</v>
      </c>
      <c r="BY10" s="115">
        <v>34895510</v>
      </c>
      <c r="BZ10" s="118">
        <v>38167798</v>
      </c>
      <c r="CA10" s="112">
        <v>1344838</v>
      </c>
      <c r="CB10" s="116">
        <v>3524745</v>
      </c>
      <c r="CC10" s="115">
        <v>4869583</v>
      </c>
      <c r="CD10" s="112">
        <v>0</v>
      </c>
      <c r="CE10" s="116">
        <v>30331148</v>
      </c>
      <c r="CF10" s="116">
        <v>49431666</v>
      </c>
      <c r="CG10" s="116">
        <v>34387409</v>
      </c>
      <c r="CH10" s="116">
        <v>17699080</v>
      </c>
      <c r="CI10" s="116">
        <v>6467996</v>
      </c>
      <c r="CJ10" s="115">
        <v>138317299</v>
      </c>
      <c r="CK10" s="118">
        <v>143186882</v>
      </c>
      <c r="CL10" s="112">
        <v>0</v>
      </c>
      <c r="CM10" s="116">
        <v>0</v>
      </c>
      <c r="CN10" s="115">
        <v>0</v>
      </c>
      <c r="CO10" s="113">
        <v>0</v>
      </c>
      <c r="CP10" s="116">
        <v>24147063</v>
      </c>
      <c r="CQ10" s="116">
        <v>34794136</v>
      </c>
      <c r="CR10" s="116">
        <v>24022173</v>
      </c>
      <c r="CS10" s="116">
        <v>10745097</v>
      </c>
      <c r="CT10" s="116">
        <v>4903677</v>
      </c>
      <c r="CU10" s="115">
        <v>98612146</v>
      </c>
      <c r="CV10" s="118">
        <v>98612146</v>
      </c>
      <c r="CW10" s="112">
        <v>1344838</v>
      </c>
      <c r="CX10" s="116">
        <v>3524745</v>
      </c>
      <c r="CY10" s="115">
        <v>4869583</v>
      </c>
      <c r="CZ10" s="112">
        <v>0</v>
      </c>
      <c r="DA10" s="116">
        <v>6184085</v>
      </c>
      <c r="DB10" s="116">
        <v>14637530</v>
      </c>
      <c r="DC10" s="116">
        <v>10365236</v>
      </c>
      <c r="DD10" s="116">
        <v>6953983</v>
      </c>
      <c r="DE10" s="116">
        <v>1564319</v>
      </c>
      <c r="DF10" s="115">
        <v>39705153</v>
      </c>
      <c r="DG10" s="118">
        <v>44574736</v>
      </c>
      <c r="DH10" s="112">
        <v>132756</v>
      </c>
      <c r="DI10" s="116">
        <v>390645</v>
      </c>
      <c r="DJ10" s="114">
        <v>523401</v>
      </c>
      <c r="DK10" s="113">
        <v>0</v>
      </c>
      <c r="DL10" s="116">
        <v>3001597</v>
      </c>
      <c r="DM10" s="116">
        <v>7130086</v>
      </c>
      <c r="DN10" s="116">
        <v>16765825</v>
      </c>
      <c r="DO10" s="116">
        <v>11534599</v>
      </c>
      <c r="DP10" s="116">
        <v>3662200</v>
      </c>
      <c r="DQ10" s="115">
        <v>42094307</v>
      </c>
      <c r="DR10" s="118">
        <v>42617708</v>
      </c>
      <c r="DS10" s="112">
        <v>85872</v>
      </c>
      <c r="DT10" s="116">
        <v>390645</v>
      </c>
      <c r="DU10" s="115">
        <v>476517</v>
      </c>
      <c r="DV10" s="112">
        <v>0</v>
      </c>
      <c r="DW10" s="116">
        <v>2238264</v>
      </c>
      <c r="DX10" s="116">
        <v>5019979</v>
      </c>
      <c r="DY10" s="116">
        <v>13417841</v>
      </c>
      <c r="DZ10" s="116">
        <v>9844697</v>
      </c>
      <c r="EA10" s="116">
        <v>2095885</v>
      </c>
      <c r="EB10" s="115">
        <v>32616666</v>
      </c>
      <c r="EC10" s="118">
        <v>33093183</v>
      </c>
      <c r="ED10" s="112">
        <v>46884</v>
      </c>
      <c r="EE10" s="114">
        <v>0</v>
      </c>
      <c r="EF10" s="115">
        <v>46884</v>
      </c>
      <c r="EG10" s="112">
        <v>0</v>
      </c>
      <c r="EH10" s="116">
        <v>763333</v>
      </c>
      <c r="EI10" s="116">
        <v>2110107</v>
      </c>
      <c r="EJ10" s="116">
        <v>3347984</v>
      </c>
      <c r="EK10" s="116">
        <v>1689902</v>
      </c>
      <c r="EL10" s="116">
        <v>1566315</v>
      </c>
      <c r="EM10" s="114">
        <v>9477641</v>
      </c>
      <c r="EN10" s="118">
        <v>9524525</v>
      </c>
      <c r="EO10" s="112">
        <v>0</v>
      </c>
      <c r="EP10" s="116">
        <v>0</v>
      </c>
      <c r="EQ10" s="114">
        <v>0</v>
      </c>
      <c r="ER10" s="113">
        <v>0</v>
      </c>
      <c r="ES10" s="116">
        <v>0</v>
      </c>
      <c r="ET10" s="116">
        <v>0</v>
      </c>
      <c r="EU10" s="116">
        <v>0</v>
      </c>
      <c r="EV10" s="116">
        <v>0</v>
      </c>
      <c r="EW10" s="116">
        <v>0</v>
      </c>
      <c r="EX10" s="115">
        <v>0</v>
      </c>
      <c r="EY10" s="118">
        <v>0</v>
      </c>
      <c r="EZ10" s="112">
        <v>0</v>
      </c>
      <c r="FA10" s="116">
        <v>0</v>
      </c>
      <c r="FB10" s="114">
        <v>0</v>
      </c>
      <c r="FC10" s="390"/>
      <c r="FD10" s="116">
        <v>0</v>
      </c>
      <c r="FE10" s="116">
        <v>0</v>
      </c>
      <c r="FF10" s="116">
        <v>0</v>
      </c>
      <c r="FG10" s="116">
        <v>0</v>
      </c>
      <c r="FH10" s="116">
        <v>0</v>
      </c>
      <c r="FI10" s="115">
        <v>0</v>
      </c>
      <c r="FJ10" s="118">
        <v>0</v>
      </c>
      <c r="FK10" s="112">
        <v>2427476</v>
      </c>
      <c r="FL10" s="116">
        <v>4075312</v>
      </c>
      <c r="FM10" s="115">
        <v>6502788</v>
      </c>
      <c r="FN10" s="112">
        <v>0</v>
      </c>
      <c r="FO10" s="116">
        <v>5113572</v>
      </c>
      <c r="FP10" s="116">
        <v>16477675</v>
      </c>
      <c r="FQ10" s="116">
        <v>11818232</v>
      </c>
      <c r="FR10" s="116">
        <v>9851504</v>
      </c>
      <c r="FS10" s="116">
        <v>6245483</v>
      </c>
      <c r="FT10" s="115">
        <v>49506466</v>
      </c>
      <c r="FU10" s="118">
        <v>56009254</v>
      </c>
      <c r="FV10" s="117">
        <v>880040</v>
      </c>
      <c r="FW10" s="116">
        <v>2838560</v>
      </c>
      <c r="FX10" s="114">
        <v>3718600</v>
      </c>
      <c r="FY10" s="113">
        <v>0</v>
      </c>
      <c r="FZ10" s="116">
        <v>3038304</v>
      </c>
      <c r="GA10" s="116">
        <v>14603406</v>
      </c>
      <c r="GB10" s="116">
        <v>11042416</v>
      </c>
      <c r="GC10" s="116">
        <v>9332008</v>
      </c>
      <c r="GD10" s="116">
        <v>5818526</v>
      </c>
      <c r="GE10" s="115">
        <v>43834660</v>
      </c>
      <c r="GF10" s="354">
        <v>47553260</v>
      </c>
      <c r="GG10" s="117">
        <v>125864</v>
      </c>
      <c r="GH10" s="116">
        <v>155232</v>
      </c>
      <c r="GI10" s="114">
        <v>281096</v>
      </c>
      <c r="GJ10" s="113">
        <v>0</v>
      </c>
      <c r="GK10" s="116">
        <v>409184</v>
      </c>
      <c r="GL10" s="116">
        <v>315101</v>
      </c>
      <c r="GM10" s="116">
        <v>176136</v>
      </c>
      <c r="GN10" s="116">
        <v>60184</v>
      </c>
      <c r="GO10" s="116">
        <v>204477</v>
      </c>
      <c r="GP10" s="115">
        <v>1165082</v>
      </c>
      <c r="GQ10" s="118">
        <v>1446178</v>
      </c>
      <c r="GR10" s="112">
        <v>1421572</v>
      </c>
      <c r="GS10" s="116">
        <v>1081520</v>
      </c>
      <c r="GT10" s="115">
        <v>2503092</v>
      </c>
      <c r="GU10" s="112">
        <v>0</v>
      </c>
      <c r="GV10" s="116">
        <v>1666084</v>
      </c>
      <c r="GW10" s="116">
        <v>1559168</v>
      </c>
      <c r="GX10" s="116">
        <v>599680</v>
      </c>
      <c r="GY10" s="116">
        <v>459312</v>
      </c>
      <c r="GZ10" s="116">
        <v>222480</v>
      </c>
      <c r="HA10" s="114">
        <v>4506724</v>
      </c>
      <c r="HB10" s="118">
        <v>7009816</v>
      </c>
      <c r="HC10" s="112">
        <v>4783689</v>
      </c>
      <c r="HD10" s="116">
        <v>5624824</v>
      </c>
      <c r="HE10" s="114">
        <v>10408513</v>
      </c>
      <c r="HF10" s="113">
        <v>0</v>
      </c>
      <c r="HG10" s="116">
        <v>33307946</v>
      </c>
      <c r="HH10" s="116">
        <v>45117146</v>
      </c>
      <c r="HI10" s="116">
        <v>44955891</v>
      </c>
      <c r="HJ10" s="116">
        <v>43102632</v>
      </c>
      <c r="HK10" s="116">
        <v>28659614</v>
      </c>
      <c r="HL10" s="115">
        <v>195143229</v>
      </c>
      <c r="HM10" s="111">
        <v>205551742</v>
      </c>
      <c r="HN10" s="370"/>
      <c r="HO10" s="371"/>
      <c r="HP10" s="372"/>
      <c r="HQ10" s="373"/>
      <c r="HR10" s="371"/>
      <c r="HS10" s="371"/>
      <c r="HT10" s="371"/>
      <c r="HU10" s="371"/>
      <c r="HV10" s="371"/>
      <c r="HW10" s="374"/>
      <c r="HX10" s="375"/>
      <c r="HY10" s="148">
        <v>208466</v>
      </c>
      <c r="HZ10" s="149">
        <v>811712</v>
      </c>
      <c r="IA10" s="150">
        <v>1020178</v>
      </c>
      <c r="IB10" s="151">
        <v>0</v>
      </c>
      <c r="IC10" s="152">
        <v>27214532</v>
      </c>
      <c r="ID10" s="153">
        <v>44650770</v>
      </c>
      <c r="IE10" s="154">
        <v>43091364</v>
      </c>
      <c r="IF10" s="152">
        <v>34264217</v>
      </c>
      <c r="IG10" s="154">
        <v>23512898</v>
      </c>
      <c r="IH10" s="155">
        <v>172733781</v>
      </c>
      <c r="II10" s="156">
        <v>173753959</v>
      </c>
      <c r="IJ10" s="261">
        <v>0</v>
      </c>
      <c r="IK10" s="268">
        <v>0</v>
      </c>
      <c r="IL10" s="269">
        <v>0</v>
      </c>
      <c r="IM10" s="157"/>
      <c r="IN10" s="122">
        <v>787666</v>
      </c>
      <c r="IO10" s="122">
        <v>1517986</v>
      </c>
      <c r="IP10" s="122">
        <v>2167474</v>
      </c>
      <c r="IQ10" s="122">
        <v>2903778</v>
      </c>
      <c r="IR10" s="122">
        <v>1462639</v>
      </c>
      <c r="IS10" s="158">
        <v>8839543</v>
      </c>
      <c r="IT10" s="357">
        <v>8839543</v>
      </c>
      <c r="IU10" s="159">
        <v>0</v>
      </c>
      <c r="IV10" s="122">
        <v>0</v>
      </c>
      <c r="IW10" s="123">
        <v>0</v>
      </c>
      <c r="IX10" s="161"/>
      <c r="IY10" s="122">
        <v>169622</v>
      </c>
      <c r="IZ10" s="122">
        <v>545807</v>
      </c>
      <c r="JA10" s="122">
        <v>521843</v>
      </c>
      <c r="JB10" s="122">
        <v>954105</v>
      </c>
      <c r="JC10" s="122">
        <v>835835</v>
      </c>
      <c r="JD10" s="123">
        <v>3027212</v>
      </c>
      <c r="JE10" s="124">
        <v>3027212</v>
      </c>
      <c r="JF10" s="159">
        <v>0</v>
      </c>
      <c r="JG10" s="122">
        <v>0</v>
      </c>
      <c r="JH10" s="158">
        <v>0</v>
      </c>
      <c r="JI10" s="121">
        <v>0</v>
      </c>
      <c r="JJ10" s="122">
        <v>12141842</v>
      </c>
      <c r="JK10" s="122">
        <v>15522054</v>
      </c>
      <c r="JL10" s="122">
        <v>12584837</v>
      </c>
      <c r="JM10" s="122">
        <v>7826162</v>
      </c>
      <c r="JN10" s="122">
        <v>4321088</v>
      </c>
      <c r="JO10" s="123">
        <v>52395983</v>
      </c>
      <c r="JP10" s="357">
        <v>52395983</v>
      </c>
      <c r="JQ10" s="159">
        <v>34128</v>
      </c>
      <c r="JR10" s="122">
        <v>82565</v>
      </c>
      <c r="JS10" s="158">
        <v>116693</v>
      </c>
      <c r="JT10" s="121">
        <v>0</v>
      </c>
      <c r="JU10" s="122">
        <v>2193623</v>
      </c>
      <c r="JV10" s="122">
        <v>3821430</v>
      </c>
      <c r="JW10" s="122">
        <v>3588624</v>
      </c>
      <c r="JX10" s="122">
        <v>2643365</v>
      </c>
      <c r="JY10" s="122">
        <v>1270590</v>
      </c>
      <c r="JZ10" s="123">
        <v>13517632</v>
      </c>
      <c r="KA10" s="357">
        <v>13634325</v>
      </c>
      <c r="KB10" s="264">
        <v>174338</v>
      </c>
      <c r="KC10" s="258">
        <v>502955</v>
      </c>
      <c r="KD10" s="123">
        <v>677293</v>
      </c>
      <c r="KE10" s="121">
        <v>0</v>
      </c>
      <c r="KF10" s="122">
        <v>3529373</v>
      </c>
      <c r="KG10" s="122">
        <v>5834410</v>
      </c>
      <c r="KH10" s="122">
        <v>6277338</v>
      </c>
      <c r="KI10" s="122">
        <v>7743653</v>
      </c>
      <c r="KJ10" s="122">
        <v>2411537</v>
      </c>
      <c r="KK10" s="123">
        <v>25796311</v>
      </c>
      <c r="KL10" s="160">
        <v>26473604</v>
      </c>
      <c r="KM10" s="261">
        <v>0</v>
      </c>
      <c r="KN10" s="268">
        <v>226192</v>
      </c>
      <c r="KO10" s="269">
        <v>226192</v>
      </c>
      <c r="KP10" s="157"/>
      <c r="KQ10" s="122">
        <v>7830452</v>
      </c>
      <c r="KR10" s="122">
        <v>15948239</v>
      </c>
      <c r="KS10" s="122">
        <v>16104016</v>
      </c>
      <c r="KT10" s="122">
        <v>10694707</v>
      </c>
      <c r="KU10" s="122">
        <v>4867302</v>
      </c>
      <c r="KV10" s="123">
        <v>55444716</v>
      </c>
      <c r="KW10" s="357">
        <v>55670908</v>
      </c>
      <c r="KX10" s="159">
        <v>0</v>
      </c>
      <c r="KY10" s="122">
        <v>0</v>
      </c>
      <c r="KZ10" s="123">
        <v>0</v>
      </c>
      <c r="LA10" s="162"/>
      <c r="LB10" s="122">
        <v>0</v>
      </c>
      <c r="LC10" s="122">
        <v>0</v>
      </c>
      <c r="LD10" s="122">
        <v>0</v>
      </c>
      <c r="LE10" s="122">
        <v>0</v>
      </c>
      <c r="LF10" s="122">
        <v>0</v>
      </c>
      <c r="LG10" s="123">
        <v>0</v>
      </c>
      <c r="LH10" s="124">
        <v>0</v>
      </c>
      <c r="LI10" s="159">
        <v>0</v>
      </c>
      <c r="LJ10" s="122">
        <v>0</v>
      </c>
      <c r="LK10" s="123">
        <v>0</v>
      </c>
      <c r="LL10" s="162"/>
      <c r="LM10" s="122">
        <v>0</v>
      </c>
      <c r="LN10" s="122">
        <v>246456</v>
      </c>
      <c r="LO10" s="122">
        <v>543228</v>
      </c>
      <c r="LP10" s="122">
        <v>573579</v>
      </c>
      <c r="LQ10" s="122">
        <v>614598</v>
      </c>
      <c r="LR10" s="123">
        <v>1977861</v>
      </c>
      <c r="LS10" s="357">
        <v>1977861</v>
      </c>
      <c r="LT10" s="159">
        <v>0</v>
      </c>
      <c r="LU10" s="122">
        <v>0</v>
      </c>
      <c r="LV10" s="123">
        <v>0</v>
      </c>
      <c r="LW10" s="162"/>
      <c r="LX10" s="122">
        <v>561954</v>
      </c>
      <c r="LY10" s="122">
        <v>1214388</v>
      </c>
      <c r="LZ10" s="122">
        <v>1304004</v>
      </c>
      <c r="MA10" s="122">
        <v>924868</v>
      </c>
      <c r="MB10" s="122">
        <v>7729309</v>
      </c>
      <c r="MC10" s="123">
        <v>11734523</v>
      </c>
      <c r="MD10" s="124">
        <v>11734523</v>
      </c>
      <c r="ME10" s="159">
        <v>0</v>
      </c>
      <c r="MF10" s="122">
        <v>0</v>
      </c>
      <c r="MG10" s="123">
        <v>0</v>
      </c>
      <c r="MH10" s="162"/>
      <c r="MI10" s="122">
        <v>9858489</v>
      </c>
      <c r="MJ10" s="122">
        <v>29749498</v>
      </c>
      <c r="MK10" s="122">
        <v>89923457</v>
      </c>
      <c r="ML10" s="122">
        <v>126250080</v>
      </c>
      <c r="MM10" s="122">
        <v>81157269</v>
      </c>
      <c r="MN10" s="123">
        <v>336938793</v>
      </c>
      <c r="MO10" s="160">
        <v>336938793</v>
      </c>
      <c r="MP10" s="159">
        <v>0</v>
      </c>
      <c r="MQ10" s="122">
        <v>0</v>
      </c>
      <c r="MR10" s="123">
        <v>0</v>
      </c>
      <c r="MS10" s="162"/>
      <c r="MT10" s="122">
        <v>582635</v>
      </c>
      <c r="MU10" s="122">
        <v>6853111</v>
      </c>
      <c r="MV10" s="122">
        <v>53493794</v>
      </c>
      <c r="MW10" s="122">
        <v>72029478</v>
      </c>
      <c r="MX10" s="122">
        <v>50011649</v>
      </c>
      <c r="MY10" s="123">
        <v>182970667</v>
      </c>
      <c r="MZ10" s="160">
        <v>182970667</v>
      </c>
      <c r="NA10" s="159">
        <v>0</v>
      </c>
      <c r="NB10" s="122">
        <v>0</v>
      </c>
      <c r="NC10" s="123">
        <v>0</v>
      </c>
      <c r="ND10" s="162"/>
      <c r="NE10" s="122">
        <v>9275854</v>
      </c>
      <c r="NF10" s="122">
        <v>22896387</v>
      </c>
      <c r="NG10" s="122">
        <v>36429663</v>
      </c>
      <c r="NH10" s="122">
        <v>51144247</v>
      </c>
      <c r="NI10" s="122">
        <v>26665648</v>
      </c>
      <c r="NJ10" s="123">
        <v>146411799</v>
      </c>
      <c r="NK10" s="357">
        <v>146411799</v>
      </c>
      <c r="NL10" s="159">
        <v>0</v>
      </c>
      <c r="NM10" s="122">
        <v>0</v>
      </c>
      <c r="NN10" s="123">
        <v>0</v>
      </c>
      <c r="NO10" s="162"/>
      <c r="NP10" s="122">
        <v>0</v>
      </c>
      <c r="NQ10" s="122">
        <v>0</v>
      </c>
      <c r="NR10" s="122">
        <v>0</v>
      </c>
      <c r="NS10" s="122">
        <v>1294690</v>
      </c>
      <c r="NT10" s="122">
        <v>2470550</v>
      </c>
      <c r="NU10" s="123">
        <v>3765240</v>
      </c>
      <c r="NV10" s="124">
        <v>3765240</v>
      </c>
      <c r="NW10" s="159">
        <v>0</v>
      </c>
      <c r="NX10" s="122">
        <v>0</v>
      </c>
      <c r="NY10" s="123">
        <v>0</v>
      </c>
      <c r="NZ10" s="162"/>
      <c r="OA10" s="122">
        <v>0</v>
      </c>
      <c r="OB10" s="122">
        <v>0</v>
      </c>
      <c r="OC10" s="122">
        <v>0</v>
      </c>
      <c r="OD10" s="122">
        <v>1781665</v>
      </c>
      <c r="OE10" s="122">
        <v>2009422</v>
      </c>
      <c r="OF10" s="123">
        <v>3791087</v>
      </c>
      <c r="OG10" s="124">
        <v>3791087</v>
      </c>
      <c r="OH10" s="159">
        <v>12762148</v>
      </c>
      <c r="OI10" s="122">
        <v>22901323</v>
      </c>
      <c r="OJ10" s="158">
        <v>35663471</v>
      </c>
      <c r="OK10" s="121">
        <v>0</v>
      </c>
      <c r="OL10" s="122">
        <v>142708314</v>
      </c>
      <c r="OM10" s="122">
        <v>257060168</v>
      </c>
      <c r="ON10" s="122">
        <v>290990125</v>
      </c>
      <c r="OO10" s="122">
        <v>288962535</v>
      </c>
      <c r="OP10" s="122">
        <v>190813238</v>
      </c>
      <c r="OQ10" s="123">
        <v>1170534380</v>
      </c>
      <c r="OR10" s="160">
        <v>1206197851</v>
      </c>
    </row>
    <row r="11" spans="1:408" ht="20.25" customHeight="1" x14ac:dyDescent="0.2">
      <c r="A11" s="129" t="s">
        <v>6</v>
      </c>
      <c r="B11" s="112">
        <v>4754160</v>
      </c>
      <c r="C11" s="116">
        <v>4552903</v>
      </c>
      <c r="D11" s="115">
        <v>9307063</v>
      </c>
      <c r="E11" s="111">
        <v>0</v>
      </c>
      <c r="F11" s="116">
        <v>39569193</v>
      </c>
      <c r="G11" s="116">
        <v>43334395</v>
      </c>
      <c r="H11" s="116">
        <v>36367596</v>
      </c>
      <c r="I11" s="116">
        <v>43104477</v>
      </c>
      <c r="J11" s="116">
        <v>27851784</v>
      </c>
      <c r="K11" s="111">
        <v>190227445</v>
      </c>
      <c r="L11" s="118">
        <v>199534508</v>
      </c>
      <c r="M11" s="112">
        <v>1322215</v>
      </c>
      <c r="N11" s="116">
        <v>1702243</v>
      </c>
      <c r="O11" s="115">
        <v>3024458</v>
      </c>
      <c r="P11" s="112">
        <v>0</v>
      </c>
      <c r="Q11" s="116">
        <v>13197599</v>
      </c>
      <c r="R11" s="116">
        <v>14802366</v>
      </c>
      <c r="S11" s="116">
        <v>12222532</v>
      </c>
      <c r="T11" s="116">
        <v>16774722</v>
      </c>
      <c r="U11" s="116">
        <v>14573919</v>
      </c>
      <c r="V11" s="115">
        <v>71571138</v>
      </c>
      <c r="W11" s="118">
        <v>74595596</v>
      </c>
      <c r="X11" s="112">
        <v>0</v>
      </c>
      <c r="Y11" s="116">
        <v>0</v>
      </c>
      <c r="Z11" s="115">
        <v>0</v>
      </c>
      <c r="AA11" s="112">
        <v>0</v>
      </c>
      <c r="AB11" s="116">
        <v>5605112</v>
      </c>
      <c r="AC11" s="116">
        <v>6614706</v>
      </c>
      <c r="AD11" s="116">
        <v>6534440</v>
      </c>
      <c r="AE11" s="116">
        <v>8628188</v>
      </c>
      <c r="AF11" s="116">
        <v>8418629</v>
      </c>
      <c r="AG11" s="115">
        <v>35801075</v>
      </c>
      <c r="AH11" s="118">
        <v>35801075</v>
      </c>
      <c r="AI11" s="112">
        <v>0</v>
      </c>
      <c r="AJ11" s="116">
        <v>0</v>
      </c>
      <c r="AK11" s="115">
        <v>0</v>
      </c>
      <c r="AL11" s="112">
        <v>0</v>
      </c>
      <c r="AM11" s="116">
        <v>48108</v>
      </c>
      <c r="AN11" s="116">
        <v>204462</v>
      </c>
      <c r="AO11" s="116">
        <v>206374</v>
      </c>
      <c r="AP11" s="116">
        <v>765123</v>
      </c>
      <c r="AQ11" s="116">
        <v>1493537</v>
      </c>
      <c r="AR11" s="115">
        <v>2717604</v>
      </c>
      <c r="AS11" s="118">
        <v>2717604</v>
      </c>
      <c r="AT11" s="112">
        <v>601374</v>
      </c>
      <c r="AU11" s="116">
        <v>1270099</v>
      </c>
      <c r="AV11" s="115">
        <v>1871473</v>
      </c>
      <c r="AW11" s="112">
        <v>0</v>
      </c>
      <c r="AX11" s="116">
        <v>4644168</v>
      </c>
      <c r="AY11" s="116">
        <v>4890001</v>
      </c>
      <c r="AZ11" s="116">
        <v>2873524</v>
      </c>
      <c r="BA11" s="116">
        <v>4383036</v>
      </c>
      <c r="BB11" s="116">
        <v>2834092</v>
      </c>
      <c r="BC11" s="115">
        <v>19624821</v>
      </c>
      <c r="BD11" s="118">
        <v>21496294</v>
      </c>
      <c r="BE11" s="112">
        <v>42961</v>
      </c>
      <c r="BF11" s="116">
        <v>48096</v>
      </c>
      <c r="BG11" s="114">
        <v>91057</v>
      </c>
      <c r="BH11" s="113">
        <v>0</v>
      </c>
      <c r="BI11" s="116">
        <v>348803</v>
      </c>
      <c r="BJ11" s="116">
        <v>396901</v>
      </c>
      <c r="BK11" s="116">
        <v>192874</v>
      </c>
      <c r="BL11" s="116">
        <v>402559</v>
      </c>
      <c r="BM11" s="116">
        <v>245413</v>
      </c>
      <c r="BN11" s="115">
        <v>1586550</v>
      </c>
      <c r="BO11" s="118">
        <v>1677607</v>
      </c>
      <c r="BP11" s="112">
        <v>677880</v>
      </c>
      <c r="BQ11" s="116">
        <v>384048</v>
      </c>
      <c r="BR11" s="115">
        <v>1061928</v>
      </c>
      <c r="BS11" s="112">
        <v>0</v>
      </c>
      <c r="BT11" s="116">
        <v>2551408</v>
      </c>
      <c r="BU11" s="116">
        <v>2696296</v>
      </c>
      <c r="BV11" s="116">
        <v>2415320</v>
      </c>
      <c r="BW11" s="116">
        <v>2595816</v>
      </c>
      <c r="BX11" s="116">
        <v>1582248</v>
      </c>
      <c r="BY11" s="115">
        <v>11841088</v>
      </c>
      <c r="BZ11" s="118">
        <v>12903016</v>
      </c>
      <c r="CA11" s="112">
        <v>151287</v>
      </c>
      <c r="CB11" s="116">
        <v>474368</v>
      </c>
      <c r="CC11" s="115">
        <v>625655</v>
      </c>
      <c r="CD11" s="112">
        <v>0</v>
      </c>
      <c r="CE11" s="116">
        <v>11744002</v>
      </c>
      <c r="CF11" s="116">
        <v>11368198</v>
      </c>
      <c r="CG11" s="116">
        <v>8238514</v>
      </c>
      <c r="CH11" s="116">
        <v>5746205</v>
      </c>
      <c r="CI11" s="116">
        <v>2492546</v>
      </c>
      <c r="CJ11" s="115">
        <v>39589465</v>
      </c>
      <c r="CK11" s="118">
        <v>40215120</v>
      </c>
      <c r="CL11" s="112">
        <v>0</v>
      </c>
      <c r="CM11" s="116">
        <v>0</v>
      </c>
      <c r="CN11" s="115">
        <v>0</v>
      </c>
      <c r="CO11" s="113">
        <v>0</v>
      </c>
      <c r="CP11" s="116">
        <v>9541952</v>
      </c>
      <c r="CQ11" s="116">
        <v>8104832</v>
      </c>
      <c r="CR11" s="116">
        <v>5871216</v>
      </c>
      <c r="CS11" s="116">
        <v>4353033</v>
      </c>
      <c r="CT11" s="116">
        <v>1921029</v>
      </c>
      <c r="CU11" s="115">
        <v>29792062</v>
      </c>
      <c r="CV11" s="118">
        <v>29792062</v>
      </c>
      <c r="CW11" s="112">
        <v>151287</v>
      </c>
      <c r="CX11" s="116">
        <v>474368</v>
      </c>
      <c r="CY11" s="115">
        <v>625655</v>
      </c>
      <c r="CZ11" s="112">
        <v>0</v>
      </c>
      <c r="DA11" s="116">
        <v>2202050</v>
      </c>
      <c r="DB11" s="116">
        <v>3263366</v>
      </c>
      <c r="DC11" s="116">
        <v>2367298</v>
      </c>
      <c r="DD11" s="116">
        <v>1393172</v>
      </c>
      <c r="DE11" s="116">
        <v>571517</v>
      </c>
      <c r="DF11" s="115">
        <v>9797403</v>
      </c>
      <c r="DG11" s="118">
        <v>10423058</v>
      </c>
      <c r="DH11" s="112">
        <v>18817</v>
      </c>
      <c r="DI11" s="116">
        <v>44972</v>
      </c>
      <c r="DJ11" s="114">
        <v>63789</v>
      </c>
      <c r="DK11" s="113">
        <v>0</v>
      </c>
      <c r="DL11" s="116">
        <v>1026195</v>
      </c>
      <c r="DM11" s="116">
        <v>1429902</v>
      </c>
      <c r="DN11" s="116">
        <v>2586275</v>
      </c>
      <c r="DO11" s="116">
        <v>2548278</v>
      </c>
      <c r="DP11" s="116">
        <v>1678436</v>
      </c>
      <c r="DQ11" s="115">
        <v>9269086</v>
      </c>
      <c r="DR11" s="118">
        <v>9332875</v>
      </c>
      <c r="DS11" s="112">
        <v>18817</v>
      </c>
      <c r="DT11" s="116">
        <v>44972</v>
      </c>
      <c r="DU11" s="115">
        <v>63789</v>
      </c>
      <c r="DV11" s="112">
        <v>0</v>
      </c>
      <c r="DW11" s="116">
        <v>931416</v>
      </c>
      <c r="DX11" s="116">
        <v>1143253</v>
      </c>
      <c r="DY11" s="116">
        <v>2292952</v>
      </c>
      <c r="DZ11" s="116">
        <v>1926264</v>
      </c>
      <c r="EA11" s="116">
        <v>1480992</v>
      </c>
      <c r="EB11" s="115">
        <v>7774877</v>
      </c>
      <c r="EC11" s="118">
        <v>7838666</v>
      </c>
      <c r="ED11" s="112">
        <v>0</v>
      </c>
      <c r="EE11" s="114">
        <v>0</v>
      </c>
      <c r="EF11" s="115">
        <v>0</v>
      </c>
      <c r="EG11" s="112">
        <v>0</v>
      </c>
      <c r="EH11" s="116">
        <v>94779</v>
      </c>
      <c r="EI11" s="116">
        <v>286649</v>
      </c>
      <c r="EJ11" s="116">
        <v>293323</v>
      </c>
      <c r="EK11" s="116">
        <v>622014</v>
      </c>
      <c r="EL11" s="116">
        <v>197444</v>
      </c>
      <c r="EM11" s="114">
        <v>1494209</v>
      </c>
      <c r="EN11" s="118">
        <v>1494209</v>
      </c>
      <c r="EO11" s="112">
        <v>0</v>
      </c>
      <c r="EP11" s="116">
        <v>0</v>
      </c>
      <c r="EQ11" s="114">
        <v>0</v>
      </c>
      <c r="ER11" s="113">
        <v>0</v>
      </c>
      <c r="ES11" s="116">
        <v>0</v>
      </c>
      <c r="ET11" s="116">
        <v>0</v>
      </c>
      <c r="EU11" s="116">
        <v>0</v>
      </c>
      <c r="EV11" s="116">
        <v>0</v>
      </c>
      <c r="EW11" s="116">
        <v>0</v>
      </c>
      <c r="EX11" s="115">
        <v>0</v>
      </c>
      <c r="EY11" s="118">
        <v>0</v>
      </c>
      <c r="EZ11" s="112">
        <v>0</v>
      </c>
      <c r="FA11" s="116">
        <v>0</v>
      </c>
      <c r="FB11" s="114">
        <v>0</v>
      </c>
      <c r="FC11" s="390"/>
      <c r="FD11" s="116">
        <v>0</v>
      </c>
      <c r="FE11" s="116">
        <v>0</v>
      </c>
      <c r="FF11" s="116">
        <v>0</v>
      </c>
      <c r="FG11" s="116">
        <v>0</v>
      </c>
      <c r="FH11" s="116">
        <v>0</v>
      </c>
      <c r="FI11" s="115">
        <v>0</v>
      </c>
      <c r="FJ11" s="118">
        <v>0</v>
      </c>
      <c r="FK11" s="112">
        <v>767884</v>
      </c>
      <c r="FL11" s="116">
        <v>1042440</v>
      </c>
      <c r="FM11" s="115">
        <v>1810324</v>
      </c>
      <c r="FN11" s="112">
        <v>0</v>
      </c>
      <c r="FO11" s="116">
        <v>2346932</v>
      </c>
      <c r="FP11" s="116">
        <v>3790792</v>
      </c>
      <c r="FQ11" s="116">
        <v>2890184</v>
      </c>
      <c r="FR11" s="116">
        <v>3833192</v>
      </c>
      <c r="FS11" s="116">
        <v>2402224</v>
      </c>
      <c r="FT11" s="115">
        <v>15263324</v>
      </c>
      <c r="FU11" s="118">
        <v>17073648</v>
      </c>
      <c r="FV11" s="117">
        <v>364448</v>
      </c>
      <c r="FW11" s="116">
        <v>703304</v>
      </c>
      <c r="FX11" s="114">
        <v>1067752</v>
      </c>
      <c r="FY11" s="113">
        <v>0</v>
      </c>
      <c r="FZ11" s="116">
        <v>1855672</v>
      </c>
      <c r="GA11" s="116">
        <v>3668552</v>
      </c>
      <c r="GB11" s="116">
        <v>2773920</v>
      </c>
      <c r="GC11" s="116">
        <v>3451192</v>
      </c>
      <c r="GD11" s="116">
        <v>2149584</v>
      </c>
      <c r="GE11" s="115">
        <v>13898920</v>
      </c>
      <c r="GF11" s="354">
        <v>14966672</v>
      </c>
      <c r="GG11" s="117">
        <v>88156</v>
      </c>
      <c r="GH11" s="116">
        <v>32736</v>
      </c>
      <c r="GI11" s="114">
        <v>120892</v>
      </c>
      <c r="GJ11" s="113">
        <v>0</v>
      </c>
      <c r="GK11" s="116">
        <v>148060</v>
      </c>
      <c r="GL11" s="116">
        <v>84640</v>
      </c>
      <c r="GM11" s="116">
        <v>78344</v>
      </c>
      <c r="GN11" s="116">
        <v>217600</v>
      </c>
      <c r="GO11" s="116">
        <v>96000</v>
      </c>
      <c r="GP11" s="115">
        <v>624644</v>
      </c>
      <c r="GQ11" s="118">
        <v>745536</v>
      </c>
      <c r="GR11" s="112">
        <v>315280</v>
      </c>
      <c r="GS11" s="116">
        <v>306400</v>
      </c>
      <c r="GT11" s="115">
        <v>621680</v>
      </c>
      <c r="GU11" s="112">
        <v>0</v>
      </c>
      <c r="GV11" s="116">
        <v>343200</v>
      </c>
      <c r="GW11" s="116">
        <v>37600</v>
      </c>
      <c r="GX11" s="116">
        <v>37920</v>
      </c>
      <c r="GY11" s="116">
        <v>164400</v>
      </c>
      <c r="GZ11" s="116">
        <v>156640</v>
      </c>
      <c r="HA11" s="114">
        <v>739760</v>
      </c>
      <c r="HB11" s="118">
        <v>1361440</v>
      </c>
      <c r="HC11" s="112">
        <v>2493957</v>
      </c>
      <c r="HD11" s="116">
        <v>1288880</v>
      </c>
      <c r="HE11" s="114">
        <v>3782837</v>
      </c>
      <c r="HF11" s="113">
        <v>0</v>
      </c>
      <c r="HG11" s="116">
        <v>11254465</v>
      </c>
      <c r="HH11" s="116">
        <v>11943137</v>
      </c>
      <c r="HI11" s="116">
        <v>10430091</v>
      </c>
      <c r="HJ11" s="116">
        <v>14202080</v>
      </c>
      <c r="HK11" s="116">
        <v>6704659</v>
      </c>
      <c r="HL11" s="115">
        <v>54534432</v>
      </c>
      <c r="HM11" s="111">
        <v>58317269</v>
      </c>
      <c r="HN11" s="370"/>
      <c r="HO11" s="371"/>
      <c r="HP11" s="372"/>
      <c r="HQ11" s="373"/>
      <c r="HR11" s="371"/>
      <c r="HS11" s="371"/>
      <c r="HT11" s="371"/>
      <c r="HU11" s="371"/>
      <c r="HV11" s="371"/>
      <c r="HW11" s="374"/>
      <c r="HX11" s="375"/>
      <c r="HY11" s="148">
        <v>110243</v>
      </c>
      <c r="HZ11" s="149">
        <v>71660</v>
      </c>
      <c r="IA11" s="150">
        <v>181903</v>
      </c>
      <c r="IB11" s="163">
        <v>0</v>
      </c>
      <c r="IC11" s="149">
        <v>11771802</v>
      </c>
      <c r="ID11" s="164">
        <v>14824089</v>
      </c>
      <c r="IE11" s="150">
        <v>17246075</v>
      </c>
      <c r="IF11" s="149">
        <v>15776746</v>
      </c>
      <c r="IG11" s="150">
        <v>7321179</v>
      </c>
      <c r="IH11" s="165">
        <v>66939891</v>
      </c>
      <c r="II11" s="156">
        <v>67121794</v>
      </c>
      <c r="IJ11" s="261">
        <v>0</v>
      </c>
      <c r="IK11" s="268">
        <v>0</v>
      </c>
      <c r="IL11" s="269">
        <v>0</v>
      </c>
      <c r="IM11" s="157"/>
      <c r="IN11" s="122">
        <v>391394</v>
      </c>
      <c r="IO11" s="122">
        <v>570237</v>
      </c>
      <c r="IP11" s="122">
        <v>382650</v>
      </c>
      <c r="IQ11" s="122">
        <v>1628985</v>
      </c>
      <c r="IR11" s="122">
        <v>1017860</v>
      </c>
      <c r="IS11" s="158">
        <v>3991126</v>
      </c>
      <c r="IT11" s="357">
        <v>3991126</v>
      </c>
      <c r="IU11" s="159">
        <v>0</v>
      </c>
      <c r="IV11" s="122">
        <v>0</v>
      </c>
      <c r="IW11" s="123">
        <v>0</v>
      </c>
      <c r="IX11" s="161"/>
      <c r="IY11" s="122">
        <v>63265</v>
      </c>
      <c r="IZ11" s="122">
        <v>419608</v>
      </c>
      <c r="JA11" s="122">
        <v>115885</v>
      </c>
      <c r="JB11" s="122">
        <v>145096</v>
      </c>
      <c r="JC11" s="122">
        <v>246528</v>
      </c>
      <c r="JD11" s="123">
        <v>990382</v>
      </c>
      <c r="JE11" s="124">
        <v>990382</v>
      </c>
      <c r="JF11" s="159">
        <v>0</v>
      </c>
      <c r="JG11" s="122">
        <v>0</v>
      </c>
      <c r="JH11" s="158">
        <v>0</v>
      </c>
      <c r="JI11" s="121">
        <v>0</v>
      </c>
      <c r="JJ11" s="122">
        <v>4555001</v>
      </c>
      <c r="JK11" s="122">
        <v>3657049</v>
      </c>
      <c r="JL11" s="122">
        <v>2653898</v>
      </c>
      <c r="JM11" s="122">
        <v>2363472</v>
      </c>
      <c r="JN11" s="122">
        <v>410753</v>
      </c>
      <c r="JO11" s="123">
        <v>13640173</v>
      </c>
      <c r="JP11" s="357">
        <v>13640173</v>
      </c>
      <c r="JQ11" s="159">
        <v>0</v>
      </c>
      <c r="JR11" s="122">
        <v>0</v>
      </c>
      <c r="JS11" s="158">
        <v>0</v>
      </c>
      <c r="JT11" s="121">
        <v>0</v>
      </c>
      <c r="JU11" s="122">
        <v>1157951</v>
      </c>
      <c r="JV11" s="122">
        <v>1221415</v>
      </c>
      <c r="JW11" s="122">
        <v>1821744</v>
      </c>
      <c r="JX11" s="122">
        <v>586184</v>
      </c>
      <c r="JY11" s="122">
        <v>468403</v>
      </c>
      <c r="JZ11" s="123">
        <v>5255697</v>
      </c>
      <c r="KA11" s="357">
        <v>5255697</v>
      </c>
      <c r="KB11" s="264">
        <v>110243</v>
      </c>
      <c r="KC11" s="258">
        <v>71660</v>
      </c>
      <c r="KD11" s="123">
        <v>181903</v>
      </c>
      <c r="KE11" s="121">
        <v>0</v>
      </c>
      <c r="KF11" s="122">
        <v>1212535</v>
      </c>
      <c r="KG11" s="122">
        <v>2588470</v>
      </c>
      <c r="KH11" s="122">
        <v>1657896</v>
      </c>
      <c r="KI11" s="122">
        <v>2022037</v>
      </c>
      <c r="KJ11" s="122">
        <v>1189494</v>
      </c>
      <c r="KK11" s="123">
        <v>8670432</v>
      </c>
      <c r="KL11" s="160">
        <v>8852335</v>
      </c>
      <c r="KM11" s="261">
        <v>0</v>
      </c>
      <c r="KN11" s="268">
        <v>0</v>
      </c>
      <c r="KO11" s="269">
        <v>0</v>
      </c>
      <c r="KP11" s="157"/>
      <c r="KQ11" s="122">
        <v>3838912</v>
      </c>
      <c r="KR11" s="122">
        <v>5987512</v>
      </c>
      <c r="KS11" s="122">
        <v>7430479</v>
      </c>
      <c r="KT11" s="122">
        <v>5185830</v>
      </c>
      <c r="KU11" s="122">
        <v>2112639</v>
      </c>
      <c r="KV11" s="123">
        <v>24555372</v>
      </c>
      <c r="KW11" s="357">
        <v>24555372</v>
      </c>
      <c r="KX11" s="159">
        <v>0</v>
      </c>
      <c r="KY11" s="122">
        <v>0</v>
      </c>
      <c r="KZ11" s="123">
        <v>0</v>
      </c>
      <c r="LA11" s="162"/>
      <c r="LB11" s="122">
        <v>0</v>
      </c>
      <c r="LC11" s="122">
        <v>0</v>
      </c>
      <c r="LD11" s="122">
        <v>0</v>
      </c>
      <c r="LE11" s="122">
        <v>0</v>
      </c>
      <c r="LF11" s="122">
        <v>0</v>
      </c>
      <c r="LG11" s="123">
        <v>0</v>
      </c>
      <c r="LH11" s="124">
        <v>0</v>
      </c>
      <c r="LI11" s="159">
        <v>0</v>
      </c>
      <c r="LJ11" s="122">
        <v>0</v>
      </c>
      <c r="LK11" s="123">
        <v>0</v>
      </c>
      <c r="LL11" s="162"/>
      <c r="LM11" s="122">
        <v>0</v>
      </c>
      <c r="LN11" s="122">
        <v>0</v>
      </c>
      <c r="LO11" s="122">
        <v>2059665</v>
      </c>
      <c r="LP11" s="122">
        <v>760209</v>
      </c>
      <c r="LQ11" s="122">
        <v>648773</v>
      </c>
      <c r="LR11" s="123">
        <v>3468647</v>
      </c>
      <c r="LS11" s="357">
        <v>3468647</v>
      </c>
      <c r="LT11" s="159">
        <v>0</v>
      </c>
      <c r="LU11" s="122">
        <v>0</v>
      </c>
      <c r="LV11" s="123">
        <v>0</v>
      </c>
      <c r="LW11" s="162"/>
      <c r="LX11" s="122">
        <v>552744</v>
      </c>
      <c r="LY11" s="122">
        <v>379798</v>
      </c>
      <c r="LZ11" s="122">
        <v>1123858</v>
      </c>
      <c r="MA11" s="122">
        <v>3084933</v>
      </c>
      <c r="MB11" s="122">
        <v>1226729</v>
      </c>
      <c r="MC11" s="123">
        <v>6368062</v>
      </c>
      <c r="MD11" s="124">
        <v>6368062</v>
      </c>
      <c r="ME11" s="159">
        <v>0</v>
      </c>
      <c r="MF11" s="122">
        <v>0</v>
      </c>
      <c r="MG11" s="123">
        <v>0</v>
      </c>
      <c r="MH11" s="162"/>
      <c r="MI11" s="122">
        <v>3018472</v>
      </c>
      <c r="MJ11" s="122">
        <v>6844956</v>
      </c>
      <c r="MK11" s="122">
        <v>20199990</v>
      </c>
      <c r="ML11" s="122">
        <v>26962067</v>
      </c>
      <c r="MM11" s="122">
        <v>21412284</v>
      </c>
      <c r="MN11" s="123">
        <v>78437769</v>
      </c>
      <c r="MO11" s="160">
        <v>78437769</v>
      </c>
      <c r="MP11" s="159">
        <v>0</v>
      </c>
      <c r="MQ11" s="122">
        <v>0</v>
      </c>
      <c r="MR11" s="123">
        <v>0</v>
      </c>
      <c r="MS11" s="162"/>
      <c r="MT11" s="122">
        <v>0</v>
      </c>
      <c r="MU11" s="122">
        <v>1132671</v>
      </c>
      <c r="MV11" s="122">
        <v>11396164</v>
      </c>
      <c r="MW11" s="122">
        <v>14961413</v>
      </c>
      <c r="MX11" s="122">
        <v>9728619</v>
      </c>
      <c r="MY11" s="123">
        <v>37218867</v>
      </c>
      <c r="MZ11" s="160">
        <v>37218867</v>
      </c>
      <c r="NA11" s="159">
        <v>0</v>
      </c>
      <c r="NB11" s="122">
        <v>0</v>
      </c>
      <c r="NC11" s="123">
        <v>0</v>
      </c>
      <c r="ND11" s="162"/>
      <c r="NE11" s="122">
        <v>3018472</v>
      </c>
      <c r="NF11" s="122">
        <v>5712285</v>
      </c>
      <c r="NG11" s="122">
        <v>8168753</v>
      </c>
      <c r="NH11" s="122">
        <v>9462524</v>
      </c>
      <c r="NI11" s="122">
        <v>7101493</v>
      </c>
      <c r="NJ11" s="123">
        <v>33463527</v>
      </c>
      <c r="NK11" s="357">
        <v>33463527</v>
      </c>
      <c r="NL11" s="159">
        <v>0</v>
      </c>
      <c r="NM11" s="122">
        <v>0</v>
      </c>
      <c r="NN11" s="123">
        <v>0</v>
      </c>
      <c r="NO11" s="162"/>
      <c r="NP11" s="122">
        <v>0</v>
      </c>
      <c r="NQ11" s="122">
        <v>0</v>
      </c>
      <c r="NR11" s="122">
        <v>635073</v>
      </c>
      <c r="NS11" s="122">
        <v>2207122</v>
      </c>
      <c r="NT11" s="122">
        <v>1935386</v>
      </c>
      <c r="NU11" s="123">
        <v>4777581</v>
      </c>
      <c r="NV11" s="124">
        <v>4777581</v>
      </c>
      <c r="NW11" s="159">
        <v>0</v>
      </c>
      <c r="NX11" s="122">
        <v>0</v>
      </c>
      <c r="NY11" s="123">
        <v>0</v>
      </c>
      <c r="NZ11" s="162"/>
      <c r="OA11" s="122">
        <v>0</v>
      </c>
      <c r="OB11" s="122">
        <v>0</v>
      </c>
      <c r="OC11" s="122">
        <v>0</v>
      </c>
      <c r="OD11" s="122">
        <v>331008</v>
      </c>
      <c r="OE11" s="122">
        <v>2646786</v>
      </c>
      <c r="OF11" s="123">
        <v>2977794</v>
      </c>
      <c r="OG11" s="124">
        <v>2977794</v>
      </c>
      <c r="OH11" s="159">
        <v>4864403</v>
      </c>
      <c r="OI11" s="122">
        <v>4624563</v>
      </c>
      <c r="OJ11" s="158">
        <v>9488966</v>
      </c>
      <c r="OK11" s="121">
        <v>0</v>
      </c>
      <c r="OL11" s="122">
        <v>54359467</v>
      </c>
      <c r="OM11" s="122">
        <v>65003440</v>
      </c>
      <c r="ON11" s="122">
        <v>73813661</v>
      </c>
      <c r="OO11" s="122">
        <v>85843290</v>
      </c>
      <c r="OP11" s="122">
        <v>56585247</v>
      </c>
      <c r="OQ11" s="123">
        <v>335605105</v>
      </c>
      <c r="OR11" s="160">
        <v>345094071</v>
      </c>
    </row>
    <row r="12" spans="1:408" ht="20.25" customHeight="1" x14ac:dyDescent="0.2">
      <c r="A12" s="129" t="s">
        <v>14</v>
      </c>
      <c r="B12" s="112">
        <v>1249598</v>
      </c>
      <c r="C12" s="116">
        <v>3567403</v>
      </c>
      <c r="D12" s="115">
        <v>4817001</v>
      </c>
      <c r="E12" s="111">
        <v>0</v>
      </c>
      <c r="F12" s="116">
        <v>19938479</v>
      </c>
      <c r="G12" s="116">
        <v>24841613</v>
      </c>
      <c r="H12" s="116">
        <v>22456681</v>
      </c>
      <c r="I12" s="116">
        <v>20072960</v>
      </c>
      <c r="J12" s="116">
        <v>13617440</v>
      </c>
      <c r="K12" s="114">
        <v>100927173</v>
      </c>
      <c r="L12" s="118">
        <v>105744174</v>
      </c>
      <c r="M12" s="112">
        <v>317196</v>
      </c>
      <c r="N12" s="116">
        <v>1000493</v>
      </c>
      <c r="O12" s="115">
        <v>1317689</v>
      </c>
      <c r="P12" s="112">
        <v>0</v>
      </c>
      <c r="Q12" s="116">
        <v>5907489</v>
      </c>
      <c r="R12" s="116">
        <v>8164582</v>
      </c>
      <c r="S12" s="116">
        <v>6703239</v>
      </c>
      <c r="T12" s="116">
        <v>5313653</v>
      </c>
      <c r="U12" s="116">
        <v>5321830</v>
      </c>
      <c r="V12" s="115">
        <v>31410793</v>
      </c>
      <c r="W12" s="118">
        <v>32728482</v>
      </c>
      <c r="X12" s="112">
        <v>0</v>
      </c>
      <c r="Y12" s="116">
        <v>0</v>
      </c>
      <c r="Z12" s="115">
        <v>0</v>
      </c>
      <c r="AA12" s="112">
        <v>0</v>
      </c>
      <c r="AB12" s="116">
        <v>2699375</v>
      </c>
      <c r="AC12" s="116">
        <v>3968393</v>
      </c>
      <c r="AD12" s="116">
        <v>3313073</v>
      </c>
      <c r="AE12" s="116">
        <v>1835436</v>
      </c>
      <c r="AF12" s="116">
        <v>3108577</v>
      </c>
      <c r="AG12" s="115">
        <v>14924854</v>
      </c>
      <c r="AH12" s="118">
        <v>14924854</v>
      </c>
      <c r="AI12" s="112">
        <v>0</v>
      </c>
      <c r="AJ12" s="116">
        <v>0</v>
      </c>
      <c r="AK12" s="115">
        <v>0</v>
      </c>
      <c r="AL12" s="112">
        <v>0</v>
      </c>
      <c r="AM12" s="116">
        <v>0</v>
      </c>
      <c r="AN12" s="116">
        <v>50624</v>
      </c>
      <c r="AO12" s="116">
        <v>95762</v>
      </c>
      <c r="AP12" s="116">
        <v>445716</v>
      </c>
      <c r="AQ12" s="116">
        <v>533211</v>
      </c>
      <c r="AR12" s="115">
        <v>1125313</v>
      </c>
      <c r="AS12" s="118">
        <v>1125313</v>
      </c>
      <c r="AT12" s="112">
        <v>92803</v>
      </c>
      <c r="AU12" s="116">
        <v>633088</v>
      </c>
      <c r="AV12" s="115">
        <v>725891</v>
      </c>
      <c r="AW12" s="112">
        <v>0</v>
      </c>
      <c r="AX12" s="116">
        <v>1802253</v>
      </c>
      <c r="AY12" s="116">
        <v>2662918</v>
      </c>
      <c r="AZ12" s="116">
        <v>2098468</v>
      </c>
      <c r="BA12" s="116">
        <v>1950410</v>
      </c>
      <c r="BB12" s="116">
        <v>905696</v>
      </c>
      <c r="BC12" s="115">
        <v>9419745</v>
      </c>
      <c r="BD12" s="118">
        <v>10145636</v>
      </c>
      <c r="BE12" s="112">
        <v>21353</v>
      </c>
      <c r="BF12" s="116">
        <v>88629</v>
      </c>
      <c r="BG12" s="114">
        <v>109982</v>
      </c>
      <c r="BH12" s="113">
        <v>0</v>
      </c>
      <c r="BI12" s="116">
        <v>80981</v>
      </c>
      <c r="BJ12" s="116">
        <v>18991</v>
      </c>
      <c r="BK12" s="116">
        <v>53688</v>
      </c>
      <c r="BL12" s="116">
        <v>98411</v>
      </c>
      <c r="BM12" s="116">
        <v>65314</v>
      </c>
      <c r="BN12" s="115">
        <v>317385</v>
      </c>
      <c r="BO12" s="118">
        <v>427367</v>
      </c>
      <c r="BP12" s="112">
        <v>203040</v>
      </c>
      <c r="BQ12" s="116">
        <v>278776</v>
      </c>
      <c r="BR12" s="115">
        <v>481816</v>
      </c>
      <c r="BS12" s="112">
        <v>0</v>
      </c>
      <c r="BT12" s="116">
        <v>1324880</v>
      </c>
      <c r="BU12" s="116">
        <v>1463656</v>
      </c>
      <c r="BV12" s="116">
        <v>1142248</v>
      </c>
      <c r="BW12" s="116">
        <v>983680</v>
      </c>
      <c r="BX12" s="116">
        <v>709032</v>
      </c>
      <c r="BY12" s="115">
        <v>5623496</v>
      </c>
      <c r="BZ12" s="118">
        <v>6105312</v>
      </c>
      <c r="CA12" s="112">
        <v>108343</v>
      </c>
      <c r="CB12" s="116">
        <v>471256</v>
      </c>
      <c r="CC12" s="115">
        <v>579599</v>
      </c>
      <c r="CD12" s="112">
        <v>0</v>
      </c>
      <c r="CE12" s="116">
        <v>5695928</v>
      </c>
      <c r="CF12" s="116">
        <v>7205041</v>
      </c>
      <c r="CG12" s="116">
        <v>5702352</v>
      </c>
      <c r="CH12" s="116">
        <v>4988763</v>
      </c>
      <c r="CI12" s="116">
        <v>1098756</v>
      </c>
      <c r="CJ12" s="115">
        <v>24690840</v>
      </c>
      <c r="CK12" s="118">
        <v>25270439</v>
      </c>
      <c r="CL12" s="112">
        <v>0</v>
      </c>
      <c r="CM12" s="116">
        <v>0</v>
      </c>
      <c r="CN12" s="115">
        <v>0</v>
      </c>
      <c r="CO12" s="113">
        <v>0</v>
      </c>
      <c r="CP12" s="116">
        <v>5392243</v>
      </c>
      <c r="CQ12" s="116">
        <v>5829748</v>
      </c>
      <c r="CR12" s="116">
        <v>4274462</v>
      </c>
      <c r="CS12" s="116">
        <v>4232140</v>
      </c>
      <c r="CT12" s="116">
        <v>864520</v>
      </c>
      <c r="CU12" s="115">
        <v>20593113</v>
      </c>
      <c r="CV12" s="118">
        <v>20593113</v>
      </c>
      <c r="CW12" s="112">
        <v>108343</v>
      </c>
      <c r="CX12" s="116">
        <v>471256</v>
      </c>
      <c r="CY12" s="115">
        <v>579599</v>
      </c>
      <c r="CZ12" s="112">
        <v>0</v>
      </c>
      <c r="DA12" s="116">
        <v>303685</v>
      </c>
      <c r="DB12" s="116">
        <v>1375293</v>
      </c>
      <c r="DC12" s="116">
        <v>1427890</v>
      </c>
      <c r="DD12" s="116">
        <v>756623</v>
      </c>
      <c r="DE12" s="116">
        <v>234236</v>
      </c>
      <c r="DF12" s="115">
        <v>4097727</v>
      </c>
      <c r="DG12" s="118">
        <v>4677326</v>
      </c>
      <c r="DH12" s="112">
        <v>0</v>
      </c>
      <c r="DI12" s="116">
        <v>79505</v>
      </c>
      <c r="DJ12" s="114">
        <v>79505</v>
      </c>
      <c r="DK12" s="113">
        <v>0</v>
      </c>
      <c r="DL12" s="116">
        <v>942348</v>
      </c>
      <c r="DM12" s="116">
        <v>1093345</v>
      </c>
      <c r="DN12" s="116">
        <v>3128748</v>
      </c>
      <c r="DO12" s="116">
        <v>2668189</v>
      </c>
      <c r="DP12" s="116">
        <v>1370181</v>
      </c>
      <c r="DQ12" s="115">
        <v>9202811</v>
      </c>
      <c r="DR12" s="118">
        <v>9282316</v>
      </c>
      <c r="DS12" s="112">
        <v>0</v>
      </c>
      <c r="DT12" s="116">
        <v>79505</v>
      </c>
      <c r="DU12" s="115">
        <v>79505</v>
      </c>
      <c r="DV12" s="112">
        <v>0</v>
      </c>
      <c r="DW12" s="116">
        <v>814352</v>
      </c>
      <c r="DX12" s="116">
        <v>998258</v>
      </c>
      <c r="DY12" s="116">
        <v>2944366</v>
      </c>
      <c r="DZ12" s="116">
        <v>2492603</v>
      </c>
      <c r="EA12" s="116">
        <v>1345619</v>
      </c>
      <c r="EB12" s="115">
        <v>8595198</v>
      </c>
      <c r="EC12" s="118">
        <v>8674703</v>
      </c>
      <c r="ED12" s="112">
        <v>0</v>
      </c>
      <c r="EE12" s="114">
        <v>0</v>
      </c>
      <c r="EF12" s="115">
        <v>0</v>
      </c>
      <c r="EG12" s="112">
        <v>0</v>
      </c>
      <c r="EH12" s="116">
        <v>127996</v>
      </c>
      <c r="EI12" s="116">
        <v>95087</v>
      </c>
      <c r="EJ12" s="116">
        <v>184382</v>
      </c>
      <c r="EK12" s="116">
        <v>175586</v>
      </c>
      <c r="EL12" s="116">
        <v>24562</v>
      </c>
      <c r="EM12" s="114">
        <v>607613</v>
      </c>
      <c r="EN12" s="118">
        <v>607613</v>
      </c>
      <c r="EO12" s="112">
        <v>0</v>
      </c>
      <c r="EP12" s="116">
        <v>0</v>
      </c>
      <c r="EQ12" s="114">
        <v>0</v>
      </c>
      <c r="ER12" s="113">
        <v>0</v>
      </c>
      <c r="ES12" s="116">
        <v>0</v>
      </c>
      <c r="ET12" s="116">
        <v>0</v>
      </c>
      <c r="EU12" s="116">
        <v>0</v>
      </c>
      <c r="EV12" s="116">
        <v>0</v>
      </c>
      <c r="EW12" s="116">
        <v>0</v>
      </c>
      <c r="EX12" s="115">
        <v>0</v>
      </c>
      <c r="EY12" s="118">
        <v>0</v>
      </c>
      <c r="EZ12" s="112">
        <v>0</v>
      </c>
      <c r="FA12" s="116">
        <v>0</v>
      </c>
      <c r="FB12" s="114">
        <v>0</v>
      </c>
      <c r="FC12" s="390"/>
      <c r="FD12" s="116">
        <v>0</v>
      </c>
      <c r="FE12" s="116">
        <v>0</v>
      </c>
      <c r="FF12" s="116">
        <v>0</v>
      </c>
      <c r="FG12" s="116">
        <v>0</v>
      </c>
      <c r="FH12" s="116">
        <v>0</v>
      </c>
      <c r="FI12" s="115">
        <v>0</v>
      </c>
      <c r="FJ12" s="118">
        <v>0</v>
      </c>
      <c r="FK12" s="112">
        <v>133752</v>
      </c>
      <c r="FL12" s="116">
        <v>914960</v>
      </c>
      <c r="FM12" s="115">
        <v>1048712</v>
      </c>
      <c r="FN12" s="112">
        <v>0</v>
      </c>
      <c r="FO12" s="116">
        <v>752541</v>
      </c>
      <c r="FP12" s="116">
        <v>2751992</v>
      </c>
      <c r="FQ12" s="116">
        <v>2239224</v>
      </c>
      <c r="FR12" s="116">
        <v>1878584</v>
      </c>
      <c r="FS12" s="116">
        <v>1096216</v>
      </c>
      <c r="FT12" s="115">
        <v>8718557</v>
      </c>
      <c r="FU12" s="118">
        <v>9767269</v>
      </c>
      <c r="FV12" s="117">
        <v>133752</v>
      </c>
      <c r="FW12" s="116">
        <v>659160</v>
      </c>
      <c r="FX12" s="114">
        <v>792912</v>
      </c>
      <c r="FY12" s="113">
        <v>0</v>
      </c>
      <c r="FZ12" s="116">
        <v>620992</v>
      </c>
      <c r="GA12" s="116">
        <v>2513112</v>
      </c>
      <c r="GB12" s="116">
        <v>1989128</v>
      </c>
      <c r="GC12" s="116">
        <v>1697608</v>
      </c>
      <c r="GD12" s="116">
        <v>1070440</v>
      </c>
      <c r="GE12" s="115">
        <v>7891280</v>
      </c>
      <c r="GF12" s="354">
        <v>8684192</v>
      </c>
      <c r="GG12" s="117">
        <v>0</v>
      </c>
      <c r="GH12" s="116">
        <v>62200</v>
      </c>
      <c r="GI12" s="114">
        <v>62200</v>
      </c>
      <c r="GJ12" s="113">
        <v>0</v>
      </c>
      <c r="GK12" s="116">
        <v>35549</v>
      </c>
      <c r="GL12" s="116">
        <v>72560</v>
      </c>
      <c r="GM12" s="116">
        <v>103696</v>
      </c>
      <c r="GN12" s="116">
        <v>103536</v>
      </c>
      <c r="GO12" s="116">
        <v>0</v>
      </c>
      <c r="GP12" s="115">
        <v>315341</v>
      </c>
      <c r="GQ12" s="118">
        <v>377541</v>
      </c>
      <c r="GR12" s="112">
        <v>0</v>
      </c>
      <c r="GS12" s="116">
        <v>193600</v>
      </c>
      <c r="GT12" s="115">
        <v>193600</v>
      </c>
      <c r="GU12" s="112">
        <v>0</v>
      </c>
      <c r="GV12" s="116">
        <v>96000</v>
      </c>
      <c r="GW12" s="116">
        <v>166320</v>
      </c>
      <c r="GX12" s="116">
        <v>146400</v>
      </c>
      <c r="GY12" s="116">
        <v>77440</v>
      </c>
      <c r="GZ12" s="116">
        <v>25776</v>
      </c>
      <c r="HA12" s="114">
        <v>511936</v>
      </c>
      <c r="HB12" s="118">
        <v>705536</v>
      </c>
      <c r="HC12" s="112">
        <v>690307</v>
      </c>
      <c r="HD12" s="116">
        <v>1101189</v>
      </c>
      <c r="HE12" s="114">
        <v>1791496</v>
      </c>
      <c r="HF12" s="113">
        <v>0</v>
      </c>
      <c r="HG12" s="116">
        <v>6640173</v>
      </c>
      <c r="HH12" s="116">
        <v>5626653</v>
      </c>
      <c r="HI12" s="116">
        <v>4683118</v>
      </c>
      <c r="HJ12" s="116">
        <v>5223771</v>
      </c>
      <c r="HK12" s="116">
        <v>4730457</v>
      </c>
      <c r="HL12" s="115">
        <v>26904172</v>
      </c>
      <c r="HM12" s="111">
        <v>28695668</v>
      </c>
      <c r="HN12" s="370"/>
      <c r="HO12" s="371"/>
      <c r="HP12" s="372"/>
      <c r="HQ12" s="373"/>
      <c r="HR12" s="371"/>
      <c r="HS12" s="371"/>
      <c r="HT12" s="371"/>
      <c r="HU12" s="371"/>
      <c r="HV12" s="371"/>
      <c r="HW12" s="374"/>
      <c r="HX12" s="375"/>
      <c r="HY12" s="148">
        <v>38929</v>
      </c>
      <c r="HZ12" s="149">
        <v>76077</v>
      </c>
      <c r="IA12" s="150">
        <v>115006</v>
      </c>
      <c r="IB12" s="151">
        <v>0</v>
      </c>
      <c r="IC12" s="152">
        <v>6229703</v>
      </c>
      <c r="ID12" s="153">
        <v>6666642</v>
      </c>
      <c r="IE12" s="154">
        <v>7227796</v>
      </c>
      <c r="IF12" s="152">
        <v>5754793</v>
      </c>
      <c r="IG12" s="154">
        <v>1939798</v>
      </c>
      <c r="IH12" s="155">
        <v>27818732</v>
      </c>
      <c r="II12" s="156">
        <v>27933738</v>
      </c>
      <c r="IJ12" s="261">
        <v>0</v>
      </c>
      <c r="IK12" s="268">
        <v>0</v>
      </c>
      <c r="IL12" s="269">
        <v>0</v>
      </c>
      <c r="IM12" s="157"/>
      <c r="IN12" s="122">
        <v>73356</v>
      </c>
      <c r="IO12" s="122">
        <v>206366</v>
      </c>
      <c r="IP12" s="122">
        <v>0</v>
      </c>
      <c r="IQ12" s="122">
        <v>212229</v>
      </c>
      <c r="IR12" s="122">
        <v>0</v>
      </c>
      <c r="IS12" s="158">
        <v>491951</v>
      </c>
      <c r="IT12" s="357">
        <v>491951</v>
      </c>
      <c r="IU12" s="159">
        <v>0</v>
      </c>
      <c r="IV12" s="122">
        <v>0</v>
      </c>
      <c r="IW12" s="123">
        <v>0</v>
      </c>
      <c r="IX12" s="161"/>
      <c r="IY12" s="122">
        <v>0</v>
      </c>
      <c r="IZ12" s="122">
        <v>0</v>
      </c>
      <c r="JA12" s="122">
        <v>0</v>
      </c>
      <c r="JB12" s="122">
        <v>0</v>
      </c>
      <c r="JC12" s="122">
        <v>0</v>
      </c>
      <c r="JD12" s="123">
        <v>0</v>
      </c>
      <c r="JE12" s="124">
        <v>0</v>
      </c>
      <c r="JF12" s="159">
        <v>0</v>
      </c>
      <c r="JG12" s="122">
        <v>0</v>
      </c>
      <c r="JH12" s="158">
        <v>0</v>
      </c>
      <c r="JI12" s="121">
        <v>0</v>
      </c>
      <c r="JJ12" s="122">
        <v>2919298</v>
      </c>
      <c r="JK12" s="122">
        <v>2690640</v>
      </c>
      <c r="JL12" s="122">
        <v>2556994</v>
      </c>
      <c r="JM12" s="122">
        <v>850577</v>
      </c>
      <c r="JN12" s="122">
        <v>322426</v>
      </c>
      <c r="JO12" s="123">
        <v>9339935</v>
      </c>
      <c r="JP12" s="357">
        <v>9339935</v>
      </c>
      <c r="JQ12" s="159">
        <v>0</v>
      </c>
      <c r="JR12" s="122">
        <v>0</v>
      </c>
      <c r="JS12" s="158">
        <v>0</v>
      </c>
      <c r="JT12" s="121">
        <v>0</v>
      </c>
      <c r="JU12" s="122">
        <v>59542</v>
      </c>
      <c r="JV12" s="122">
        <v>75608</v>
      </c>
      <c r="JW12" s="122">
        <v>61230</v>
      </c>
      <c r="JX12" s="122">
        <v>180085</v>
      </c>
      <c r="JY12" s="122">
        <v>192569</v>
      </c>
      <c r="JZ12" s="123">
        <v>569034</v>
      </c>
      <c r="KA12" s="357">
        <v>569034</v>
      </c>
      <c r="KB12" s="264">
        <v>38929</v>
      </c>
      <c r="KC12" s="258">
        <v>76077</v>
      </c>
      <c r="KD12" s="123">
        <v>115006</v>
      </c>
      <c r="KE12" s="121">
        <v>0</v>
      </c>
      <c r="KF12" s="122">
        <v>1156381</v>
      </c>
      <c r="KG12" s="122">
        <v>877979</v>
      </c>
      <c r="KH12" s="122">
        <v>1258327</v>
      </c>
      <c r="KI12" s="122">
        <v>1039517</v>
      </c>
      <c r="KJ12" s="122">
        <v>289158</v>
      </c>
      <c r="KK12" s="123">
        <v>4621362</v>
      </c>
      <c r="KL12" s="160">
        <v>4736368</v>
      </c>
      <c r="KM12" s="261">
        <v>0</v>
      </c>
      <c r="KN12" s="268">
        <v>0</v>
      </c>
      <c r="KO12" s="269">
        <v>0</v>
      </c>
      <c r="KP12" s="157"/>
      <c r="KQ12" s="122">
        <v>1893079</v>
      </c>
      <c r="KR12" s="122">
        <v>2617467</v>
      </c>
      <c r="KS12" s="122">
        <v>3092501</v>
      </c>
      <c r="KT12" s="122">
        <v>3170077</v>
      </c>
      <c r="KU12" s="122">
        <v>788036</v>
      </c>
      <c r="KV12" s="123">
        <v>11561160</v>
      </c>
      <c r="KW12" s="357">
        <v>11561160</v>
      </c>
      <c r="KX12" s="159">
        <v>0</v>
      </c>
      <c r="KY12" s="122">
        <v>0</v>
      </c>
      <c r="KZ12" s="123">
        <v>0</v>
      </c>
      <c r="LA12" s="162"/>
      <c r="LB12" s="122">
        <v>0</v>
      </c>
      <c r="LC12" s="122">
        <v>0</v>
      </c>
      <c r="LD12" s="122">
        <v>0</v>
      </c>
      <c r="LE12" s="122">
        <v>0</v>
      </c>
      <c r="LF12" s="122">
        <v>0</v>
      </c>
      <c r="LG12" s="123">
        <v>0</v>
      </c>
      <c r="LH12" s="124">
        <v>0</v>
      </c>
      <c r="LI12" s="159">
        <v>0</v>
      </c>
      <c r="LJ12" s="122">
        <v>0</v>
      </c>
      <c r="LK12" s="123">
        <v>0</v>
      </c>
      <c r="LL12" s="162"/>
      <c r="LM12" s="122">
        <v>0</v>
      </c>
      <c r="LN12" s="122">
        <v>0</v>
      </c>
      <c r="LO12" s="122">
        <v>258744</v>
      </c>
      <c r="LP12" s="122">
        <v>0</v>
      </c>
      <c r="LQ12" s="122">
        <v>0</v>
      </c>
      <c r="LR12" s="123">
        <v>258744</v>
      </c>
      <c r="LS12" s="357">
        <v>258744</v>
      </c>
      <c r="LT12" s="159">
        <v>0</v>
      </c>
      <c r="LU12" s="122">
        <v>0</v>
      </c>
      <c r="LV12" s="123">
        <v>0</v>
      </c>
      <c r="LW12" s="162"/>
      <c r="LX12" s="122">
        <v>128047</v>
      </c>
      <c r="LY12" s="122">
        <v>198582</v>
      </c>
      <c r="LZ12" s="122">
        <v>0</v>
      </c>
      <c r="MA12" s="122">
        <v>302308</v>
      </c>
      <c r="MB12" s="122">
        <v>347609</v>
      </c>
      <c r="MC12" s="123">
        <v>976546</v>
      </c>
      <c r="MD12" s="124">
        <v>976546</v>
      </c>
      <c r="ME12" s="159">
        <v>0</v>
      </c>
      <c r="MF12" s="122">
        <v>0</v>
      </c>
      <c r="MG12" s="123">
        <v>0</v>
      </c>
      <c r="MH12" s="162"/>
      <c r="MI12" s="122">
        <v>711613</v>
      </c>
      <c r="MJ12" s="122">
        <v>2008957</v>
      </c>
      <c r="MK12" s="122">
        <v>11953642</v>
      </c>
      <c r="ML12" s="122">
        <v>20970639</v>
      </c>
      <c r="MM12" s="122">
        <v>9933649</v>
      </c>
      <c r="MN12" s="123">
        <v>45578500</v>
      </c>
      <c r="MO12" s="160">
        <v>45578500</v>
      </c>
      <c r="MP12" s="159">
        <v>0</v>
      </c>
      <c r="MQ12" s="122">
        <v>0</v>
      </c>
      <c r="MR12" s="123">
        <v>0</v>
      </c>
      <c r="MS12" s="162"/>
      <c r="MT12" s="122">
        <v>220876</v>
      </c>
      <c r="MU12" s="122">
        <v>0</v>
      </c>
      <c r="MV12" s="122">
        <v>7518912</v>
      </c>
      <c r="MW12" s="122">
        <v>14239100</v>
      </c>
      <c r="MX12" s="122">
        <v>7038137</v>
      </c>
      <c r="MY12" s="123">
        <v>29017025</v>
      </c>
      <c r="MZ12" s="160">
        <v>29017025</v>
      </c>
      <c r="NA12" s="159">
        <v>0</v>
      </c>
      <c r="NB12" s="122">
        <v>0</v>
      </c>
      <c r="NC12" s="123">
        <v>0</v>
      </c>
      <c r="ND12" s="162"/>
      <c r="NE12" s="122">
        <v>490737</v>
      </c>
      <c r="NF12" s="122">
        <v>2008957</v>
      </c>
      <c r="NG12" s="122">
        <v>4434730</v>
      </c>
      <c r="NH12" s="122">
        <v>6045090</v>
      </c>
      <c r="NI12" s="122">
        <v>1494517</v>
      </c>
      <c r="NJ12" s="123">
        <v>14474031</v>
      </c>
      <c r="NK12" s="357">
        <v>14474031</v>
      </c>
      <c r="NL12" s="159">
        <v>0</v>
      </c>
      <c r="NM12" s="122">
        <v>0</v>
      </c>
      <c r="NN12" s="123">
        <v>0</v>
      </c>
      <c r="NO12" s="162"/>
      <c r="NP12" s="122">
        <v>0</v>
      </c>
      <c r="NQ12" s="122">
        <v>0</v>
      </c>
      <c r="NR12" s="122">
        <v>0</v>
      </c>
      <c r="NS12" s="122">
        <v>332332</v>
      </c>
      <c r="NT12" s="122">
        <v>933468</v>
      </c>
      <c r="NU12" s="123">
        <v>1265800</v>
      </c>
      <c r="NV12" s="124">
        <v>1265800</v>
      </c>
      <c r="NW12" s="159">
        <v>0</v>
      </c>
      <c r="NX12" s="122">
        <v>0</v>
      </c>
      <c r="NY12" s="123">
        <v>0</v>
      </c>
      <c r="NZ12" s="162"/>
      <c r="OA12" s="122">
        <v>0</v>
      </c>
      <c r="OB12" s="122">
        <v>0</v>
      </c>
      <c r="OC12" s="122">
        <v>0</v>
      </c>
      <c r="OD12" s="122">
        <v>354117</v>
      </c>
      <c r="OE12" s="122">
        <v>467527</v>
      </c>
      <c r="OF12" s="123">
        <v>821644</v>
      </c>
      <c r="OG12" s="124">
        <v>821644</v>
      </c>
      <c r="OH12" s="159">
        <v>1288527</v>
      </c>
      <c r="OI12" s="122">
        <v>3643480</v>
      </c>
      <c r="OJ12" s="158">
        <v>4932007</v>
      </c>
      <c r="OK12" s="121">
        <v>0</v>
      </c>
      <c r="OL12" s="122">
        <v>26879795</v>
      </c>
      <c r="OM12" s="122">
        <v>33517212</v>
      </c>
      <c r="ON12" s="122">
        <v>41638119</v>
      </c>
      <c r="OO12" s="122">
        <v>46798392</v>
      </c>
      <c r="OP12" s="122">
        <v>25490887</v>
      </c>
      <c r="OQ12" s="123">
        <v>174324405</v>
      </c>
      <c r="OR12" s="160">
        <v>179256412</v>
      </c>
    </row>
    <row r="13" spans="1:408" ht="20.25" customHeight="1" x14ac:dyDescent="0.2">
      <c r="A13" s="129" t="s">
        <v>7</v>
      </c>
      <c r="B13" s="112">
        <v>1372045</v>
      </c>
      <c r="C13" s="116">
        <v>1154856</v>
      </c>
      <c r="D13" s="115">
        <v>2526901</v>
      </c>
      <c r="E13" s="111">
        <v>0</v>
      </c>
      <c r="F13" s="116">
        <v>23109941</v>
      </c>
      <c r="G13" s="116">
        <v>20794014</v>
      </c>
      <c r="H13" s="116">
        <v>21407944</v>
      </c>
      <c r="I13" s="116">
        <v>18515893</v>
      </c>
      <c r="J13" s="116">
        <v>10780478</v>
      </c>
      <c r="K13" s="111">
        <v>94608270</v>
      </c>
      <c r="L13" s="118">
        <v>97135171</v>
      </c>
      <c r="M13" s="112">
        <v>215823</v>
      </c>
      <c r="N13" s="116">
        <v>216657</v>
      </c>
      <c r="O13" s="115">
        <v>432480</v>
      </c>
      <c r="P13" s="112">
        <v>0</v>
      </c>
      <c r="Q13" s="116">
        <v>6348261</v>
      </c>
      <c r="R13" s="116">
        <v>6400205</v>
      </c>
      <c r="S13" s="116">
        <v>8260740</v>
      </c>
      <c r="T13" s="116">
        <v>6780707</v>
      </c>
      <c r="U13" s="116">
        <v>4903517</v>
      </c>
      <c r="V13" s="115">
        <v>32693430</v>
      </c>
      <c r="W13" s="118">
        <v>33125910</v>
      </c>
      <c r="X13" s="112">
        <v>0</v>
      </c>
      <c r="Y13" s="116">
        <v>0</v>
      </c>
      <c r="Z13" s="115">
        <v>0</v>
      </c>
      <c r="AA13" s="112">
        <v>0</v>
      </c>
      <c r="AB13" s="116">
        <v>3046429</v>
      </c>
      <c r="AC13" s="116">
        <v>3471102</v>
      </c>
      <c r="AD13" s="116">
        <v>4703167</v>
      </c>
      <c r="AE13" s="116">
        <v>3965931</v>
      </c>
      <c r="AF13" s="116">
        <v>2577804</v>
      </c>
      <c r="AG13" s="115">
        <v>17764433</v>
      </c>
      <c r="AH13" s="118">
        <v>17764433</v>
      </c>
      <c r="AI13" s="112">
        <v>0</v>
      </c>
      <c r="AJ13" s="116">
        <v>0</v>
      </c>
      <c r="AK13" s="115">
        <v>0</v>
      </c>
      <c r="AL13" s="112">
        <v>0</v>
      </c>
      <c r="AM13" s="116">
        <v>127303</v>
      </c>
      <c r="AN13" s="116">
        <v>118116</v>
      </c>
      <c r="AO13" s="116">
        <v>458068</v>
      </c>
      <c r="AP13" s="116">
        <v>601511</v>
      </c>
      <c r="AQ13" s="116">
        <v>645449</v>
      </c>
      <c r="AR13" s="115">
        <v>1950447</v>
      </c>
      <c r="AS13" s="118">
        <v>1950447</v>
      </c>
      <c r="AT13" s="112">
        <v>32031</v>
      </c>
      <c r="AU13" s="116">
        <v>91120</v>
      </c>
      <c r="AV13" s="115">
        <v>123151</v>
      </c>
      <c r="AW13" s="112">
        <v>0</v>
      </c>
      <c r="AX13" s="116">
        <v>1607235</v>
      </c>
      <c r="AY13" s="116">
        <v>1645571</v>
      </c>
      <c r="AZ13" s="116">
        <v>1728323</v>
      </c>
      <c r="BA13" s="116">
        <v>1203949</v>
      </c>
      <c r="BB13" s="116">
        <v>1064034</v>
      </c>
      <c r="BC13" s="115">
        <v>7249112</v>
      </c>
      <c r="BD13" s="118">
        <v>7372263</v>
      </c>
      <c r="BE13" s="112">
        <v>0</v>
      </c>
      <c r="BF13" s="116">
        <v>39625</v>
      </c>
      <c r="BG13" s="114">
        <v>39625</v>
      </c>
      <c r="BH13" s="113">
        <v>0</v>
      </c>
      <c r="BI13" s="116">
        <v>42638</v>
      </c>
      <c r="BJ13" s="116">
        <v>86144</v>
      </c>
      <c r="BK13" s="116">
        <v>114630</v>
      </c>
      <c r="BL13" s="116">
        <v>101900</v>
      </c>
      <c r="BM13" s="116">
        <v>47550</v>
      </c>
      <c r="BN13" s="115">
        <v>392862</v>
      </c>
      <c r="BO13" s="118">
        <v>432487</v>
      </c>
      <c r="BP13" s="112">
        <v>183792</v>
      </c>
      <c r="BQ13" s="116">
        <v>85912</v>
      </c>
      <c r="BR13" s="115">
        <v>269704</v>
      </c>
      <c r="BS13" s="112">
        <v>0</v>
      </c>
      <c r="BT13" s="116">
        <v>1524656</v>
      </c>
      <c r="BU13" s="116">
        <v>1079272</v>
      </c>
      <c r="BV13" s="116">
        <v>1256552</v>
      </c>
      <c r="BW13" s="116">
        <v>907416</v>
      </c>
      <c r="BX13" s="116">
        <v>568680</v>
      </c>
      <c r="BY13" s="115">
        <v>5336576</v>
      </c>
      <c r="BZ13" s="118">
        <v>5606280</v>
      </c>
      <c r="CA13" s="112">
        <v>91285</v>
      </c>
      <c r="CB13" s="116">
        <v>76196</v>
      </c>
      <c r="CC13" s="115">
        <v>167481</v>
      </c>
      <c r="CD13" s="112">
        <v>0</v>
      </c>
      <c r="CE13" s="116">
        <v>6047433</v>
      </c>
      <c r="CF13" s="116">
        <v>5794006</v>
      </c>
      <c r="CG13" s="116">
        <v>4640027</v>
      </c>
      <c r="CH13" s="116">
        <v>1978948</v>
      </c>
      <c r="CI13" s="116">
        <v>848930</v>
      </c>
      <c r="CJ13" s="115">
        <v>19309344</v>
      </c>
      <c r="CK13" s="118">
        <v>19476825</v>
      </c>
      <c r="CL13" s="112">
        <v>0</v>
      </c>
      <c r="CM13" s="116">
        <v>0</v>
      </c>
      <c r="CN13" s="115">
        <v>0</v>
      </c>
      <c r="CO13" s="113">
        <v>0</v>
      </c>
      <c r="CP13" s="116">
        <v>4875537</v>
      </c>
      <c r="CQ13" s="116">
        <v>5086986</v>
      </c>
      <c r="CR13" s="116">
        <v>3445849</v>
      </c>
      <c r="CS13" s="116">
        <v>1475929</v>
      </c>
      <c r="CT13" s="116">
        <v>689822</v>
      </c>
      <c r="CU13" s="115">
        <v>15574123</v>
      </c>
      <c r="CV13" s="118">
        <v>15574123</v>
      </c>
      <c r="CW13" s="112">
        <v>91285</v>
      </c>
      <c r="CX13" s="116">
        <v>76196</v>
      </c>
      <c r="CY13" s="115">
        <v>167481</v>
      </c>
      <c r="CZ13" s="112">
        <v>0</v>
      </c>
      <c r="DA13" s="116">
        <v>1171896</v>
      </c>
      <c r="DB13" s="116">
        <v>707020</v>
      </c>
      <c r="DC13" s="116">
        <v>1194178</v>
      </c>
      <c r="DD13" s="116">
        <v>503019</v>
      </c>
      <c r="DE13" s="116">
        <v>159108</v>
      </c>
      <c r="DF13" s="115">
        <v>3735221</v>
      </c>
      <c r="DG13" s="118">
        <v>3902702</v>
      </c>
      <c r="DH13" s="112">
        <v>0</v>
      </c>
      <c r="DI13" s="116">
        <v>0</v>
      </c>
      <c r="DJ13" s="114">
        <v>0</v>
      </c>
      <c r="DK13" s="113">
        <v>0</v>
      </c>
      <c r="DL13" s="116">
        <v>1095684</v>
      </c>
      <c r="DM13" s="116">
        <v>837602</v>
      </c>
      <c r="DN13" s="116">
        <v>1254737</v>
      </c>
      <c r="DO13" s="116">
        <v>873360</v>
      </c>
      <c r="DP13" s="116">
        <v>861259</v>
      </c>
      <c r="DQ13" s="115">
        <v>4922642</v>
      </c>
      <c r="DR13" s="118">
        <v>4922642</v>
      </c>
      <c r="DS13" s="112">
        <v>0</v>
      </c>
      <c r="DT13" s="116">
        <v>0</v>
      </c>
      <c r="DU13" s="115">
        <v>0</v>
      </c>
      <c r="DV13" s="112">
        <v>0</v>
      </c>
      <c r="DW13" s="116">
        <v>1095684</v>
      </c>
      <c r="DX13" s="116">
        <v>837602</v>
      </c>
      <c r="DY13" s="116">
        <v>1254737</v>
      </c>
      <c r="DZ13" s="116">
        <v>762976</v>
      </c>
      <c r="EA13" s="116">
        <v>861259</v>
      </c>
      <c r="EB13" s="115">
        <v>4812258</v>
      </c>
      <c r="EC13" s="118">
        <v>4812258</v>
      </c>
      <c r="ED13" s="112">
        <v>0</v>
      </c>
      <c r="EE13" s="114">
        <v>0</v>
      </c>
      <c r="EF13" s="115">
        <v>0</v>
      </c>
      <c r="EG13" s="112">
        <v>0</v>
      </c>
      <c r="EH13" s="116">
        <v>0</v>
      </c>
      <c r="EI13" s="116">
        <v>0</v>
      </c>
      <c r="EJ13" s="116">
        <v>0</v>
      </c>
      <c r="EK13" s="116">
        <v>110384</v>
      </c>
      <c r="EL13" s="116">
        <v>0</v>
      </c>
      <c r="EM13" s="114">
        <v>110384</v>
      </c>
      <c r="EN13" s="118">
        <v>110384</v>
      </c>
      <c r="EO13" s="112">
        <v>0</v>
      </c>
      <c r="EP13" s="116">
        <v>0</v>
      </c>
      <c r="EQ13" s="114">
        <v>0</v>
      </c>
      <c r="ER13" s="113">
        <v>0</v>
      </c>
      <c r="ES13" s="116">
        <v>0</v>
      </c>
      <c r="ET13" s="116">
        <v>0</v>
      </c>
      <c r="EU13" s="116">
        <v>0</v>
      </c>
      <c r="EV13" s="116">
        <v>0</v>
      </c>
      <c r="EW13" s="116">
        <v>0</v>
      </c>
      <c r="EX13" s="115">
        <v>0</v>
      </c>
      <c r="EY13" s="118">
        <v>0</v>
      </c>
      <c r="EZ13" s="112">
        <v>0</v>
      </c>
      <c r="FA13" s="116">
        <v>0</v>
      </c>
      <c r="FB13" s="114">
        <v>0</v>
      </c>
      <c r="FC13" s="390"/>
      <c r="FD13" s="116">
        <v>0</v>
      </c>
      <c r="FE13" s="116">
        <v>0</v>
      </c>
      <c r="FF13" s="116">
        <v>0</v>
      </c>
      <c r="FG13" s="116">
        <v>0</v>
      </c>
      <c r="FH13" s="116">
        <v>0</v>
      </c>
      <c r="FI13" s="115">
        <v>0</v>
      </c>
      <c r="FJ13" s="118">
        <v>0</v>
      </c>
      <c r="FK13" s="112">
        <v>520360</v>
      </c>
      <c r="FL13" s="116">
        <v>357424</v>
      </c>
      <c r="FM13" s="115">
        <v>877784</v>
      </c>
      <c r="FN13" s="112">
        <v>0</v>
      </c>
      <c r="FO13" s="116">
        <v>1114732</v>
      </c>
      <c r="FP13" s="116">
        <v>2556792</v>
      </c>
      <c r="FQ13" s="116">
        <v>1570696</v>
      </c>
      <c r="FR13" s="116">
        <v>1605376</v>
      </c>
      <c r="FS13" s="116">
        <v>861872</v>
      </c>
      <c r="FT13" s="115">
        <v>7709468</v>
      </c>
      <c r="FU13" s="118">
        <v>8587252</v>
      </c>
      <c r="FV13" s="117">
        <v>61960</v>
      </c>
      <c r="FW13" s="116">
        <v>128600</v>
      </c>
      <c r="FX13" s="114">
        <v>190560</v>
      </c>
      <c r="FY13" s="113">
        <v>0</v>
      </c>
      <c r="FZ13" s="116">
        <v>737952</v>
      </c>
      <c r="GA13" s="116">
        <v>2318360</v>
      </c>
      <c r="GB13" s="116">
        <v>1490968</v>
      </c>
      <c r="GC13" s="116">
        <v>1272352</v>
      </c>
      <c r="GD13" s="116">
        <v>782864</v>
      </c>
      <c r="GE13" s="115">
        <v>6602496</v>
      </c>
      <c r="GF13" s="354">
        <v>6793056</v>
      </c>
      <c r="GG13" s="117">
        <v>0</v>
      </c>
      <c r="GH13" s="116">
        <v>0</v>
      </c>
      <c r="GI13" s="114">
        <v>0</v>
      </c>
      <c r="GJ13" s="113">
        <v>0</v>
      </c>
      <c r="GK13" s="116">
        <v>24860</v>
      </c>
      <c r="GL13" s="116">
        <v>179072</v>
      </c>
      <c r="GM13" s="116">
        <v>68640</v>
      </c>
      <c r="GN13" s="116">
        <v>13024</v>
      </c>
      <c r="GO13" s="116">
        <v>19008</v>
      </c>
      <c r="GP13" s="115">
        <v>304604</v>
      </c>
      <c r="GQ13" s="118">
        <v>304604</v>
      </c>
      <c r="GR13" s="112">
        <v>458400</v>
      </c>
      <c r="GS13" s="116">
        <v>228824</v>
      </c>
      <c r="GT13" s="115">
        <v>687224</v>
      </c>
      <c r="GU13" s="112">
        <v>0</v>
      </c>
      <c r="GV13" s="116">
        <v>351920</v>
      </c>
      <c r="GW13" s="116">
        <v>59360</v>
      </c>
      <c r="GX13" s="116">
        <v>11088</v>
      </c>
      <c r="GY13" s="116">
        <v>320000</v>
      </c>
      <c r="GZ13" s="116">
        <v>60000</v>
      </c>
      <c r="HA13" s="114">
        <v>802368</v>
      </c>
      <c r="HB13" s="118">
        <v>1489592</v>
      </c>
      <c r="HC13" s="112">
        <v>544577</v>
      </c>
      <c r="HD13" s="116">
        <v>504579</v>
      </c>
      <c r="HE13" s="114">
        <v>1049156</v>
      </c>
      <c r="HF13" s="113">
        <v>0</v>
      </c>
      <c r="HG13" s="116">
        <v>8503831</v>
      </c>
      <c r="HH13" s="116">
        <v>5205409</v>
      </c>
      <c r="HI13" s="116">
        <v>5681744</v>
      </c>
      <c r="HJ13" s="116">
        <v>7277502</v>
      </c>
      <c r="HK13" s="116">
        <v>3304900</v>
      </c>
      <c r="HL13" s="115">
        <v>29973386</v>
      </c>
      <c r="HM13" s="111">
        <v>31022542</v>
      </c>
      <c r="HN13" s="370"/>
      <c r="HO13" s="371"/>
      <c r="HP13" s="372"/>
      <c r="HQ13" s="373"/>
      <c r="HR13" s="371"/>
      <c r="HS13" s="371"/>
      <c r="HT13" s="371"/>
      <c r="HU13" s="371"/>
      <c r="HV13" s="371"/>
      <c r="HW13" s="374"/>
      <c r="HX13" s="375"/>
      <c r="HY13" s="148">
        <v>42106</v>
      </c>
      <c r="HZ13" s="149">
        <v>0</v>
      </c>
      <c r="IA13" s="150">
        <v>42106</v>
      </c>
      <c r="IB13" s="163">
        <v>0</v>
      </c>
      <c r="IC13" s="149">
        <v>7491021</v>
      </c>
      <c r="ID13" s="164">
        <v>4987681</v>
      </c>
      <c r="IE13" s="150">
        <v>6159013</v>
      </c>
      <c r="IF13" s="149">
        <v>3476253</v>
      </c>
      <c r="IG13" s="150">
        <v>1914592</v>
      </c>
      <c r="IH13" s="165">
        <v>24028560</v>
      </c>
      <c r="II13" s="156">
        <v>24070666</v>
      </c>
      <c r="IJ13" s="261">
        <v>0</v>
      </c>
      <c r="IK13" s="268">
        <v>0</v>
      </c>
      <c r="IL13" s="269">
        <v>0</v>
      </c>
      <c r="IM13" s="157"/>
      <c r="IN13" s="122">
        <v>0</v>
      </c>
      <c r="IO13" s="122">
        <v>0</v>
      </c>
      <c r="IP13" s="122">
        <v>63224</v>
      </c>
      <c r="IQ13" s="122">
        <v>0</v>
      </c>
      <c r="IR13" s="122">
        <v>277120</v>
      </c>
      <c r="IS13" s="158">
        <v>340344</v>
      </c>
      <c r="IT13" s="357">
        <v>340344</v>
      </c>
      <c r="IU13" s="159">
        <v>0</v>
      </c>
      <c r="IV13" s="122">
        <v>0</v>
      </c>
      <c r="IW13" s="123">
        <v>0</v>
      </c>
      <c r="IX13" s="161"/>
      <c r="IY13" s="122">
        <v>0</v>
      </c>
      <c r="IZ13" s="122">
        <v>0</v>
      </c>
      <c r="JA13" s="122">
        <v>0</v>
      </c>
      <c r="JB13" s="122">
        <v>0</v>
      </c>
      <c r="JC13" s="122">
        <v>0</v>
      </c>
      <c r="JD13" s="123">
        <v>0</v>
      </c>
      <c r="JE13" s="124">
        <v>0</v>
      </c>
      <c r="JF13" s="159">
        <v>0</v>
      </c>
      <c r="JG13" s="122">
        <v>0</v>
      </c>
      <c r="JH13" s="158">
        <v>0</v>
      </c>
      <c r="JI13" s="121">
        <v>0</v>
      </c>
      <c r="JJ13" s="122">
        <v>3039317</v>
      </c>
      <c r="JK13" s="122">
        <v>1893531</v>
      </c>
      <c r="JL13" s="122">
        <v>840061</v>
      </c>
      <c r="JM13" s="122">
        <v>451751</v>
      </c>
      <c r="JN13" s="122">
        <v>52724</v>
      </c>
      <c r="JO13" s="123">
        <v>6277384</v>
      </c>
      <c r="JP13" s="357">
        <v>6277384</v>
      </c>
      <c r="JQ13" s="159">
        <v>0</v>
      </c>
      <c r="JR13" s="122">
        <v>0</v>
      </c>
      <c r="JS13" s="158">
        <v>0</v>
      </c>
      <c r="JT13" s="121">
        <v>0</v>
      </c>
      <c r="JU13" s="122">
        <v>665149</v>
      </c>
      <c r="JV13" s="122">
        <v>770064</v>
      </c>
      <c r="JW13" s="122">
        <v>584887</v>
      </c>
      <c r="JX13" s="122">
        <v>104731</v>
      </c>
      <c r="JY13" s="122">
        <v>0</v>
      </c>
      <c r="JZ13" s="123">
        <v>2124831</v>
      </c>
      <c r="KA13" s="357">
        <v>2124831</v>
      </c>
      <c r="KB13" s="264">
        <v>42106</v>
      </c>
      <c r="KC13" s="258">
        <v>0</v>
      </c>
      <c r="KD13" s="123">
        <v>42106</v>
      </c>
      <c r="KE13" s="121">
        <v>0</v>
      </c>
      <c r="KF13" s="122">
        <v>647487</v>
      </c>
      <c r="KG13" s="122">
        <v>773759</v>
      </c>
      <c r="KH13" s="122">
        <v>0</v>
      </c>
      <c r="KI13" s="122">
        <v>203159</v>
      </c>
      <c r="KJ13" s="122">
        <v>164292</v>
      </c>
      <c r="KK13" s="123">
        <v>1788697</v>
      </c>
      <c r="KL13" s="160">
        <v>1830803</v>
      </c>
      <c r="KM13" s="261">
        <v>0</v>
      </c>
      <c r="KN13" s="268">
        <v>0</v>
      </c>
      <c r="KO13" s="269">
        <v>0</v>
      </c>
      <c r="KP13" s="157"/>
      <c r="KQ13" s="122">
        <v>3006949</v>
      </c>
      <c r="KR13" s="122">
        <v>1211209</v>
      </c>
      <c r="KS13" s="122">
        <v>4420199</v>
      </c>
      <c r="KT13" s="122">
        <v>2059029</v>
      </c>
      <c r="KU13" s="122">
        <v>636779</v>
      </c>
      <c r="KV13" s="123">
        <v>11334165</v>
      </c>
      <c r="KW13" s="357">
        <v>11334165</v>
      </c>
      <c r="KX13" s="159">
        <v>0</v>
      </c>
      <c r="KY13" s="122">
        <v>0</v>
      </c>
      <c r="KZ13" s="123">
        <v>0</v>
      </c>
      <c r="LA13" s="162"/>
      <c r="LB13" s="122">
        <v>0</v>
      </c>
      <c r="LC13" s="122">
        <v>0</v>
      </c>
      <c r="LD13" s="122">
        <v>0</v>
      </c>
      <c r="LE13" s="122">
        <v>0</v>
      </c>
      <c r="LF13" s="122">
        <v>0</v>
      </c>
      <c r="LG13" s="123">
        <v>0</v>
      </c>
      <c r="LH13" s="124">
        <v>0</v>
      </c>
      <c r="LI13" s="159">
        <v>0</v>
      </c>
      <c r="LJ13" s="122">
        <v>0</v>
      </c>
      <c r="LK13" s="123">
        <v>0</v>
      </c>
      <c r="LL13" s="162"/>
      <c r="LM13" s="122">
        <v>0</v>
      </c>
      <c r="LN13" s="122">
        <v>0</v>
      </c>
      <c r="LO13" s="122">
        <v>0</v>
      </c>
      <c r="LP13" s="122">
        <v>0</v>
      </c>
      <c r="LQ13" s="122">
        <v>0</v>
      </c>
      <c r="LR13" s="123">
        <v>0</v>
      </c>
      <c r="LS13" s="357">
        <v>0</v>
      </c>
      <c r="LT13" s="159">
        <v>0</v>
      </c>
      <c r="LU13" s="122">
        <v>0</v>
      </c>
      <c r="LV13" s="123">
        <v>0</v>
      </c>
      <c r="LW13" s="162"/>
      <c r="LX13" s="122">
        <v>132119</v>
      </c>
      <c r="LY13" s="122">
        <v>339118</v>
      </c>
      <c r="LZ13" s="122">
        <v>250642</v>
      </c>
      <c r="MA13" s="122">
        <v>657583</v>
      </c>
      <c r="MB13" s="122">
        <v>783677</v>
      </c>
      <c r="MC13" s="123">
        <v>2163139</v>
      </c>
      <c r="MD13" s="124">
        <v>2163139</v>
      </c>
      <c r="ME13" s="159">
        <v>0</v>
      </c>
      <c r="MF13" s="122">
        <v>0</v>
      </c>
      <c r="MG13" s="123">
        <v>0</v>
      </c>
      <c r="MH13" s="162"/>
      <c r="MI13" s="122">
        <v>2623888</v>
      </c>
      <c r="MJ13" s="122">
        <v>4128045</v>
      </c>
      <c r="MK13" s="122">
        <v>10677117</v>
      </c>
      <c r="ML13" s="122">
        <v>22733997</v>
      </c>
      <c r="MM13" s="122">
        <v>8653635</v>
      </c>
      <c r="MN13" s="123">
        <v>48816682</v>
      </c>
      <c r="MO13" s="160">
        <v>48816682</v>
      </c>
      <c r="MP13" s="159">
        <v>0</v>
      </c>
      <c r="MQ13" s="122">
        <v>0</v>
      </c>
      <c r="MR13" s="123">
        <v>0</v>
      </c>
      <c r="MS13" s="162"/>
      <c r="MT13" s="122">
        <v>0</v>
      </c>
      <c r="MU13" s="122">
        <v>1369771</v>
      </c>
      <c r="MV13" s="122">
        <v>5458358</v>
      </c>
      <c r="MW13" s="122">
        <v>14509106</v>
      </c>
      <c r="MX13" s="122">
        <v>6278155</v>
      </c>
      <c r="MY13" s="123">
        <v>27615390</v>
      </c>
      <c r="MZ13" s="160">
        <v>27615390</v>
      </c>
      <c r="NA13" s="159">
        <v>0</v>
      </c>
      <c r="NB13" s="122">
        <v>0</v>
      </c>
      <c r="NC13" s="123">
        <v>0</v>
      </c>
      <c r="ND13" s="162"/>
      <c r="NE13" s="122">
        <v>2623888</v>
      </c>
      <c r="NF13" s="122">
        <v>2758274</v>
      </c>
      <c r="NG13" s="122">
        <v>5218759</v>
      </c>
      <c r="NH13" s="122">
        <v>8224891</v>
      </c>
      <c r="NI13" s="122">
        <v>2375480</v>
      </c>
      <c r="NJ13" s="123">
        <v>21201292</v>
      </c>
      <c r="NK13" s="357">
        <v>21201292</v>
      </c>
      <c r="NL13" s="159">
        <v>0</v>
      </c>
      <c r="NM13" s="122">
        <v>0</v>
      </c>
      <c r="NN13" s="123">
        <v>0</v>
      </c>
      <c r="NO13" s="162"/>
      <c r="NP13" s="122">
        <v>0</v>
      </c>
      <c r="NQ13" s="122">
        <v>0</v>
      </c>
      <c r="NR13" s="122">
        <v>0</v>
      </c>
      <c r="NS13" s="122">
        <v>0</v>
      </c>
      <c r="NT13" s="122">
        <v>0</v>
      </c>
      <c r="NU13" s="123">
        <v>0</v>
      </c>
      <c r="NV13" s="124">
        <v>0</v>
      </c>
      <c r="NW13" s="159">
        <v>0</v>
      </c>
      <c r="NX13" s="122">
        <v>0</v>
      </c>
      <c r="NY13" s="123">
        <v>0</v>
      </c>
      <c r="NZ13" s="162"/>
      <c r="OA13" s="122">
        <v>0</v>
      </c>
      <c r="OB13" s="122">
        <v>0</v>
      </c>
      <c r="OC13" s="122">
        <v>0</v>
      </c>
      <c r="OD13" s="122">
        <v>0</v>
      </c>
      <c r="OE13" s="122">
        <v>0</v>
      </c>
      <c r="OF13" s="123">
        <v>0</v>
      </c>
      <c r="OG13" s="124">
        <v>0</v>
      </c>
      <c r="OH13" s="159">
        <v>1414151</v>
      </c>
      <c r="OI13" s="122">
        <v>1154856</v>
      </c>
      <c r="OJ13" s="158">
        <v>2569007</v>
      </c>
      <c r="OK13" s="121">
        <v>0</v>
      </c>
      <c r="OL13" s="122">
        <v>33224850</v>
      </c>
      <c r="OM13" s="122">
        <v>29909740</v>
      </c>
      <c r="ON13" s="122">
        <v>38244074</v>
      </c>
      <c r="OO13" s="122">
        <v>44726143</v>
      </c>
      <c r="OP13" s="122">
        <v>21348705</v>
      </c>
      <c r="OQ13" s="123">
        <v>167453512</v>
      </c>
      <c r="OR13" s="160">
        <v>170022519</v>
      </c>
    </row>
    <row r="14" spans="1:408" ht="20.25" customHeight="1" x14ac:dyDescent="0.2">
      <c r="A14" s="129" t="s">
        <v>8</v>
      </c>
      <c r="B14" s="112">
        <v>866008</v>
      </c>
      <c r="C14" s="116">
        <v>1039180</v>
      </c>
      <c r="D14" s="115">
        <v>1905188</v>
      </c>
      <c r="E14" s="111">
        <v>0</v>
      </c>
      <c r="F14" s="116">
        <v>6048531</v>
      </c>
      <c r="G14" s="116">
        <v>9336882</v>
      </c>
      <c r="H14" s="116">
        <v>7922962</v>
      </c>
      <c r="I14" s="116">
        <v>6148508</v>
      </c>
      <c r="J14" s="116">
        <v>4924970</v>
      </c>
      <c r="K14" s="111">
        <v>34381853</v>
      </c>
      <c r="L14" s="118">
        <v>36287041</v>
      </c>
      <c r="M14" s="112">
        <v>193903</v>
      </c>
      <c r="N14" s="116">
        <v>265685</v>
      </c>
      <c r="O14" s="115">
        <v>459588</v>
      </c>
      <c r="P14" s="112">
        <v>0</v>
      </c>
      <c r="Q14" s="116">
        <v>2021290</v>
      </c>
      <c r="R14" s="116">
        <v>2627843</v>
      </c>
      <c r="S14" s="116">
        <v>3298363</v>
      </c>
      <c r="T14" s="116">
        <v>1483981</v>
      </c>
      <c r="U14" s="116">
        <v>2046417</v>
      </c>
      <c r="V14" s="115">
        <v>11477894</v>
      </c>
      <c r="W14" s="118">
        <v>11937482</v>
      </c>
      <c r="X14" s="112">
        <v>0</v>
      </c>
      <c r="Y14" s="116">
        <v>0</v>
      </c>
      <c r="Z14" s="115">
        <v>0</v>
      </c>
      <c r="AA14" s="112">
        <v>0</v>
      </c>
      <c r="AB14" s="116">
        <v>964168</v>
      </c>
      <c r="AC14" s="116">
        <v>1334571</v>
      </c>
      <c r="AD14" s="116">
        <v>2063538</v>
      </c>
      <c r="AE14" s="116">
        <v>282673</v>
      </c>
      <c r="AF14" s="116">
        <v>1426373</v>
      </c>
      <c r="AG14" s="115">
        <v>6071323</v>
      </c>
      <c r="AH14" s="118">
        <v>6071323</v>
      </c>
      <c r="AI14" s="112">
        <v>0</v>
      </c>
      <c r="AJ14" s="116">
        <v>0</v>
      </c>
      <c r="AK14" s="115">
        <v>0</v>
      </c>
      <c r="AL14" s="112">
        <v>0</v>
      </c>
      <c r="AM14" s="116">
        <v>0</v>
      </c>
      <c r="AN14" s="116">
        <v>46292</v>
      </c>
      <c r="AO14" s="116">
        <v>46292</v>
      </c>
      <c r="AP14" s="116">
        <v>220227</v>
      </c>
      <c r="AQ14" s="116">
        <v>93131</v>
      </c>
      <c r="AR14" s="115">
        <v>405942</v>
      </c>
      <c r="AS14" s="118">
        <v>405942</v>
      </c>
      <c r="AT14" s="112">
        <v>52351</v>
      </c>
      <c r="AU14" s="116">
        <v>151704</v>
      </c>
      <c r="AV14" s="115">
        <v>204055</v>
      </c>
      <c r="AW14" s="112">
        <v>0</v>
      </c>
      <c r="AX14" s="116">
        <v>638502</v>
      </c>
      <c r="AY14" s="116">
        <v>650547</v>
      </c>
      <c r="AZ14" s="116">
        <v>582269</v>
      </c>
      <c r="BA14" s="116">
        <v>554076</v>
      </c>
      <c r="BB14" s="116">
        <v>268686</v>
      </c>
      <c r="BC14" s="115">
        <v>2694080</v>
      </c>
      <c r="BD14" s="118">
        <v>2898135</v>
      </c>
      <c r="BE14" s="112">
        <v>0</v>
      </c>
      <c r="BF14" s="116">
        <v>21133</v>
      </c>
      <c r="BG14" s="114">
        <v>21133</v>
      </c>
      <c r="BH14" s="113">
        <v>0</v>
      </c>
      <c r="BI14" s="116">
        <v>59788</v>
      </c>
      <c r="BJ14" s="116">
        <v>110081</v>
      </c>
      <c r="BK14" s="116">
        <v>246848</v>
      </c>
      <c r="BL14" s="116">
        <v>102701</v>
      </c>
      <c r="BM14" s="116">
        <v>20931</v>
      </c>
      <c r="BN14" s="115">
        <v>540349</v>
      </c>
      <c r="BO14" s="118">
        <v>561482</v>
      </c>
      <c r="BP14" s="112">
        <v>141552</v>
      </c>
      <c r="BQ14" s="116">
        <v>92848</v>
      </c>
      <c r="BR14" s="115">
        <v>234400</v>
      </c>
      <c r="BS14" s="112">
        <v>0</v>
      </c>
      <c r="BT14" s="116">
        <v>358832</v>
      </c>
      <c r="BU14" s="116">
        <v>486352</v>
      </c>
      <c r="BV14" s="116">
        <v>359416</v>
      </c>
      <c r="BW14" s="116">
        <v>324304</v>
      </c>
      <c r="BX14" s="116">
        <v>237296</v>
      </c>
      <c r="BY14" s="115">
        <v>1766200</v>
      </c>
      <c r="BZ14" s="118">
        <v>2000600</v>
      </c>
      <c r="CA14" s="112">
        <v>142160</v>
      </c>
      <c r="CB14" s="116">
        <v>73452</v>
      </c>
      <c r="CC14" s="115">
        <v>215612</v>
      </c>
      <c r="CD14" s="112">
        <v>0</v>
      </c>
      <c r="CE14" s="116">
        <v>1621413</v>
      </c>
      <c r="CF14" s="116">
        <v>2836261</v>
      </c>
      <c r="CG14" s="116">
        <v>1971274</v>
      </c>
      <c r="CH14" s="116">
        <v>1235973</v>
      </c>
      <c r="CI14" s="116">
        <v>975641</v>
      </c>
      <c r="CJ14" s="115">
        <v>8640562</v>
      </c>
      <c r="CK14" s="118">
        <v>8856174</v>
      </c>
      <c r="CL14" s="112">
        <v>0</v>
      </c>
      <c r="CM14" s="116">
        <v>0</v>
      </c>
      <c r="CN14" s="115">
        <v>0</v>
      </c>
      <c r="CO14" s="113">
        <v>0</v>
      </c>
      <c r="CP14" s="116">
        <v>1402695</v>
      </c>
      <c r="CQ14" s="116">
        <v>2358902</v>
      </c>
      <c r="CR14" s="116">
        <v>1440868</v>
      </c>
      <c r="CS14" s="116">
        <v>718732</v>
      </c>
      <c r="CT14" s="116">
        <v>760127</v>
      </c>
      <c r="CU14" s="115">
        <v>6681324</v>
      </c>
      <c r="CV14" s="118">
        <v>6681324</v>
      </c>
      <c r="CW14" s="112">
        <v>142160</v>
      </c>
      <c r="CX14" s="116">
        <v>73452</v>
      </c>
      <c r="CY14" s="115">
        <v>215612</v>
      </c>
      <c r="CZ14" s="112">
        <v>0</v>
      </c>
      <c r="DA14" s="116">
        <v>218718</v>
      </c>
      <c r="DB14" s="116">
        <v>477359</v>
      </c>
      <c r="DC14" s="116">
        <v>530406</v>
      </c>
      <c r="DD14" s="116">
        <v>517241</v>
      </c>
      <c r="DE14" s="116">
        <v>215514</v>
      </c>
      <c r="DF14" s="115">
        <v>1959238</v>
      </c>
      <c r="DG14" s="118">
        <v>2174850</v>
      </c>
      <c r="DH14" s="112">
        <v>0</v>
      </c>
      <c r="DI14" s="116">
        <v>85573</v>
      </c>
      <c r="DJ14" s="114">
        <v>85573</v>
      </c>
      <c r="DK14" s="113">
        <v>0</v>
      </c>
      <c r="DL14" s="116">
        <v>75960</v>
      </c>
      <c r="DM14" s="116">
        <v>1186689</v>
      </c>
      <c r="DN14" s="116">
        <v>624824</v>
      </c>
      <c r="DO14" s="116">
        <v>398467</v>
      </c>
      <c r="DP14" s="116">
        <v>415221</v>
      </c>
      <c r="DQ14" s="115">
        <v>2701161</v>
      </c>
      <c r="DR14" s="118">
        <v>2786734</v>
      </c>
      <c r="DS14" s="112">
        <v>0</v>
      </c>
      <c r="DT14" s="116">
        <v>85573</v>
      </c>
      <c r="DU14" s="115">
        <v>85573</v>
      </c>
      <c r="DV14" s="112">
        <v>0</v>
      </c>
      <c r="DW14" s="116">
        <v>75960</v>
      </c>
      <c r="DX14" s="116">
        <v>1186689</v>
      </c>
      <c r="DY14" s="116">
        <v>539578</v>
      </c>
      <c r="DZ14" s="116">
        <v>398467</v>
      </c>
      <c r="EA14" s="116">
        <v>415221</v>
      </c>
      <c r="EB14" s="115">
        <v>2615915</v>
      </c>
      <c r="EC14" s="118">
        <v>2701488</v>
      </c>
      <c r="ED14" s="112">
        <v>0</v>
      </c>
      <c r="EE14" s="114">
        <v>0</v>
      </c>
      <c r="EF14" s="115">
        <v>0</v>
      </c>
      <c r="EG14" s="112">
        <v>0</v>
      </c>
      <c r="EH14" s="116">
        <v>0</v>
      </c>
      <c r="EI14" s="116">
        <v>0</v>
      </c>
      <c r="EJ14" s="116">
        <v>85246</v>
      </c>
      <c r="EK14" s="116">
        <v>0</v>
      </c>
      <c r="EL14" s="116">
        <v>0</v>
      </c>
      <c r="EM14" s="114">
        <v>85246</v>
      </c>
      <c r="EN14" s="118">
        <v>85246</v>
      </c>
      <c r="EO14" s="112">
        <v>0</v>
      </c>
      <c r="EP14" s="116">
        <v>0</v>
      </c>
      <c r="EQ14" s="114">
        <v>0</v>
      </c>
      <c r="ER14" s="113">
        <v>0</v>
      </c>
      <c r="ES14" s="116">
        <v>0</v>
      </c>
      <c r="ET14" s="116">
        <v>0</v>
      </c>
      <c r="EU14" s="116">
        <v>0</v>
      </c>
      <c r="EV14" s="116">
        <v>0</v>
      </c>
      <c r="EW14" s="116">
        <v>0</v>
      </c>
      <c r="EX14" s="115">
        <v>0</v>
      </c>
      <c r="EY14" s="118">
        <v>0</v>
      </c>
      <c r="EZ14" s="112">
        <v>0</v>
      </c>
      <c r="FA14" s="116">
        <v>0</v>
      </c>
      <c r="FB14" s="114">
        <v>0</v>
      </c>
      <c r="FC14" s="390"/>
      <c r="FD14" s="116">
        <v>0</v>
      </c>
      <c r="FE14" s="116">
        <v>0</v>
      </c>
      <c r="FF14" s="116">
        <v>0</v>
      </c>
      <c r="FG14" s="116">
        <v>0</v>
      </c>
      <c r="FH14" s="116">
        <v>0</v>
      </c>
      <c r="FI14" s="115">
        <v>0</v>
      </c>
      <c r="FJ14" s="118">
        <v>0</v>
      </c>
      <c r="FK14" s="112">
        <v>246592</v>
      </c>
      <c r="FL14" s="116">
        <v>65872</v>
      </c>
      <c r="FM14" s="115">
        <v>312464</v>
      </c>
      <c r="FN14" s="112">
        <v>0</v>
      </c>
      <c r="FO14" s="116">
        <v>306416</v>
      </c>
      <c r="FP14" s="116">
        <v>894432</v>
      </c>
      <c r="FQ14" s="116">
        <v>620496</v>
      </c>
      <c r="FR14" s="116">
        <v>656208</v>
      </c>
      <c r="FS14" s="116">
        <v>411680</v>
      </c>
      <c r="FT14" s="115">
        <v>2889232</v>
      </c>
      <c r="FU14" s="118">
        <v>3201696</v>
      </c>
      <c r="FV14" s="117">
        <v>111968</v>
      </c>
      <c r="FW14" s="116">
        <v>65872</v>
      </c>
      <c r="FX14" s="114">
        <v>177840</v>
      </c>
      <c r="FY14" s="113">
        <v>0</v>
      </c>
      <c r="FZ14" s="116">
        <v>293040</v>
      </c>
      <c r="GA14" s="116">
        <v>858968</v>
      </c>
      <c r="GB14" s="116">
        <v>572096</v>
      </c>
      <c r="GC14" s="116">
        <v>636408</v>
      </c>
      <c r="GD14" s="116">
        <v>399840</v>
      </c>
      <c r="GE14" s="115">
        <v>2760352</v>
      </c>
      <c r="GF14" s="354">
        <v>2938192</v>
      </c>
      <c r="GG14" s="117">
        <v>13024</v>
      </c>
      <c r="GH14" s="116">
        <v>0</v>
      </c>
      <c r="GI14" s="114">
        <v>13024</v>
      </c>
      <c r="GJ14" s="113">
        <v>0</v>
      </c>
      <c r="GK14" s="116">
        <v>13376</v>
      </c>
      <c r="GL14" s="116">
        <v>35464</v>
      </c>
      <c r="GM14" s="116">
        <v>0</v>
      </c>
      <c r="GN14" s="116">
        <v>19800</v>
      </c>
      <c r="GO14" s="116">
        <v>11840</v>
      </c>
      <c r="GP14" s="115">
        <v>80480</v>
      </c>
      <c r="GQ14" s="118">
        <v>93504</v>
      </c>
      <c r="GR14" s="112">
        <v>121600</v>
      </c>
      <c r="GS14" s="116">
        <v>0</v>
      </c>
      <c r="GT14" s="115">
        <v>121600</v>
      </c>
      <c r="GU14" s="112">
        <v>0</v>
      </c>
      <c r="GV14" s="116">
        <v>0</v>
      </c>
      <c r="GW14" s="116">
        <v>0</v>
      </c>
      <c r="GX14" s="116">
        <v>48400</v>
      </c>
      <c r="GY14" s="116">
        <v>0</v>
      </c>
      <c r="GZ14" s="116">
        <v>0</v>
      </c>
      <c r="HA14" s="114">
        <v>48400</v>
      </c>
      <c r="HB14" s="118">
        <v>170000</v>
      </c>
      <c r="HC14" s="112">
        <v>283353</v>
      </c>
      <c r="HD14" s="116">
        <v>548598</v>
      </c>
      <c r="HE14" s="114">
        <v>831951</v>
      </c>
      <c r="HF14" s="113">
        <v>0</v>
      </c>
      <c r="HG14" s="116">
        <v>2023452</v>
      </c>
      <c r="HH14" s="116">
        <v>1791657</v>
      </c>
      <c r="HI14" s="116">
        <v>1408005</v>
      </c>
      <c r="HJ14" s="116">
        <v>2373879</v>
      </c>
      <c r="HK14" s="116">
        <v>1076011</v>
      </c>
      <c r="HL14" s="115">
        <v>8673004</v>
      </c>
      <c r="HM14" s="111">
        <v>9504955</v>
      </c>
      <c r="HN14" s="370"/>
      <c r="HO14" s="371"/>
      <c r="HP14" s="372"/>
      <c r="HQ14" s="373"/>
      <c r="HR14" s="371"/>
      <c r="HS14" s="371"/>
      <c r="HT14" s="371"/>
      <c r="HU14" s="371"/>
      <c r="HV14" s="371"/>
      <c r="HW14" s="374"/>
      <c r="HX14" s="375"/>
      <c r="HY14" s="148">
        <v>48251</v>
      </c>
      <c r="HZ14" s="149">
        <v>0</v>
      </c>
      <c r="IA14" s="150">
        <v>48251</v>
      </c>
      <c r="IB14" s="151">
        <v>0</v>
      </c>
      <c r="IC14" s="152">
        <v>2969966</v>
      </c>
      <c r="ID14" s="153">
        <v>3403623</v>
      </c>
      <c r="IE14" s="154">
        <v>2571057</v>
      </c>
      <c r="IF14" s="152">
        <v>2863676</v>
      </c>
      <c r="IG14" s="154">
        <v>791417</v>
      </c>
      <c r="IH14" s="155">
        <v>12599739</v>
      </c>
      <c r="II14" s="156">
        <v>12647990</v>
      </c>
      <c r="IJ14" s="261">
        <v>0</v>
      </c>
      <c r="IK14" s="268">
        <v>0</v>
      </c>
      <c r="IL14" s="269">
        <v>0</v>
      </c>
      <c r="IM14" s="157"/>
      <c r="IN14" s="122">
        <v>0</v>
      </c>
      <c r="IO14" s="122">
        <v>0</v>
      </c>
      <c r="IP14" s="122">
        <v>0</v>
      </c>
      <c r="IQ14" s="122">
        <v>0</v>
      </c>
      <c r="IR14" s="122">
        <v>0</v>
      </c>
      <c r="IS14" s="158">
        <v>0</v>
      </c>
      <c r="IT14" s="357">
        <v>0</v>
      </c>
      <c r="IU14" s="159">
        <v>0</v>
      </c>
      <c r="IV14" s="122">
        <v>0</v>
      </c>
      <c r="IW14" s="123">
        <v>0</v>
      </c>
      <c r="IX14" s="161"/>
      <c r="IY14" s="122">
        <v>0</v>
      </c>
      <c r="IZ14" s="122">
        <v>0</v>
      </c>
      <c r="JA14" s="122">
        <v>0</v>
      </c>
      <c r="JB14" s="122">
        <v>0</v>
      </c>
      <c r="JC14" s="122">
        <v>15082</v>
      </c>
      <c r="JD14" s="123">
        <v>15082</v>
      </c>
      <c r="JE14" s="124">
        <v>15082</v>
      </c>
      <c r="JF14" s="159">
        <v>0</v>
      </c>
      <c r="JG14" s="122">
        <v>0</v>
      </c>
      <c r="JH14" s="158">
        <v>0</v>
      </c>
      <c r="JI14" s="121">
        <v>0</v>
      </c>
      <c r="JJ14" s="122">
        <v>1348697</v>
      </c>
      <c r="JK14" s="122">
        <v>1379923</v>
      </c>
      <c r="JL14" s="122">
        <v>633891</v>
      </c>
      <c r="JM14" s="122">
        <v>393326</v>
      </c>
      <c r="JN14" s="122">
        <v>73384</v>
      </c>
      <c r="JO14" s="123">
        <v>3829221</v>
      </c>
      <c r="JP14" s="357">
        <v>3829221</v>
      </c>
      <c r="JQ14" s="159">
        <v>0</v>
      </c>
      <c r="JR14" s="122">
        <v>0</v>
      </c>
      <c r="JS14" s="158">
        <v>0</v>
      </c>
      <c r="JT14" s="121">
        <v>0</v>
      </c>
      <c r="JU14" s="122">
        <v>34046</v>
      </c>
      <c r="JV14" s="122">
        <v>0</v>
      </c>
      <c r="JW14" s="122">
        <v>0</v>
      </c>
      <c r="JX14" s="122">
        <v>0</v>
      </c>
      <c r="JY14" s="122">
        <v>0</v>
      </c>
      <c r="JZ14" s="123">
        <v>34046</v>
      </c>
      <c r="KA14" s="357">
        <v>34046</v>
      </c>
      <c r="KB14" s="264">
        <v>48251</v>
      </c>
      <c r="KC14" s="258">
        <v>0</v>
      </c>
      <c r="KD14" s="123">
        <v>48251</v>
      </c>
      <c r="KE14" s="121">
        <v>0</v>
      </c>
      <c r="KF14" s="122">
        <v>613879</v>
      </c>
      <c r="KG14" s="122">
        <v>1119334</v>
      </c>
      <c r="KH14" s="122">
        <v>470250</v>
      </c>
      <c r="KI14" s="122">
        <v>506356</v>
      </c>
      <c r="KJ14" s="122">
        <v>0</v>
      </c>
      <c r="KK14" s="123">
        <v>2709819</v>
      </c>
      <c r="KL14" s="160">
        <v>2758070</v>
      </c>
      <c r="KM14" s="261">
        <v>0</v>
      </c>
      <c r="KN14" s="268">
        <v>0</v>
      </c>
      <c r="KO14" s="269">
        <v>0</v>
      </c>
      <c r="KP14" s="157"/>
      <c r="KQ14" s="122">
        <v>699914</v>
      </c>
      <c r="KR14" s="122">
        <v>713682</v>
      </c>
      <c r="KS14" s="122">
        <v>1241531</v>
      </c>
      <c r="KT14" s="122">
        <v>765516</v>
      </c>
      <c r="KU14" s="122">
        <v>259878</v>
      </c>
      <c r="KV14" s="123">
        <v>3680521</v>
      </c>
      <c r="KW14" s="357">
        <v>3680521</v>
      </c>
      <c r="KX14" s="159">
        <v>0</v>
      </c>
      <c r="KY14" s="122">
        <v>0</v>
      </c>
      <c r="KZ14" s="123">
        <v>0</v>
      </c>
      <c r="LA14" s="162"/>
      <c r="LB14" s="122">
        <v>0</v>
      </c>
      <c r="LC14" s="122">
        <v>0</v>
      </c>
      <c r="LD14" s="122">
        <v>0</v>
      </c>
      <c r="LE14" s="122">
        <v>643625</v>
      </c>
      <c r="LF14" s="122">
        <v>0</v>
      </c>
      <c r="LG14" s="123">
        <v>643625</v>
      </c>
      <c r="LH14" s="124">
        <v>643625</v>
      </c>
      <c r="LI14" s="159">
        <v>0</v>
      </c>
      <c r="LJ14" s="122">
        <v>0</v>
      </c>
      <c r="LK14" s="123">
        <v>0</v>
      </c>
      <c r="LL14" s="162"/>
      <c r="LM14" s="122">
        <v>0</v>
      </c>
      <c r="LN14" s="122">
        <v>0</v>
      </c>
      <c r="LO14" s="122">
        <v>225385</v>
      </c>
      <c r="LP14" s="122">
        <v>0</v>
      </c>
      <c r="LQ14" s="122">
        <v>0</v>
      </c>
      <c r="LR14" s="123">
        <v>225385</v>
      </c>
      <c r="LS14" s="357">
        <v>225385</v>
      </c>
      <c r="LT14" s="159">
        <v>0</v>
      </c>
      <c r="LU14" s="122">
        <v>0</v>
      </c>
      <c r="LV14" s="123">
        <v>0</v>
      </c>
      <c r="LW14" s="162"/>
      <c r="LX14" s="122">
        <v>273430</v>
      </c>
      <c r="LY14" s="122">
        <v>190684</v>
      </c>
      <c r="LZ14" s="122">
        <v>0</v>
      </c>
      <c r="MA14" s="122">
        <v>554853</v>
      </c>
      <c r="MB14" s="122">
        <v>443073</v>
      </c>
      <c r="MC14" s="123">
        <v>1462040</v>
      </c>
      <c r="MD14" s="124">
        <v>1462040</v>
      </c>
      <c r="ME14" s="159">
        <v>0</v>
      </c>
      <c r="MF14" s="122">
        <v>0</v>
      </c>
      <c r="MG14" s="123">
        <v>0</v>
      </c>
      <c r="MH14" s="162"/>
      <c r="MI14" s="122">
        <v>598039</v>
      </c>
      <c r="MJ14" s="122">
        <v>1391715</v>
      </c>
      <c r="MK14" s="122">
        <v>5114689</v>
      </c>
      <c r="ML14" s="122">
        <v>3283717</v>
      </c>
      <c r="MM14" s="122">
        <v>2584106</v>
      </c>
      <c r="MN14" s="123">
        <v>12972266</v>
      </c>
      <c r="MO14" s="160">
        <v>12972266</v>
      </c>
      <c r="MP14" s="159">
        <v>0</v>
      </c>
      <c r="MQ14" s="122">
        <v>0</v>
      </c>
      <c r="MR14" s="123">
        <v>0</v>
      </c>
      <c r="MS14" s="162"/>
      <c r="MT14" s="122">
        <v>391966</v>
      </c>
      <c r="MU14" s="122">
        <v>212726</v>
      </c>
      <c r="MV14" s="122">
        <v>1497153</v>
      </c>
      <c r="MW14" s="122">
        <v>1723893</v>
      </c>
      <c r="MX14" s="122">
        <v>1924762</v>
      </c>
      <c r="MY14" s="123">
        <v>5750500</v>
      </c>
      <c r="MZ14" s="160">
        <v>5750500</v>
      </c>
      <c r="NA14" s="159">
        <v>0</v>
      </c>
      <c r="NB14" s="122">
        <v>0</v>
      </c>
      <c r="NC14" s="123">
        <v>0</v>
      </c>
      <c r="ND14" s="162"/>
      <c r="NE14" s="122">
        <v>206073</v>
      </c>
      <c r="NF14" s="122">
        <v>1178989</v>
      </c>
      <c r="NG14" s="122">
        <v>3617536</v>
      </c>
      <c r="NH14" s="122">
        <v>1258744</v>
      </c>
      <c r="NI14" s="122">
        <v>659344</v>
      </c>
      <c r="NJ14" s="123">
        <v>6920686</v>
      </c>
      <c r="NK14" s="357">
        <v>6920686</v>
      </c>
      <c r="NL14" s="159">
        <v>0</v>
      </c>
      <c r="NM14" s="122">
        <v>0</v>
      </c>
      <c r="NN14" s="123">
        <v>0</v>
      </c>
      <c r="NO14" s="162"/>
      <c r="NP14" s="122">
        <v>0</v>
      </c>
      <c r="NQ14" s="122">
        <v>0</v>
      </c>
      <c r="NR14" s="122">
        <v>0</v>
      </c>
      <c r="NS14" s="122">
        <v>0</v>
      </c>
      <c r="NT14" s="122">
        <v>0</v>
      </c>
      <c r="NU14" s="123">
        <v>0</v>
      </c>
      <c r="NV14" s="124">
        <v>0</v>
      </c>
      <c r="NW14" s="159">
        <v>0</v>
      </c>
      <c r="NX14" s="122">
        <v>0</v>
      </c>
      <c r="NY14" s="123">
        <v>0</v>
      </c>
      <c r="NZ14" s="162"/>
      <c r="OA14" s="122">
        <v>0</v>
      </c>
      <c r="OB14" s="122">
        <v>0</v>
      </c>
      <c r="OC14" s="122">
        <v>0</v>
      </c>
      <c r="OD14" s="122">
        <v>301080</v>
      </c>
      <c r="OE14" s="122">
        <v>0</v>
      </c>
      <c r="OF14" s="123">
        <v>301080</v>
      </c>
      <c r="OG14" s="124">
        <v>301080</v>
      </c>
      <c r="OH14" s="159">
        <v>914259</v>
      </c>
      <c r="OI14" s="122">
        <v>1039180</v>
      </c>
      <c r="OJ14" s="158">
        <v>1953439</v>
      </c>
      <c r="OK14" s="121">
        <v>0</v>
      </c>
      <c r="OL14" s="122">
        <v>9616536</v>
      </c>
      <c r="OM14" s="122">
        <v>14132220</v>
      </c>
      <c r="ON14" s="122">
        <v>15608708</v>
      </c>
      <c r="OO14" s="122">
        <v>12295901</v>
      </c>
      <c r="OP14" s="122">
        <v>8300493</v>
      </c>
      <c r="OQ14" s="123">
        <v>59953858</v>
      </c>
      <c r="OR14" s="160">
        <v>61907297</v>
      </c>
    </row>
    <row r="15" spans="1:408" ht="20.25" customHeight="1" x14ac:dyDescent="0.2">
      <c r="A15" s="129" t="s">
        <v>9</v>
      </c>
      <c r="B15" s="112">
        <v>1167461</v>
      </c>
      <c r="C15" s="116">
        <v>1005819</v>
      </c>
      <c r="D15" s="115">
        <v>2173280</v>
      </c>
      <c r="E15" s="113">
        <v>0</v>
      </c>
      <c r="F15" s="116">
        <v>10957095</v>
      </c>
      <c r="G15" s="116">
        <v>11455474</v>
      </c>
      <c r="H15" s="116">
        <v>10947624</v>
      </c>
      <c r="I15" s="116">
        <v>11956330</v>
      </c>
      <c r="J15" s="116">
        <v>8108070</v>
      </c>
      <c r="K15" s="111">
        <v>53424593</v>
      </c>
      <c r="L15" s="118">
        <v>55597873</v>
      </c>
      <c r="M15" s="112">
        <v>200506</v>
      </c>
      <c r="N15" s="116">
        <v>323228</v>
      </c>
      <c r="O15" s="115">
        <v>523734</v>
      </c>
      <c r="P15" s="112">
        <v>0</v>
      </c>
      <c r="Q15" s="116">
        <v>3486915</v>
      </c>
      <c r="R15" s="116">
        <v>3877035</v>
      </c>
      <c r="S15" s="116">
        <v>3457371</v>
      </c>
      <c r="T15" s="116">
        <v>5852876</v>
      </c>
      <c r="U15" s="116">
        <v>4816258</v>
      </c>
      <c r="V15" s="115">
        <v>21490455</v>
      </c>
      <c r="W15" s="118">
        <v>22014189</v>
      </c>
      <c r="X15" s="112">
        <v>0</v>
      </c>
      <c r="Y15" s="116">
        <v>0</v>
      </c>
      <c r="Z15" s="115">
        <v>0</v>
      </c>
      <c r="AA15" s="112">
        <v>0</v>
      </c>
      <c r="AB15" s="116">
        <v>1381195</v>
      </c>
      <c r="AC15" s="116">
        <v>2038257</v>
      </c>
      <c r="AD15" s="116">
        <v>1773240</v>
      </c>
      <c r="AE15" s="116">
        <v>3824598</v>
      </c>
      <c r="AF15" s="116">
        <v>3010773</v>
      </c>
      <c r="AG15" s="115">
        <v>12028063</v>
      </c>
      <c r="AH15" s="118">
        <v>12028063</v>
      </c>
      <c r="AI15" s="112">
        <v>0</v>
      </c>
      <c r="AJ15" s="116">
        <v>0</v>
      </c>
      <c r="AK15" s="115">
        <v>0</v>
      </c>
      <c r="AL15" s="112">
        <v>0</v>
      </c>
      <c r="AM15" s="116">
        <v>13852</v>
      </c>
      <c r="AN15" s="116">
        <v>0</v>
      </c>
      <c r="AO15" s="116">
        <v>46897</v>
      </c>
      <c r="AP15" s="116">
        <v>271830</v>
      </c>
      <c r="AQ15" s="116">
        <v>455598</v>
      </c>
      <c r="AR15" s="115">
        <v>788177</v>
      </c>
      <c r="AS15" s="118">
        <v>788177</v>
      </c>
      <c r="AT15" s="112">
        <v>7956</v>
      </c>
      <c r="AU15" s="116">
        <v>171183</v>
      </c>
      <c r="AV15" s="115">
        <v>179139</v>
      </c>
      <c r="AW15" s="112">
        <v>0</v>
      </c>
      <c r="AX15" s="116">
        <v>1351332</v>
      </c>
      <c r="AY15" s="116">
        <v>1135540</v>
      </c>
      <c r="AZ15" s="116">
        <v>781368</v>
      </c>
      <c r="BA15" s="116">
        <v>1119118</v>
      </c>
      <c r="BB15" s="116">
        <v>888896</v>
      </c>
      <c r="BC15" s="115">
        <v>5276254</v>
      </c>
      <c r="BD15" s="118">
        <v>5455393</v>
      </c>
      <c r="BE15" s="112">
        <v>21694</v>
      </c>
      <c r="BF15" s="116">
        <v>27117</v>
      </c>
      <c r="BG15" s="114">
        <v>48811</v>
      </c>
      <c r="BH15" s="113">
        <v>0</v>
      </c>
      <c r="BI15" s="116">
        <v>0</v>
      </c>
      <c r="BJ15" s="116">
        <v>151814</v>
      </c>
      <c r="BK15" s="116">
        <v>82826</v>
      </c>
      <c r="BL15" s="116">
        <v>126794</v>
      </c>
      <c r="BM15" s="116">
        <v>60247</v>
      </c>
      <c r="BN15" s="115">
        <v>421681</v>
      </c>
      <c r="BO15" s="118">
        <v>470492</v>
      </c>
      <c r="BP15" s="112">
        <v>170856</v>
      </c>
      <c r="BQ15" s="116">
        <v>124928</v>
      </c>
      <c r="BR15" s="115">
        <v>295784</v>
      </c>
      <c r="BS15" s="112">
        <v>0</v>
      </c>
      <c r="BT15" s="116">
        <v>740536</v>
      </c>
      <c r="BU15" s="116">
        <v>551424</v>
      </c>
      <c r="BV15" s="116">
        <v>773040</v>
      </c>
      <c r="BW15" s="116">
        <v>510536</v>
      </c>
      <c r="BX15" s="116">
        <v>400744</v>
      </c>
      <c r="BY15" s="115">
        <v>2976280</v>
      </c>
      <c r="BZ15" s="118">
        <v>3272064</v>
      </c>
      <c r="CA15" s="112">
        <v>82785</v>
      </c>
      <c r="CB15" s="116">
        <v>116293</v>
      </c>
      <c r="CC15" s="115">
        <v>199078</v>
      </c>
      <c r="CD15" s="112">
        <v>0</v>
      </c>
      <c r="CE15" s="116">
        <v>2384263</v>
      </c>
      <c r="CF15" s="116">
        <v>2672853</v>
      </c>
      <c r="CG15" s="116">
        <v>2663870</v>
      </c>
      <c r="CH15" s="116">
        <v>1830442</v>
      </c>
      <c r="CI15" s="116">
        <v>684586</v>
      </c>
      <c r="CJ15" s="115">
        <v>10236014</v>
      </c>
      <c r="CK15" s="118">
        <v>10435092</v>
      </c>
      <c r="CL15" s="112">
        <v>0</v>
      </c>
      <c r="CM15" s="116">
        <v>0</v>
      </c>
      <c r="CN15" s="115">
        <v>0</v>
      </c>
      <c r="CO15" s="113">
        <v>0</v>
      </c>
      <c r="CP15" s="116">
        <v>1833890</v>
      </c>
      <c r="CQ15" s="116">
        <v>1925033</v>
      </c>
      <c r="CR15" s="116">
        <v>2061547</v>
      </c>
      <c r="CS15" s="116">
        <v>1124200</v>
      </c>
      <c r="CT15" s="116">
        <v>684586</v>
      </c>
      <c r="CU15" s="115">
        <v>7629256</v>
      </c>
      <c r="CV15" s="118">
        <v>7629256</v>
      </c>
      <c r="CW15" s="112">
        <v>82785</v>
      </c>
      <c r="CX15" s="116">
        <v>116293</v>
      </c>
      <c r="CY15" s="115">
        <v>199078</v>
      </c>
      <c r="CZ15" s="112">
        <v>0</v>
      </c>
      <c r="DA15" s="116">
        <v>550373</v>
      </c>
      <c r="DB15" s="116">
        <v>747820</v>
      </c>
      <c r="DC15" s="116">
        <v>602323</v>
      </c>
      <c r="DD15" s="116">
        <v>706242</v>
      </c>
      <c r="DE15" s="116">
        <v>0</v>
      </c>
      <c r="DF15" s="115">
        <v>2606758</v>
      </c>
      <c r="DG15" s="118">
        <v>2805836</v>
      </c>
      <c r="DH15" s="112">
        <v>14252</v>
      </c>
      <c r="DI15" s="116">
        <v>0</v>
      </c>
      <c r="DJ15" s="114">
        <v>14252</v>
      </c>
      <c r="DK15" s="113">
        <v>0</v>
      </c>
      <c r="DL15" s="116">
        <v>450584</v>
      </c>
      <c r="DM15" s="116">
        <v>865164</v>
      </c>
      <c r="DN15" s="116">
        <v>1588031</v>
      </c>
      <c r="DO15" s="116">
        <v>750895</v>
      </c>
      <c r="DP15" s="116">
        <v>415812</v>
      </c>
      <c r="DQ15" s="115">
        <v>4070486</v>
      </c>
      <c r="DR15" s="118">
        <v>4084738</v>
      </c>
      <c r="DS15" s="112">
        <v>14252</v>
      </c>
      <c r="DT15" s="116">
        <v>0</v>
      </c>
      <c r="DU15" s="115">
        <v>14252</v>
      </c>
      <c r="DV15" s="112">
        <v>0</v>
      </c>
      <c r="DW15" s="116">
        <v>450584</v>
      </c>
      <c r="DX15" s="116">
        <v>613992</v>
      </c>
      <c r="DY15" s="116">
        <v>1588031</v>
      </c>
      <c r="DZ15" s="116">
        <v>695795</v>
      </c>
      <c r="EA15" s="116">
        <v>415812</v>
      </c>
      <c r="EB15" s="115">
        <v>3764214</v>
      </c>
      <c r="EC15" s="118">
        <v>3778466</v>
      </c>
      <c r="ED15" s="112">
        <v>0</v>
      </c>
      <c r="EE15" s="114">
        <v>0</v>
      </c>
      <c r="EF15" s="115">
        <v>0</v>
      </c>
      <c r="EG15" s="112">
        <v>0</v>
      </c>
      <c r="EH15" s="116">
        <v>0</v>
      </c>
      <c r="EI15" s="116">
        <v>251172</v>
      </c>
      <c r="EJ15" s="116">
        <v>0</v>
      </c>
      <c r="EK15" s="116">
        <v>55100</v>
      </c>
      <c r="EL15" s="116">
        <v>0</v>
      </c>
      <c r="EM15" s="114">
        <v>306272</v>
      </c>
      <c r="EN15" s="118">
        <v>306272</v>
      </c>
      <c r="EO15" s="112">
        <v>0</v>
      </c>
      <c r="EP15" s="116">
        <v>0</v>
      </c>
      <c r="EQ15" s="114">
        <v>0</v>
      </c>
      <c r="ER15" s="113">
        <v>0</v>
      </c>
      <c r="ES15" s="116">
        <v>0</v>
      </c>
      <c r="ET15" s="116">
        <v>0</v>
      </c>
      <c r="EU15" s="116">
        <v>0</v>
      </c>
      <c r="EV15" s="116">
        <v>0</v>
      </c>
      <c r="EW15" s="116">
        <v>0</v>
      </c>
      <c r="EX15" s="115">
        <v>0</v>
      </c>
      <c r="EY15" s="118">
        <v>0</v>
      </c>
      <c r="EZ15" s="112">
        <v>0</v>
      </c>
      <c r="FA15" s="116">
        <v>0</v>
      </c>
      <c r="FB15" s="114">
        <v>0</v>
      </c>
      <c r="FC15" s="390"/>
      <c r="FD15" s="116">
        <v>0</v>
      </c>
      <c r="FE15" s="116">
        <v>0</v>
      </c>
      <c r="FF15" s="116">
        <v>0</v>
      </c>
      <c r="FG15" s="116">
        <v>0</v>
      </c>
      <c r="FH15" s="116">
        <v>0</v>
      </c>
      <c r="FI15" s="115">
        <v>0</v>
      </c>
      <c r="FJ15" s="118">
        <v>0</v>
      </c>
      <c r="FK15" s="112">
        <v>368896</v>
      </c>
      <c r="FL15" s="116">
        <v>269592</v>
      </c>
      <c r="FM15" s="115">
        <v>638488</v>
      </c>
      <c r="FN15" s="112">
        <v>0</v>
      </c>
      <c r="FO15" s="116">
        <v>919091</v>
      </c>
      <c r="FP15" s="116">
        <v>1325904</v>
      </c>
      <c r="FQ15" s="116">
        <v>931801</v>
      </c>
      <c r="FR15" s="116">
        <v>929312</v>
      </c>
      <c r="FS15" s="116">
        <v>605952</v>
      </c>
      <c r="FT15" s="115">
        <v>4712060</v>
      </c>
      <c r="FU15" s="118">
        <v>5350548</v>
      </c>
      <c r="FV15" s="117">
        <v>146496</v>
      </c>
      <c r="FW15" s="116">
        <v>118304</v>
      </c>
      <c r="FX15" s="114">
        <v>264800</v>
      </c>
      <c r="FY15" s="113">
        <v>0</v>
      </c>
      <c r="FZ15" s="116">
        <v>671312</v>
      </c>
      <c r="GA15" s="116">
        <v>1094208</v>
      </c>
      <c r="GB15" s="116">
        <v>931801</v>
      </c>
      <c r="GC15" s="116">
        <v>881872</v>
      </c>
      <c r="GD15" s="116">
        <v>605952</v>
      </c>
      <c r="GE15" s="115">
        <v>4185145</v>
      </c>
      <c r="GF15" s="354">
        <v>4449945</v>
      </c>
      <c r="GG15" s="117">
        <v>0</v>
      </c>
      <c r="GH15" s="116">
        <v>52976</v>
      </c>
      <c r="GI15" s="114">
        <v>52976</v>
      </c>
      <c r="GJ15" s="113">
        <v>0</v>
      </c>
      <c r="GK15" s="116">
        <v>35360</v>
      </c>
      <c r="GL15" s="116">
        <v>68496</v>
      </c>
      <c r="GM15" s="116">
        <v>0</v>
      </c>
      <c r="GN15" s="116">
        <v>47440</v>
      </c>
      <c r="GO15" s="116">
        <v>0</v>
      </c>
      <c r="GP15" s="115">
        <v>151296</v>
      </c>
      <c r="GQ15" s="118">
        <v>204272</v>
      </c>
      <c r="GR15" s="112">
        <v>222400</v>
      </c>
      <c r="GS15" s="116">
        <v>98312</v>
      </c>
      <c r="GT15" s="115">
        <v>320712</v>
      </c>
      <c r="GU15" s="112">
        <v>0</v>
      </c>
      <c r="GV15" s="116">
        <v>212419</v>
      </c>
      <c r="GW15" s="116">
        <v>163200</v>
      </c>
      <c r="GX15" s="116">
        <v>0</v>
      </c>
      <c r="GY15" s="116">
        <v>0</v>
      </c>
      <c r="GZ15" s="116">
        <v>0</v>
      </c>
      <c r="HA15" s="114">
        <v>375619</v>
      </c>
      <c r="HB15" s="118">
        <v>696331</v>
      </c>
      <c r="HC15" s="112">
        <v>501022</v>
      </c>
      <c r="HD15" s="116">
        <v>296706</v>
      </c>
      <c r="HE15" s="114">
        <v>797728</v>
      </c>
      <c r="HF15" s="113">
        <v>0</v>
      </c>
      <c r="HG15" s="116">
        <v>3716242</v>
      </c>
      <c r="HH15" s="116">
        <v>2714518</v>
      </c>
      <c r="HI15" s="116">
        <v>2306551</v>
      </c>
      <c r="HJ15" s="116">
        <v>2592805</v>
      </c>
      <c r="HK15" s="116">
        <v>1585462</v>
      </c>
      <c r="HL15" s="115">
        <v>12915578</v>
      </c>
      <c r="HM15" s="111">
        <v>13713306</v>
      </c>
      <c r="HN15" s="370"/>
      <c r="HO15" s="371"/>
      <c r="HP15" s="372"/>
      <c r="HQ15" s="373"/>
      <c r="HR15" s="371"/>
      <c r="HS15" s="371"/>
      <c r="HT15" s="371"/>
      <c r="HU15" s="371"/>
      <c r="HV15" s="371"/>
      <c r="HW15" s="374"/>
      <c r="HX15" s="375"/>
      <c r="HY15" s="131">
        <v>42834</v>
      </c>
      <c r="HZ15" s="166">
        <v>0</v>
      </c>
      <c r="IA15" s="133">
        <v>42834</v>
      </c>
      <c r="IB15" s="163">
        <v>0</v>
      </c>
      <c r="IC15" s="149">
        <v>2933956</v>
      </c>
      <c r="ID15" s="164">
        <v>2887560</v>
      </c>
      <c r="IE15" s="150">
        <v>4396536</v>
      </c>
      <c r="IF15" s="149">
        <v>1239498</v>
      </c>
      <c r="IG15" s="150">
        <v>1319496</v>
      </c>
      <c r="IH15" s="165">
        <v>12777046</v>
      </c>
      <c r="II15" s="137">
        <v>12819880</v>
      </c>
      <c r="IJ15" s="261">
        <v>0</v>
      </c>
      <c r="IK15" s="268">
        <v>0</v>
      </c>
      <c r="IL15" s="269">
        <v>0</v>
      </c>
      <c r="IM15" s="157"/>
      <c r="IN15" s="122">
        <v>0</v>
      </c>
      <c r="IO15" s="122">
        <v>0</v>
      </c>
      <c r="IP15" s="122">
        <v>0</v>
      </c>
      <c r="IQ15" s="122">
        <v>-241703</v>
      </c>
      <c r="IR15" s="122">
        <v>291392</v>
      </c>
      <c r="IS15" s="158">
        <v>49689</v>
      </c>
      <c r="IT15" s="357">
        <v>49689</v>
      </c>
      <c r="IU15" s="159">
        <v>0</v>
      </c>
      <c r="IV15" s="122">
        <v>0</v>
      </c>
      <c r="IW15" s="123">
        <v>0</v>
      </c>
      <c r="IX15" s="161"/>
      <c r="IY15" s="122">
        <v>0</v>
      </c>
      <c r="IZ15" s="122">
        <v>0</v>
      </c>
      <c r="JA15" s="122">
        <v>0</v>
      </c>
      <c r="JB15" s="122">
        <v>0</v>
      </c>
      <c r="JC15" s="122">
        <v>0</v>
      </c>
      <c r="JD15" s="123">
        <v>0</v>
      </c>
      <c r="JE15" s="124">
        <v>0</v>
      </c>
      <c r="JF15" s="159">
        <v>0</v>
      </c>
      <c r="JG15" s="122">
        <v>0</v>
      </c>
      <c r="JH15" s="158">
        <v>0</v>
      </c>
      <c r="JI15" s="121">
        <v>0</v>
      </c>
      <c r="JJ15" s="122">
        <v>1508659</v>
      </c>
      <c r="JK15" s="122">
        <v>1045949</v>
      </c>
      <c r="JL15" s="122">
        <v>1150404</v>
      </c>
      <c r="JM15" s="122">
        <v>968230</v>
      </c>
      <c r="JN15" s="122">
        <v>0</v>
      </c>
      <c r="JO15" s="123">
        <v>4673242</v>
      </c>
      <c r="JP15" s="357">
        <v>4673242</v>
      </c>
      <c r="JQ15" s="159">
        <v>0</v>
      </c>
      <c r="JR15" s="122">
        <v>0</v>
      </c>
      <c r="JS15" s="158">
        <v>0</v>
      </c>
      <c r="JT15" s="121">
        <v>0</v>
      </c>
      <c r="JU15" s="122">
        <v>33381</v>
      </c>
      <c r="JV15" s="122">
        <v>35885</v>
      </c>
      <c r="JW15" s="122">
        <v>165818</v>
      </c>
      <c r="JX15" s="122">
        <v>0</v>
      </c>
      <c r="JY15" s="122">
        <v>0</v>
      </c>
      <c r="JZ15" s="123">
        <v>235084</v>
      </c>
      <c r="KA15" s="357">
        <v>235084</v>
      </c>
      <c r="KB15" s="264">
        <v>42834</v>
      </c>
      <c r="KC15" s="258">
        <v>0</v>
      </c>
      <c r="KD15" s="123">
        <v>42834</v>
      </c>
      <c r="KE15" s="121">
        <v>0</v>
      </c>
      <c r="KF15" s="122">
        <v>517030</v>
      </c>
      <c r="KG15" s="122">
        <v>706582</v>
      </c>
      <c r="KH15" s="122">
        <v>0</v>
      </c>
      <c r="KI15" s="122">
        <v>250389</v>
      </c>
      <c r="KJ15" s="122">
        <v>0</v>
      </c>
      <c r="KK15" s="123">
        <v>1474001</v>
      </c>
      <c r="KL15" s="160">
        <v>1516835</v>
      </c>
      <c r="KM15" s="261">
        <v>0</v>
      </c>
      <c r="KN15" s="268">
        <v>0</v>
      </c>
      <c r="KO15" s="269">
        <v>0</v>
      </c>
      <c r="KP15" s="157"/>
      <c r="KQ15" s="122">
        <v>713815</v>
      </c>
      <c r="KR15" s="122">
        <v>730014</v>
      </c>
      <c r="KS15" s="122">
        <v>1784270</v>
      </c>
      <c r="KT15" s="122">
        <v>262582</v>
      </c>
      <c r="KU15" s="122">
        <v>1028104</v>
      </c>
      <c r="KV15" s="123">
        <v>4518785</v>
      </c>
      <c r="KW15" s="357">
        <v>4518785</v>
      </c>
      <c r="KX15" s="159">
        <v>0</v>
      </c>
      <c r="KY15" s="122">
        <v>0</v>
      </c>
      <c r="KZ15" s="123">
        <v>0</v>
      </c>
      <c r="LA15" s="162"/>
      <c r="LB15" s="122">
        <v>161071</v>
      </c>
      <c r="LC15" s="122">
        <v>180483</v>
      </c>
      <c r="LD15" s="122">
        <v>401532</v>
      </c>
      <c r="LE15" s="122">
        <v>0</v>
      </c>
      <c r="LF15" s="122">
        <v>0</v>
      </c>
      <c r="LG15" s="123">
        <v>743086</v>
      </c>
      <c r="LH15" s="124">
        <v>743086</v>
      </c>
      <c r="LI15" s="159">
        <v>0</v>
      </c>
      <c r="LJ15" s="122">
        <v>0</v>
      </c>
      <c r="LK15" s="123">
        <v>0</v>
      </c>
      <c r="LL15" s="162"/>
      <c r="LM15" s="122">
        <v>0</v>
      </c>
      <c r="LN15" s="122">
        <v>0</v>
      </c>
      <c r="LO15" s="122">
        <v>0</v>
      </c>
      <c r="LP15" s="122">
        <v>0</v>
      </c>
      <c r="LQ15" s="122">
        <v>0</v>
      </c>
      <c r="LR15" s="123">
        <v>0</v>
      </c>
      <c r="LS15" s="357">
        <v>0</v>
      </c>
      <c r="LT15" s="159">
        <v>0</v>
      </c>
      <c r="LU15" s="122">
        <v>0</v>
      </c>
      <c r="LV15" s="123">
        <v>0</v>
      </c>
      <c r="LW15" s="162"/>
      <c r="LX15" s="122">
        <v>0</v>
      </c>
      <c r="LY15" s="122">
        <v>188647</v>
      </c>
      <c r="LZ15" s="122">
        <v>894512</v>
      </c>
      <c r="MA15" s="122">
        <v>0</v>
      </c>
      <c r="MB15" s="122">
        <v>0</v>
      </c>
      <c r="MC15" s="123">
        <v>1083159</v>
      </c>
      <c r="MD15" s="124">
        <v>1083159</v>
      </c>
      <c r="ME15" s="159">
        <v>0</v>
      </c>
      <c r="MF15" s="122">
        <v>0</v>
      </c>
      <c r="MG15" s="123">
        <v>0</v>
      </c>
      <c r="MH15" s="162"/>
      <c r="MI15" s="122">
        <v>566380</v>
      </c>
      <c r="MJ15" s="122">
        <v>654437</v>
      </c>
      <c r="MK15" s="122">
        <v>6148964</v>
      </c>
      <c r="ML15" s="122">
        <v>10397641</v>
      </c>
      <c r="MM15" s="122">
        <v>3085013</v>
      </c>
      <c r="MN15" s="123">
        <v>20852435</v>
      </c>
      <c r="MO15" s="160">
        <v>20852435</v>
      </c>
      <c r="MP15" s="159">
        <v>0</v>
      </c>
      <c r="MQ15" s="122">
        <v>0</v>
      </c>
      <c r="MR15" s="123">
        <v>0</v>
      </c>
      <c r="MS15" s="162"/>
      <c r="MT15" s="122">
        <v>0</v>
      </c>
      <c r="MU15" s="122">
        <v>0</v>
      </c>
      <c r="MV15" s="122">
        <v>3484192</v>
      </c>
      <c r="MW15" s="122">
        <v>7374920</v>
      </c>
      <c r="MX15" s="122">
        <v>2405821</v>
      </c>
      <c r="MY15" s="123">
        <v>13264933</v>
      </c>
      <c r="MZ15" s="160">
        <v>13264933</v>
      </c>
      <c r="NA15" s="159">
        <v>0</v>
      </c>
      <c r="NB15" s="122">
        <v>0</v>
      </c>
      <c r="NC15" s="123">
        <v>0</v>
      </c>
      <c r="ND15" s="162"/>
      <c r="NE15" s="122">
        <v>566380</v>
      </c>
      <c r="NF15" s="122">
        <v>654437</v>
      </c>
      <c r="NG15" s="122">
        <v>2342028</v>
      </c>
      <c r="NH15" s="122">
        <v>3022721</v>
      </c>
      <c r="NI15" s="122">
        <v>337248</v>
      </c>
      <c r="NJ15" s="123">
        <v>6922814</v>
      </c>
      <c r="NK15" s="357">
        <v>6922814</v>
      </c>
      <c r="NL15" s="159">
        <v>0</v>
      </c>
      <c r="NM15" s="122">
        <v>0</v>
      </c>
      <c r="NN15" s="123">
        <v>0</v>
      </c>
      <c r="NO15" s="162"/>
      <c r="NP15" s="122">
        <v>0</v>
      </c>
      <c r="NQ15" s="122">
        <v>0</v>
      </c>
      <c r="NR15" s="122">
        <v>0</v>
      </c>
      <c r="NS15" s="122">
        <v>0</v>
      </c>
      <c r="NT15" s="122">
        <v>0</v>
      </c>
      <c r="NU15" s="123">
        <v>0</v>
      </c>
      <c r="NV15" s="124">
        <v>0</v>
      </c>
      <c r="NW15" s="159">
        <v>0</v>
      </c>
      <c r="NX15" s="122">
        <v>0</v>
      </c>
      <c r="NY15" s="123">
        <v>0</v>
      </c>
      <c r="NZ15" s="162"/>
      <c r="OA15" s="122">
        <v>0</v>
      </c>
      <c r="OB15" s="122">
        <v>0</v>
      </c>
      <c r="OC15" s="122">
        <v>322744</v>
      </c>
      <c r="OD15" s="122">
        <v>0</v>
      </c>
      <c r="OE15" s="122">
        <v>341944</v>
      </c>
      <c r="OF15" s="123">
        <v>664688</v>
      </c>
      <c r="OG15" s="124">
        <v>664688</v>
      </c>
      <c r="OH15" s="159">
        <v>1210295</v>
      </c>
      <c r="OI15" s="122">
        <v>1005819</v>
      </c>
      <c r="OJ15" s="158">
        <v>2216114</v>
      </c>
      <c r="OK15" s="121">
        <v>0</v>
      </c>
      <c r="OL15" s="122">
        <v>14457431</v>
      </c>
      <c r="OM15" s="122">
        <v>14997471</v>
      </c>
      <c r="ON15" s="122">
        <v>21493124</v>
      </c>
      <c r="OO15" s="122">
        <v>23593469</v>
      </c>
      <c r="OP15" s="122">
        <v>12512579</v>
      </c>
      <c r="OQ15" s="123">
        <v>87054074</v>
      </c>
      <c r="OR15" s="160">
        <v>89270188</v>
      </c>
    </row>
    <row r="16" spans="1:408" ht="20.25" customHeight="1" x14ac:dyDescent="0.2">
      <c r="A16" s="129" t="s">
        <v>10</v>
      </c>
      <c r="B16" s="112">
        <v>1423283</v>
      </c>
      <c r="C16" s="116">
        <v>2281412</v>
      </c>
      <c r="D16" s="115">
        <v>3704695</v>
      </c>
      <c r="E16" s="190">
        <v>0</v>
      </c>
      <c r="F16" s="116">
        <v>19839932</v>
      </c>
      <c r="G16" s="116">
        <v>15906068</v>
      </c>
      <c r="H16" s="116">
        <v>16677243</v>
      </c>
      <c r="I16" s="116">
        <v>11178640</v>
      </c>
      <c r="J16" s="116">
        <v>11498732</v>
      </c>
      <c r="K16" s="111">
        <v>75100615</v>
      </c>
      <c r="L16" s="118">
        <v>78805310</v>
      </c>
      <c r="M16" s="112">
        <v>448933</v>
      </c>
      <c r="N16" s="116">
        <v>974609</v>
      </c>
      <c r="O16" s="115">
        <v>1423542</v>
      </c>
      <c r="P16" s="112">
        <v>0</v>
      </c>
      <c r="Q16" s="116">
        <v>6474952</v>
      </c>
      <c r="R16" s="116">
        <v>4923213</v>
      </c>
      <c r="S16" s="116">
        <v>6017091</v>
      </c>
      <c r="T16" s="116">
        <v>4986607</v>
      </c>
      <c r="U16" s="116">
        <v>5971573</v>
      </c>
      <c r="V16" s="115">
        <v>28373436</v>
      </c>
      <c r="W16" s="118">
        <v>29796978</v>
      </c>
      <c r="X16" s="112">
        <v>0</v>
      </c>
      <c r="Y16" s="116">
        <v>0</v>
      </c>
      <c r="Z16" s="115">
        <v>0</v>
      </c>
      <c r="AA16" s="112">
        <v>0</v>
      </c>
      <c r="AB16" s="116">
        <v>2723971</v>
      </c>
      <c r="AC16" s="116">
        <v>2211520</v>
      </c>
      <c r="AD16" s="116">
        <v>4046414</v>
      </c>
      <c r="AE16" s="116">
        <v>2501179</v>
      </c>
      <c r="AF16" s="116">
        <v>3120542</v>
      </c>
      <c r="AG16" s="115">
        <v>14603626</v>
      </c>
      <c r="AH16" s="118">
        <v>14603626</v>
      </c>
      <c r="AI16" s="112">
        <v>0</v>
      </c>
      <c r="AJ16" s="116">
        <v>0</v>
      </c>
      <c r="AK16" s="115">
        <v>0</v>
      </c>
      <c r="AL16" s="112">
        <v>0</v>
      </c>
      <c r="AM16" s="116">
        <v>0</v>
      </c>
      <c r="AN16" s="116">
        <v>0</v>
      </c>
      <c r="AO16" s="116">
        <v>222762</v>
      </c>
      <c r="AP16" s="116">
        <v>456061</v>
      </c>
      <c r="AQ16" s="116">
        <v>586511</v>
      </c>
      <c r="AR16" s="115">
        <v>1265334</v>
      </c>
      <c r="AS16" s="118">
        <v>1265334</v>
      </c>
      <c r="AT16" s="112">
        <v>297812</v>
      </c>
      <c r="AU16" s="116">
        <v>676579</v>
      </c>
      <c r="AV16" s="115">
        <v>974391</v>
      </c>
      <c r="AW16" s="112">
        <v>0</v>
      </c>
      <c r="AX16" s="116">
        <v>2314283</v>
      </c>
      <c r="AY16" s="116">
        <v>1658008</v>
      </c>
      <c r="AZ16" s="116">
        <v>948218</v>
      </c>
      <c r="BA16" s="116">
        <v>1236350</v>
      </c>
      <c r="BB16" s="116">
        <v>1045092</v>
      </c>
      <c r="BC16" s="115">
        <v>7201951</v>
      </c>
      <c r="BD16" s="118">
        <v>8176342</v>
      </c>
      <c r="BE16" s="112">
        <v>21353</v>
      </c>
      <c r="BF16" s="116">
        <v>82334</v>
      </c>
      <c r="BG16" s="114">
        <v>103687</v>
      </c>
      <c r="BH16" s="113">
        <v>0</v>
      </c>
      <c r="BI16" s="116">
        <v>354626</v>
      </c>
      <c r="BJ16" s="116">
        <v>73901</v>
      </c>
      <c r="BK16" s="116">
        <v>83801</v>
      </c>
      <c r="BL16" s="116">
        <v>64009</v>
      </c>
      <c r="BM16" s="116">
        <v>571540</v>
      </c>
      <c r="BN16" s="115">
        <v>1147877</v>
      </c>
      <c r="BO16" s="118">
        <v>1251564</v>
      </c>
      <c r="BP16" s="112">
        <v>129768</v>
      </c>
      <c r="BQ16" s="116">
        <v>215696</v>
      </c>
      <c r="BR16" s="115">
        <v>345464</v>
      </c>
      <c r="BS16" s="112">
        <v>0</v>
      </c>
      <c r="BT16" s="116">
        <v>1082072</v>
      </c>
      <c r="BU16" s="116">
        <v>979784</v>
      </c>
      <c r="BV16" s="116">
        <v>715896</v>
      </c>
      <c r="BW16" s="116">
        <v>729008</v>
      </c>
      <c r="BX16" s="116">
        <v>647888</v>
      </c>
      <c r="BY16" s="115">
        <v>4154648</v>
      </c>
      <c r="BZ16" s="118">
        <v>4500112</v>
      </c>
      <c r="CA16" s="112">
        <v>104851</v>
      </c>
      <c r="CB16" s="116">
        <v>115896</v>
      </c>
      <c r="CC16" s="115">
        <v>220747</v>
      </c>
      <c r="CD16" s="112">
        <v>0</v>
      </c>
      <c r="CE16" s="116">
        <v>6641545</v>
      </c>
      <c r="CF16" s="116">
        <v>4327810</v>
      </c>
      <c r="CG16" s="116">
        <v>3687970</v>
      </c>
      <c r="CH16" s="116">
        <v>1413562</v>
      </c>
      <c r="CI16" s="116">
        <v>995777</v>
      </c>
      <c r="CJ16" s="115">
        <v>17066664</v>
      </c>
      <c r="CK16" s="118">
        <v>17287411</v>
      </c>
      <c r="CL16" s="112">
        <v>0</v>
      </c>
      <c r="CM16" s="116">
        <v>0</v>
      </c>
      <c r="CN16" s="115">
        <v>0</v>
      </c>
      <c r="CO16" s="113">
        <v>0</v>
      </c>
      <c r="CP16" s="116">
        <v>5852624</v>
      </c>
      <c r="CQ16" s="116">
        <v>3719336</v>
      </c>
      <c r="CR16" s="116">
        <v>2883220</v>
      </c>
      <c r="CS16" s="116">
        <v>1128388</v>
      </c>
      <c r="CT16" s="116">
        <v>908707</v>
      </c>
      <c r="CU16" s="115">
        <v>14492275</v>
      </c>
      <c r="CV16" s="118">
        <v>14492275</v>
      </c>
      <c r="CW16" s="112">
        <v>104851</v>
      </c>
      <c r="CX16" s="116">
        <v>115896</v>
      </c>
      <c r="CY16" s="115">
        <v>220747</v>
      </c>
      <c r="CZ16" s="112">
        <v>0</v>
      </c>
      <c r="DA16" s="116">
        <v>788921</v>
      </c>
      <c r="DB16" s="116">
        <v>608474</v>
      </c>
      <c r="DC16" s="116">
        <v>804750</v>
      </c>
      <c r="DD16" s="116">
        <v>285174</v>
      </c>
      <c r="DE16" s="116">
        <v>87070</v>
      </c>
      <c r="DF16" s="115">
        <v>2574389</v>
      </c>
      <c r="DG16" s="118">
        <v>2795136</v>
      </c>
      <c r="DH16" s="112">
        <v>0</v>
      </c>
      <c r="DI16" s="116">
        <v>63941</v>
      </c>
      <c r="DJ16" s="114">
        <v>63941</v>
      </c>
      <c r="DK16" s="113">
        <v>0</v>
      </c>
      <c r="DL16" s="116">
        <v>541600</v>
      </c>
      <c r="DM16" s="116">
        <v>1084219</v>
      </c>
      <c r="DN16" s="116">
        <v>2977673</v>
      </c>
      <c r="DO16" s="116">
        <v>1315917</v>
      </c>
      <c r="DP16" s="116">
        <v>748105</v>
      </c>
      <c r="DQ16" s="115">
        <v>6667514</v>
      </c>
      <c r="DR16" s="118">
        <v>6731455</v>
      </c>
      <c r="DS16" s="112">
        <v>0</v>
      </c>
      <c r="DT16" s="116">
        <v>63941</v>
      </c>
      <c r="DU16" s="115">
        <v>63941</v>
      </c>
      <c r="DV16" s="112">
        <v>0</v>
      </c>
      <c r="DW16" s="116">
        <v>506507</v>
      </c>
      <c r="DX16" s="116">
        <v>971136</v>
      </c>
      <c r="DY16" s="116">
        <v>2711866</v>
      </c>
      <c r="DZ16" s="116">
        <v>1315917</v>
      </c>
      <c r="EA16" s="116">
        <v>748105</v>
      </c>
      <c r="EB16" s="115">
        <v>6253531</v>
      </c>
      <c r="EC16" s="118">
        <v>6317472</v>
      </c>
      <c r="ED16" s="112">
        <v>0</v>
      </c>
      <c r="EE16" s="114">
        <v>0</v>
      </c>
      <c r="EF16" s="115">
        <v>0</v>
      </c>
      <c r="EG16" s="112">
        <v>0</v>
      </c>
      <c r="EH16" s="116">
        <v>35093</v>
      </c>
      <c r="EI16" s="116">
        <v>113083</v>
      </c>
      <c r="EJ16" s="116">
        <v>265807</v>
      </c>
      <c r="EK16" s="116">
        <v>0</v>
      </c>
      <c r="EL16" s="116">
        <v>0</v>
      </c>
      <c r="EM16" s="114">
        <v>413983</v>
      </c>
      <c r="EN16" s="118">
        <v>413983</v>
      </c>
      <c r="EO16" s="112">
        <v>0</v>
      </c>
      <c r="EP16" s="116">
        <v>0</v>
      </c>
      <c r="EQ16" s="114">
        <v>0</v>
      </c>
      <c r="ER16" s="113">
        <v>0</v>
      </c>
      <c r="ES16" s="116">
        <v>0</v>
      </c>
      <c r="ET16" s="116">
        <v>0</v>
      </c>
      <c r="EU16" s="116">
        <v>0</v>
      </c>
      <c r="EV16" s="116">
        <v>0</v>
      </c>
      <c r="EW16" s="116">
        <v>0</v>
      </c>
      <c r="EX16" s="115">
        <v>0</v>
      </c>
      <c r="EY16" s="118">
        <v>0</v>
      </c>
      <c r="EZ16" s="112">
        <v>0</v>
      </c>
      <c r="FA16" s="116">
        <v>0</v>
      </c>
      <c r="FB16" s="114">
        <v>0</v>
      </c>
      <c r="FC16" s="390"/>
      <c r="FD16" s="116">
        <v>0</v>
      </c>
      <c r="FE16" s="116">
        <v>0</v>
      </c>
      <c r="FF16" s="116">
        <v>0</v>
      </c>
      <c r="FG16" s="116">
        <v>0</v>
      </c>
      <c r="FH16" s="116">
        <v>0</v>
      </c>
      <c r="FI16" s="115">
        <v>0</v>
      </c>
      <c r="FJ16" s="118">
        <v>0</v>
      </c>
      <c r="FK16" s="112">
        <v>463160</v>
      </c>
      <c r="FL16" s="116">
        <v>496433</v>
      </c>
      <c r="FM16" s="115">
        <v>959593</v>
      </c>
      <c r="FN16" s="112">
        <v>0</v>
      </c>
      <c r="FO16" s="116">
        <v>1190576</v>
      </c>
      <c r="FP16" s="116">
        <v>1672734</v>
      </c>
      <c r="FQ16" s="116">
        <v>1211232</v>
      </c>
      <c r="FR16" s="116">
        <v>805936</v>
      </c>
      <c r="FS16" s="116">
        <v>668776</v>
      </c>
      <c r="FT16" s="115">
        <v>5549254</v>
      </c>
      <c r="FU16" s="118">
        <v>6508847</v>
      </c>
      <c r="FV16" s="117">
        <v>247680</v>
      </c>
      <c r="FW16" s="116">
        <v>388176</v>
      </c>
      <c r="FX16" s="114">
        <v>635856</v>
      </c>
      <c r="FY16" s="113">
        <v>0</v>
      </c>
      <c r="FZ16" s="116">
        <v>938528</v>
      </c>
      <c r="GA16" s="116">
        <v>1478526</v>
      </c>
      <c r="GB16" s="116">
        <v>1169632</v>
      </c>
      <c r="GC16" s="116">
        <v>805936</v>
      </c>
      <c r="GD16" s="116">
        <v>668776</v>
      </c>
      <c r="GE16" s="115">
        <v>5061398</v>
      </c>
      <c r="GF16" s="354">
        <v>5697254</v>
      </c>
      <c r="GG16" s="117">
        <v>115480</v>
      </c>
      <c r="GH16" s="116">
        <v>14080</v>
      </c>
      <c r="GI16" s="114">
        <v>129560</v>
      </c>
      <c r="GJ16" s="113">
        <v>0</v>
      </c>
      <c r="GK16" s="116">
        <v>144048</v>
      </c>
      <c r="GL16" s="116">
        <v>50208</v>
      </c>
      <c r="GM16" s="116">
        <v>0</v>
      </c>
      <c r="GN16" s="116">
        <v>0</v>
      </c>
      <c r="GO16" s="116">
        <v>0</v>
      </c>
      <c r="GP16" s="115">
        <v>194256</v>
      </c>
      <c r="GQ16" s="118">
        <v>323816</v>
      </c>
      <c r="GR16" s="112">
        <v>100000</v>
      </c>
      <c r="GS16" s="116">
        <v>94177</v>
      </c>
      <c r="GT16" s="115">
        <v>194177</v>
      </c>
      <c r="GU16" s="112">
        <v>0</v>
      </c>
      <c r="GV16" s="116">
        <v>108000</v>
      </c>
      <c r="GW16" s="116">
        <v>144000</v>
      </c>
      <c r="GX16" s="116">
        <v>41600</v>
      </c>
      <c r="GY16" s="116">
        <v>0</v>
      </c>
      <c r="GZ16" s="116">
        <v>0</v>
      </c>
      <c r="HA16" s="114">
        <v>293600</v>
      </c>
      <c r="HB16" s="118">
        <v>487777</v>
      </c>
      <c r="HC16" s="112">
        <v>406339</v>
      </c>
      <c r="HD16" s="116">
        <v>630533</v>
      </c>
      <c r="HE16" s="114">
        <v>1036872</v>
      </c>
      <c r="HF16" s="113">
        <v>0</v>
      </c>
      <c r="HG16" s="116">
        <v>4991259</v>
      </c>
      <c r="HH16" s="116">
        <v>3898092</v>
      </c>
      <c r="HI16" s="116">
        <v>2783277</v>
      </c>
      <c r="HJ16" s="116">
        <v>2656618</v>
      </c>
      <c r="HK16" s="116">
        <v>3114501</v>
      </c>
      <c r="HL16" s="115">
        <v>17443747</v>
      </c>
      <c r="HM16" s="111">
        <v>18480619</v>
      </c>
      <c r="HN16" s="370"/>
      <c r="HO16" s="371"/>
      <c r="HP16" s="372"/>
      <c r="HQ16" s="373"/>
      <c r="HR16" s="371"/>
      <c r="HS16" s="371"/>
      <c r="HT16" s="371"/>
      <c r="HU16" s="371"/>
      <c r="HV16" s="371"/>
      <c r="HW16" s="374"/>
      <c r="HX16" s="375"/>
      <c r="HY16" s="167">
        <v>0</v>
      </c>
      <c r="HZ16" s="152">
        <v>0</v>
      </c>
      <c r="IA16" s="167">
        <v>0</v>
      </c>
      <c r="IB16" s="151">
        <v>0</v>
      </c>
      <c r="IC16" s="152">
        <v>4362778</v>
      </c>
      <c r="ID16" s="153">
        <v>5330750</v>
      </c>
      <c r="IE16" s="154">
        <v>5973342</v>
      </c>
      <c r="IF16" s="152">
        <v>5553110</v>
      </c>
      <c r="IG16" s="154">
        <v>3587533</v>
      </c>
      <c r="IH16" s="155">
        <v>24807513</v>
      </c>
      <c r="II16" s="167">
        <v>24807513</v>
      </c>
      <c r="IJ16" s="261">
        <v>0</v>
      </c>
      <c r="IK16" s="268">
        <v>0</v>
      </c>
      <c r="IL16" s="269">
        <v>0</v>
      </c>
      <c r="IM16" s="157"/>
      <c r="IN16" s="122">
        <v>265438</v>
      </c>
      <c r="IO16" s="122">
        <v>101245</v>
      </c>
      <c r="IP16" s="122">
        <v>0</v>
      </c>
      <c r="IQ16" s="122">
        <v>0</v>
      </c>
      <c r="IR16" s="122">
        <v>0</v>
      </c>
      <c r="IS16" s="158">
        <v>366683</v>
      </c>
      <c r="IT16" s="357">
        <v>366683</v>
      </c>
      <c r="IU16" s="159">
        <v>0</v>
      </c>
      <c r="IV16" s="122">
        <v>0</v>
      </c>
      <c r="IW16" s="123">
        <v>0</v>
      </c>
      <c r="IX16" s="161"/>
      <c r="IY16" s="122">
        <v>10475</v>
      </c>
      <c r="IZ16" s="122">
        <v>16719</v>
      </c>
      <c r="JA16" s="122">
        <v>20950</v>
      </c>
      <c r="JB16" s="122">
        <v>0</v>
      </c>
      <c r="JC16" s="122">
        <v>0</v>
      </c>
      <c r="JD16" s="123">
        <v>48144</v>
      </c>
      <c r="JE16" s="124">
        <v>48144</v>
      </c>
      <c r="JF16" s="159">
        <v>0</v>
      </c>
      <c r="JG16" s="122">
        <v>0</v>
      </c>
      <c r="JH16" s="158">
        <v>0</v>
      </c>
      <c r="JI16" s="121">
        <v>0</v>
      </c>
      <c r="JJ16" s="122">
        <v>1697561</v>
      </c>
      <c r="JK16" s="122">
        <v>1125221</v>
      </c>
      <c r="JL16" s="122">
        <v>759167</v>
      </c>
      <c r="JM16" s="122">
        <v>93796</v>
      </c>
      <c r="JN16" s="122">
        <v>135655</v>
      </c>
      <c r="JO16" s="123">
        <v>3811400</v>
      </c>
      <c r="JP16" s="357">
        <v>3811400</v>
      </c>
      <c r="JQ16" s="159">
        <v>0</v>
      </c>
      <c r="JR16" s="122">
        <v>0</v>
      </c>
      <c r="JS16" s="158">
        <v>0</v>
      </c>
      <c r="JT16" s="121">
        <v>0</v>
      </c>
      <c r="JU16" s="122">
        <v>122572</v>
      </c>
      <c r="JV16" s="122">
        <v>193465</v>
      </c>
      <c r="JW16" s="122">
        <v>55943</v>
      </c>
      <c r="JX16" s="122">
        <v>52233</v>
      </c>
      <c r="JY16" s="122">
        <v>0</v>
      </c>
      <c r="JZ16" s="123">
        <v>424213</v>
      </c>
      <c r="KA16" s="357">
        <v>424213</v>
      </c>
      <c r="KB16" s="264">
        <v>0</v>
      </c>
      <c r="KC16" s="258">
        <v>0</v>
      </c>
      <c r="KD16" s="123">
        <v>0</v>
      </c>
      <c r="KE16" s="121">
        <v>0</v>
      </c>
      <c r="KF16" s="122">
        <v>456321</v>
      </c>
      <c r="KG16" s="122">
        <v>343404</v>
      </c>
      <c r="KH16" s="122">
        <v>2189495</v>
      </c>
      <c r="KI16" s="122">
        <v>1751834</v>
      </c>
      <c r="KJ16" s="122">
        <v>532248</v>
      </c>
      <c r="KK16" s="123">
        <v>5273302</v>
      </c>
      <c r="KL16" s="160">
        <v>5273302</v>
      </c>
      <c r="KM16" s="261">
        <v>0</v>
      </c>
      <c r="KN16" s="268">
        <v>0</v>
      </c>
      <c r="KO16" s="269">
        <v>0</v>
      </c>
      <c r="KP16" s="157"/>
      <c r="KQ16" s="122">
        <v>1641148</v>
      </c>
      <c r="KR16" s="122">
        <v>2654856</v>
      </c>
      <c r="KS16" s="122">
        <v>1290656</v>
      </c>
      <c r="KT16" s="122">
        <v>2199977</v>
      </c>
      <c r="KU16" s="122">
        <v>1058593</v>
      </c>
      <c r="KV16" s="123">
        <v>8845230</v>
      </c>
      <c r="KW16" s="357">
        <v>8845230</v>
      </c>
      <c r="KX16" s="159">
        <v>0</v>
      </c>
      <c r="KY16" s="122">
        <v>0</v>
      </c>
      <c r="KZ16" s="123">
        <v>0</v>
      </c>
      <c r="LA16" s="162"/>
      <c r="LB16" s="122">
        <v>0</v>
      </c>
      <c r="LC16" s="122">
        <v>701479</v>
      </c>
      <c r="LD16" s="122">
        <v>865203</v>
      </c>
      <c r="LE16" s="122">
        <v>427628</v>
      </c>
      <c r="LF16" s="122">
        <v>706219</v>
      </c>
      <c r="LG16" s="123">
        <v>2700529</v>
      </c>
      <c r="LH16" s="124">
        <v>2700529</v>
      </c>
      <c r="LI16" s="159">
        <v>0</v>
      </c>
      <c r="LJ16" s="122">
        <v>0</v>
      </c>
      <c r="LK16" s="123">
        <v>0</v>
      </c>
      <c r="LL16" s="162"/>
      <c r="LM16" s="122">
        <v>0</v>
      </c>
      <c r="LN16" s="122">
        <v>0</v>
      </c>
      <c r="LO16" s="122">
        <v>230556</v>
      </c>
      <c r="LP16" s="122">
        <v>497689</v>
      </c>
      <c r="LQ16" s="122">
        <v>811797</v>
      </c>
      <c r="LR16" s="123">
        <v>1540042</v>
      </c>
      <c r="LS16" s="357">
        <v>1540042</v>
      </c>
      <c r="LT16" s="159">
        <v>0</v>
      </c>
      <c r="LU16" s="122">
        <v>0</v>
      </c>
      <c r="LV16" s="123">
        <v>0</v>
      </c>
      <c r="LW16" s="162"/>
      <c r="LX16" s="122">
        <v>169263</v>
      </c>
      <c r="LY16" s="122">
        <v>194361</v>
      </c>
      <c r="LZ16" s="122">
        <v>561372</v>
      </c>
      <c r="MA16" s="122">
        <v>529953</v>
      </c>
      <c r="MB16" s="122">
        <v>343021</v>
      </c>
      <c r="MC16" s="123">
        <v>1797970</v>
      </c>
      <c r="MD16" s="124">
        <v>1797970</v>
      </c>
      <c r="ME16" s="159">
        <v>0</v>
      </c>
      <c r="MF16" s="122">
        <v>0</v>
      </c>
      <c r="MG16" s="123">
        <v>0</v>
      </c>
      <c r="MH16" s="162"/>
      <c r="MI16" s="122">
        <v>1525490</v>
      </c>
      <c r="MJ16" s="122">
        <v>1363830</v>
      </c>
      <c r="MK16" s="122">
        <v>7575419</v>
      </c>
      <c r="ML16" s="122">
        <v>11552603</v>
      </c>
      <c r="MM16" s="122">
        <v>6279294</v>
      </c>
      <c r="MN16" s="123">
        <v>28296636</v>
      </c>
      <c r="MO16" s="160">
        <v>28296636</v>
      </c>
      <c r="MP16" s="159">
        <v>0</v>
      </c>
      <c r="MQ16" s="122">
        <v>0</v>
      </c>
      <c r="MR16" s="123">
        <v>0</v>
      </c>
      <c r="MS16" s="162"/>
      <c r="MT16" s="122">
        <v>211693</v>
      </c>
      <c r="MU16" s="122">
        <v>0</v>
      </c>
      <c r="MV16" s="122">
        <v>4534721</v>
      </c>
      <c r="MW16" s="122">
        <v>8091397</v>
      </c>
      <c r="MX16" s="122">
        <v>3841477</v>
      </c>
      <c r="MY16" s="123">
        <v>16679288</v>
      </c>
      <c r="MZ16" s="160">
        <v>16679288</v>
      </c>
      <c r="NA16" s="159">
        <v>0</v>
      </c>
      <c r="NB16" s="122">
        <v>0</v>
      </c>
      <c r="NC16" s="123">
        <v>0</v>
      </c>
      <c r="ND16" s="162"/>
      <c r="NE16" s="122">
        <v>1313797</v>
      </c>
      <c r="NF16" s="122">
        <v>1363830</v>
      </c>
      <c r="NG16" s="122">
        <v>3040698</v>
      </c>
      <c r="NH16" s="122">
        <v>3104083</v>
      </c>
      <c r="NI16" s="122">
        <v>2367779</v>
      </c>
      <c r="NJ16" s="123">
        <v>11190187</v>
      </c>
      <c r="NK16" s="357">
        <v>11190187</v>
      </c>
      <c r="NL16" s="159">
        <v>0</v>
      </c>
      <c r="NM16" s="122">
        <v>0</v>
      </c>
      <c r="NN16" s="123">
        <v>0</v>
      </c>
      <c r="NO16" s="162"/>
      <c r="NP16" s="122">
        <v>0</v>
      </c>
      <c r="NQ16" s="122">
        <v>0</v>
      </c>
      <c r="NR16" s="122">
        <v>0</v>
      </c>
      <c r="NS16" s="122">
        <v>0</v>
      </c>
      <c r="NT16" s="122">
        <v>0</v>
      </c>
      <c r="NU16" s="123">
        <v>0</v>
      </c>
      <c r="NV16" s="124">
        <v>0</v>
      </c>
      <c r="NW16" s="159">
        <v>0</v>
      </c>
      <c r="NX16" s="122">
        <v>0</v>
      </c>
      <c r="NY16" s="123">
        <v>0</v>
      </c>
      <c r="NZ16" s="162"/>
      <c r="OA16" s="122">
        <v>0</v>
      </c>
      <c r="OB16" s="122">
        <v>0</v>
      </c>
      <c r="OC16" s="122">
        <v>0</v>
      </c>
      <c r="OD16" s="122">
        <v>357123</v>
      </c>
      <c r="OE16" s="122">
        <v>70038</v>
      </c>
      <c r="OF16" s="123">
        <v>427161</v>
      </c>
      <c r="OG16" s="124">
        <v>427161</v>
      </c>
      <c r="OH16" s="159">
        <v>1423283</v>
      </c>
      <c r="OI16" s="122">
        <v>2281412</v>
      </c>
      <c r="OJ16" s="158">
        <v>3704695</v>
      </c>
      <c r="OK16" s="121">
        <v>0</v>
      </c>
      <c r="OL16" s="122">
        <v>25728200</v>
      </c>
      <c r="OM16" s="122">
        <v>22600648</v>
      </c>
      <c r="ON16" s="122">
        <v>30226004</v>
      </c>
      <c r="OO16" s="122">
        <v>28284353</v>
      </c>
      <c r="OP16" s="122">
        <v>21365559</v>
      </c>
      <c r="OQ16" s="123">
        <v>128204764</v>
      </c>
      <c r="OR16" s="160">
        <v>131909459</v>
      </c>
    </row>
    <row r="17" spans="1:408" ht="20.25" customHeight="1" x14ac:dyDescent="0.2">
      <c r="A17" s="129" t="s">
        <v>11</v>
      </c>
      <c r="B17" s="112">
        <v>425050</v>
      </c>
      <c r="C17" s="116">
        <v>695114</v>
      </c>
      <c r="D17" s="188">
        <v>1120164</v>
      </c>
      <c r="E17" s="113">
        <v>0</v>
      </c>
      <c r="F17" s="116">
        <v>8540658</v>
      </c>
      <c r="G17" s="116">
        <v>7067230</v>
      </c>
      <c r="H17" s="116">
        <v>7037495</v>
      </c>
      <c r="I17" s="116">
        <v>8006386</v>
      </c>
      <c r="J17" s="116">
        <v>4052485</v>
      </c>
      <c r="K17" s="111">
        <v>34704254</v>
      </c>
      <c r="L17" s="118">
        <v>35824418</v>
      </c>
      <c r="M17" s="112">
        <v>74997</v>
      </c>
      <c r="N17" s="116">
        <v>136931</v>
      </c>
      <c r="O17" s="115">
        <v>211928</v>
      </c>
      <c r="P17" s="112">
        <v>0</v>
      </c>
      <c r="Q17" s="116">
        <v>2000276</v>
      </c>
      <c r="R17" s="116">
        <v>1106472</v>
      </c>
      <c r="S17" s="116">
        <v>2498090</v>
      </c>
      <c r="T17" s="116">
        <v>2336195</v>
      </c>
      <c r="U17" s="116">
        <v>2431506</v>
      </c>
      <c r="V17" s="115">
        <v>10372539</v>
      </c>
      <c r="W17" s="118">
        <v>10584467</v>
      </c>
      <c r="X17" s="112">
        <v>0</v>
      </c>
      <c r="Y17" s="116">
        <v>0</v>
      </c>
      <c r="Z17" s="115">
        <v>0</v>
      </c>
      <c r="AA17" s="112">
        <v>0</v>
      </c>
      <c r="AB17" s="116">
        <v>761801</v>
      </c>
      <c r="AC17" s="116">
        <v>215985</v>
      </c>
      <c r="AD17" s="116">
        <v>1227887</v>
      </c>
      <c r="AE17" s="116">
        <v>992706</v>
      </c>
      <c r="AF17" s="116">
        <v>1574597</v>
      </c>
      <c r="AG17" s="115">
        <v>4772976</v>
      </c>
      <c r="AH17" s="118">
        <v>4772976</v>
      </c>
      <c r="AI17" s="112">
        <v>0</v>
      </c>
      <c r="AJ17" s="116">
        <v>0</v>
      </c>
      <c r="AK17" s="115">
        <v>0</v>
      </c>
      <c r="AL17" s="112">
        <v>0</v>
      </c>
      <c r="AM17" s="116">
        <v>0</v>
      </c>
      <c r="AN17" s="116">
        <v>0</v>
      </c>
      <c r="AO17" s="116">
        <v>226102</v>
      </c>
      <c r="AP17" s="116">
        <v>375540</v>
      </c>
      <c r="AQ17" s="116">
        <v>230877</v>
      </c>
      <c r="AR17" s="115">
        <v>832519</v>
      </c>
      <c r="AS17" s="118">
        <v>832519</v>
      </c>
      <c r="AT17" s="112">
        <v>50381</v>
      </c>
      <c r="AU17" s="116">
        <v>81411</v>
      </c>
      <c r="AV17" s="115">
        <v>131792</v>
      </c>
      <c r="AW17" s="112">
        <v>0</v>
      </c>
      <c r="AX17" s="116">
        <v>850897</v>
      </c>
      <c r="AY17" s="116">
        <v>632255</v>
      </c>
      <c r="AZ17" s="116">
        <v>588642</v>
      </c>
      <c r="BA17" s="116">
        <v>476606</v>
      </c>
      <c r="BB17" s="116">
        <v>470434</v>
      </c>
      <c r="BC17" s="115">
        <v>3018834</v>
      </c>
      <c r="BD17" s="118">
        <v>3150626</v>
      </c>
      <c r="BE17" s="112">
        <v>0</v>
      </c>
      <c r="BF17" s="116">
        <v>15024</v>
      </c>
      <c r="BG17" s="114">
        <v>15024</v>
      </c>
      <c r="BH17" s="113">
        <v>0</v>
      </c>
      <c r="BI17" s="116">
        <v>64346</v>
      </c>
      <c r="BJ17" s="116">
        <v>0</v>
      </c>
      <c r="BK17" s="116">
        <v>85737</v>
      </c>
      <c r="BL17" s="116">
        <v>205015</v>
      </c>
      <c r="BM17" s="116">
        <v>0</v>
      </c>
      <c r="BN17" s="115">
        <v>355098</v>
      </c>
      <c r="BO17" s="118">
        <v>370122</v>
      </c>
      <c r="BP17" s="112">
        <v>24616</v>
      </c>
      <c r="BQ17" s="116">
        <v>40496</v>
      </c>
      <c r="BR17" s="115">
        <v>65112</v>
      </c>
      <c r="BS17" s="112">
        <v>0</v>
      </c>
      <c r="BT17" s="116">
        <v>323232</v>
      </c>
      <c r="BU17" s="116">
        <v>258232</v>
      </c>
      <c r="BV17" s="116">
        <v>369722</v>
      </c>
      <c r="BW17" s="116">
        <v>286328</v>
      </c>
      <c r="BX17" s="116">
        <v>155598</v>
      </c>
      <c r="BY17" s="115">
        <v>1393112</v>
      </c>
      <c r="BZ17" s="118">
        <v>1458224</v>
      </c>
      <c r="CA17" s="112">
        <v>61744</v>
      </c>
      <c r="CB17" s="116">
        <v>95617</v>
      </c>
      <c r="CC17" s="115">
        <v>157361</v>
      </c>
      <c r="CD17" s="112">
        <v>0</v>
      </c>
      <c r="CE17" s="116">
        <v>2634232</v>
      </c>
      <c r="CF17" s="116">
        <v>1697189</v>
      </c>
      <c r="CG17" s="116">
        <v>1471656</v>
      </c>
      <c r="CH17" s="116">
        <v>1876862</v>
      </c>
      <c r="CI17" s="116">
        <v>248814</v>
      </c>
      <c r="CJ17" s="115">
        <v>7928753</v>
      </c>
      <c r="CK17" s="118">
        <v>8086114</v>
      </c>
      <c r="CL17" s="112">
        <v>0</v>
      </c>
      <c r="CM17" s="116">
        <v>0</v>
      </c>
      <c r="CN17" s="115">
        <v>0</v>
      </c>
      <c r="CO17" s="113">
        <v>0</v>
      </c>
      <c r="CP17" s="116">
        <v>1718224</v>
      </c>
      <c r="CQ17" s="116">
        <v>1234426</v>
      </c>
      <c r="CR17" s="116">
        <v>1006271</v>
      </c>
      <c r="CS17" s="116">
        <v>1208596</v>
      </c>
      <c r="CT17" s="116">
        <v>164322</v>
      </c>
      <c r="CU17" s="115">
        <v>5331839</v>
      </c>
      <c r="CV17" s="118">
        <v>5331839</v>
      </c>
      <c r="CW17" s="112">
        <v>61744</v>
      </c>
      <c r="CX17" s="116">
        <v>95617</v>
      </c>
      <c r="CY17" s="115">
        <v>157361</v>
      </c>
      <c r="CZ17" s="112">
        <v>0</v>
      </c>
      <c r="DA17" s="116">
        <v>916008</v>
      </c>
      <c r="DB17" s="116">
        <v>462763</v>
      </c>
      <c r="DC17" s="116">
        <v>465385</v>
      </c>
      <c r="DD17" s="116">
        <v>668266</v>
      </c>
      <c r="DE17" s="116">
        <v>84492</v>
      </c>
      <c r="DF17" s="115">
        <v>2596914</v>
      </c>
      <c r="DG17" s="118">
        <v>2754275</v>
      </c>
      <c r="DH17" s="112">
        <v>8920</v>
      </c>
      <c r="DI17" s="116">
        <v>0</v>
      </c>
      <c r="DJ17" s="114">
        <v>8920</v>
      </c>
      <c r="DK17" s="113">
        <v>0</v>
      </c>
      <c r="DL17" s="116">
        <v>279603</v>
      </c>
      <c r="DM17" s="116">
        <v>345086</v>
      </c>
      <c r="DN17" s="116">
        <v>450033</v>
      </c>
      <c r="DO17" s="116">
        <v>770129</v>
      </c>
      <c r="DP17" s="116">
        <v>0</v>
      </c>
      <c r="DQ17" s="115">
        <v>1844851</v>
      </c>
      <c r="DR17" s="118">
        <v>1853771</v>
      </c>
      <c r="DS17" s="112">
        <v>8920</v>
      </c>
      <c r="DT17" s="116">
        <v>0</v>
      </c>
      <c r="DU17" s="115">
        <v>8920</v>
      </c>
      <c r="DV17" s="112">
        <v>0</v>
      </c>
      <c r="DW17" s="116">
        <v>279603</v>
      </c>
      <c r="DX17" s="116">
        <v>270791</v>
      </c>
      <c r="DY17" s="116">
        <v>450033</v>
      </c>
      <c r="DZ17" s="116">
        <v>547395</v>
      </c>
      <c r="EA17" s="116">
        <v>0</v>
      </c>
      <c r="EB17" s="115">
        <v>1547822</v>
      </c>
      <c r="EC17" s="118">
        <v>1556742</v>
      </c>
      <c r="ED17" s="112">
        <v>0</v>
      </c>
      <c r="EE17" s="114">
        <v>0</v>
      </c>
      <c r="EF17" s="115">
        <v>0</v>
      </c>
      <c r="EG17" s="112">
        <v>0</v>
      </c>
      <c r="EH17" s="116">
        <v>0</v>
      </c>
      <c r="EI17" s="116">
        <v>74295</v>
      </c>
      <c r="EJ17" s="116">
        <v>0</v>
      </c>
      <c r="EK17" s="116">
        <v>222734</v>
      </c>
      <c r="EL17" s="116">
        <v>0</v>
      </c>
      <c r="EM17" s="114">
        <v>297029</v>
      </c>
      <c r="EN17" s="118">
        <v>297029</v>
      </c>
      <c r="EO17" s="112">
        <v>0</v>
      </c>
      <c r="EP17" s="116">
        <v>0</v>
      </c>
      <c r="EQ17" s="114">
        <v>0</v>
      </c>
      <c r="ER17" s="113">
        <v>0</v>
      </c>
      <c r="ES17" s="116">
        <v>0</v>
      </c>
      <c r="ET17" s="116">
        <v>0</v>
      </c>
      <c r="EU17" s="116">
        <v>0</v>
      </c>
      <c r="EV17" s="116">
        <v>0</v>
      </c>
      <c r="EW17" s="116">
        <v>0</v>
      </c>
      <c r="EX17" s="115">
        <v>0</v>
      </c>
      <c r="EY17" s="118">
        <v>0</v>
      </c>
      <c r="EZ17" s="112">
        <v>0</v>
      </c>
      <c r="FA17" s="116">
        <v>0</v>
      </c>
      <c r="FB17" s="114">
        <v>0</v>
      </c>
      <c r="FC17" s="390"/>
      <c r="FD17" s="116">
        <v>0</v>
      </c>
      <c r="FE17" s="116">
        <v>0</v>
      </c>
      <c r="FF17" s="116">
        <v>0</v>
      </c>
      <c r="FG17" s="116">
        <v>0</v>
      </c>
      <c r="FH17" s="116">
        <v>0</v>
      </c>
      <c r="FI17" s="115">
        <v>0</v>
      </c>
      <c r="FJ17" s="118">
        <v>0</v>
      </c>
      <c r="FK17" s="112">
        <v>90480</v>
      </c>
      <c r="FL17" s="116">
        <v>167368</v>
      </c>
      <c r="FM17" s="115">
        <v>257848</v>
      </c>
      <c r="FN17" s="112">
        <v>0</v>
      </c>
      <c r="FO17" s="116">
        <v>369264</v>
      </c>
      <c r="FP17" s="116">
        <v>440840</v>
      </c>
      <c r="FQ17" s="116">
        <v>582120</v>
      </c>
      <c r="FR17" s="116">
        <v>601952</v>
      </c>
      <c r="FS17" s="116">
        <v>199638</v>
      </c>
      <c r="FT17" s="115">
        <v>2193814</v>
      </c>
      <c r="FU17" s="118">
        <v>2451662</v>
      </c>
      <c r="FV17" s="117">
        <v>90480</v>
      </c>
      <c r="FW17" s="116">
        <v>167368</v>
      </c>
      <c r="FX17" s="114">
        <v>257848</v>
      </c>
      <c r="FY17" s="113">
        <v>0</v>
      </c>
      <c r="FZ17" s="116">
        <v>369264</v>
      </c>
      <c r="GA17" s="116">
        <v>440840</v>
      </c>
      <c r="GB17" s="116">
        <v>582120</v>
      </c>
      <c r="GC17" s="116">
        <v>601952</v>
      </c>
      <c r="GD17" s="116">
        <v>199638</v>
      </c>
      <c r="GE17" s="115">
        <v>2193814</v>
      </c>
      <c r="GF17" s="354">
        <v>2451662</v>
      </c>
      <c r="GG17" s="117">
        <v>0</v>
      </c>
      <c r="GH17" s="116">
        <v>0</v>
      </c>
      <c r="GI17" s="114">
        <v>0</v>
      </c>
      <c r="GJ17" s="113">
        <v>0</v>
      </c>
      <c r="GK17" s="116">
        <v>0</v>
      </c>
      <c r="GL17" s="116">
        <v>0</v>
      </c>
      <c r="GM17" s="116">
        <v>0</v>
      </c>
      <c r="GN17" s="116">
        <v>0</v>
      </c>
      <c r="GO17" s="116">
        <v>0</v>
      </c>
      <c r="GP17" s="115">
        <v>0</v>
      </c>
      <c r="GQ17" s="118">
        <v>0</v>
      </c>
      <c r="GR17" s="112">
        <v>0</v>
      </c>
      <c r="GS17" s="116">
        <v>0</v>
      </c>
      <c r="GT17" s="115">
        <v>0</v>
      </c>
      <c r="GU17" s="112">
        <v>0</v>
      </c>
      <c r="GV17" s="116">
        <v>0</v>
      </c>
      <c r="GW17" s="116">
        <v>0</v>
      </c>
      <c r="GX17" s="116">
        <v>0</v>
      </c>
      <c r="GY17" s="116">
        <v>0</v>
      </c>
      <c r="GZ17" s="116">
        <v>0</v>
      </c>
      <c r="HA17" s="114">
        <v>0</v>
      </c>
      <c r="HB17" s="118">
        <v>0</v>
      </c>
      <c r="HC17" s="112">
        <v>188909</v>
      </c>
      <c r="HD17" s="116">
        <v>295198</v>
      </c>
      <c r="HE17" s="114">
        <v>484107</v>
      </c>
      <c r="HF17" s="113">
        <v>0</v>
      </c>
      <c r="HG17" s="116">
        <v>3257283</v>
      </c>
      <c r="HH17" s="116">
        <v>3477643</v>
      </c>
      <c r="HI17" s="116">
        <v>2035596</v>
      </c>
      <c r="HJ17" s="116">
        <v>2421248</v>
      </c>
      <c r="HK17" s="116">
        <v>1172527</v>
      </c>
      <c r="HL17" s="115">
        <v>12364297</v>
      </c>
      <c r="HM17" s="111">
        <v>12848404</v>
      </c>
      <c r="HN17" s="370"/>
      <c r="HO17" s="371"/>
      <c r="HP17" s="372"/>
      <c r="HQ17" s="373"/>
      <c r="HR17" s="371"/>
      <c r="HS17" s="371"/>
      <c r="HT17" s="371"/>
      <c r="HU17" s="371"/>
      <c r="HV17" s="371"/>
      <c r="HW17" s="374"/>
      <c r="HX17" s="375"/>
      <c r="HY17" s="148">
        <v>0</v>
      </c>
      <c r="HZ17" s="149">
        <v>0</v>
      </c>
      <c r="IA17" s="150">
        <v>0</v>
      </c>
      <c r="IB17" s="163">
        <v>0</v>
      </c>
      <c r="IC17" s="149">
        <v>2142694</v>
      </c>
      <c r="ID17" s="164">
        <v>1240055</v>
      </c>
      <c r="IE17" s="150">
        <v>2533758</v>
      </c>
      <c r="IF17" s="149">
        <v>1171407</v>
      </c>
      <c r="IG17" s="150">
        <v>245596</v>
      </c>
      <c r="IH17" s="165">
        <v>7333510</v>
      </c>
      <c r="II17" s="156">
        <v>7333510</v>
      </c>
      <c r="IJ17" s="261">
        <v>0</v>
      </c>
      <c r="IK17" s="268">
        <v>0</v>
      </c>
      <c r="IL17" s="269">
        <v>0</v>
      </c>
      <c r="IM17" s="157"/>
      <c r="IN17" s="122">
        <v>62296</v>
      </c>
      <c r="IO17" s="122">
        <v>0</v>
      </c>
      <c r="IP17" s="122">
        <v>329146</v>
      </c>
      <c r="IQ17" s="122">
        <v>0</v>
      </c>
      <c r="IR17" s="122">
        <v>0</v>
      </c>
      <c r="IS17" s="158">
        <v>391442</v>
      </c>
      <c r="IT17" s="357">
        <v>391442</v>
      </c>
      <c r="IU17" s="159">
        <v>0</v>
      </c>
      <c r="IV17" s="122">
        <v>0</v>
      </c>
      <c r="IW17" s="123">
        <v>0</v>
      </c>
      <c r="IX17" s="161"/>
      <c r="IY17" s="122">
        <v>0</v>
      </c>
      <c r="IZ17" s="122">
        <v>0</v>
      </c>
      <c r="JA17" s="122">
        <v>0</v>
      </c>
      <c r="JB17" s="122">
        <v>0</v>
      </c>
      <c r="JC17" s="122">
        <v>0</v>
      </c>
      <c r="JD17" s="123">
        <v>0</v>
      </c>
      <c r="JE17" s="124">
        <v>0</v>
      </c>
      <c r="JF17" s="159">
        <v>0</v>
      </c>
      <c r="JG17" s="122">
        <v>0</v>
      </c>
      <c r="JH17" s="158">
        <v>0</v>
      </c>
      <c r="JI17" s="121">
        <v>0</v>
      </c>
      <c r="JJ17" s="122">
        <v>1339020</v>
      </c>
      <c r="JK17" s="122">
        <v>321086</v>
      </c>
      <c r="JL17" s="122">
        <v>1247877</v>
      </c>
      <c r="JM17" s="122">
        <v>241358</v>
      </c>
      <c r="JN17" s="122">
        <v>245596</v>
      </c>
      <c r="JO17" s="123">
        <v>3394937</v>
      </c>
      <c r="JP17" s="357">
        <v>3394937</v>
      </c>
      <c r="JQ17" s="159">
        <v>0</v>
      </c>
      <c r="JR17" s="122">
        <v>0</v>
      </c>
      <c r="JS17" s="158">
        <v>0</v>
      </c>
      <c r="JT17" s="121">
        <v>0</v>
      </c>
      <c r="JU17" s="122">
        <v>279663</v>
      </c>
      <c r="JV17" s="122">
        <v>185467</v>
      </c>
      <c r="JW17" s="122">
        <v>0</v>
      </c>
      <c r="JX17" s="122">
        <v>0</v>
      </c>
      <c r="JY17" s="122">
        <v>0</v>
      </c>
      <c r="JZ17" s="123">
        <v>465130</v>
      </c>
      <c r="KA17" s="357">
        <v>465130</v>
      </c>
      <c r="KB17" s="264">
        <v>0</v>
      </c>
      <c r="KC17" s="258">
        <v>0</v>
      </c>
      <c r="KD17" s="123">
        <v>0</v>
      </c>
      <c r="KE17" s="121">
        <v>0</v>
      </c>
      <c r="KF17" s="122">
        <v>106242</v>
      </c>
      <c r="KG17" s="122">
        <v>308590</v>
      </c>
      <c r="KH17" s="122">
        <v>706931</v>
      </c>
      <c r="KI17" s="122">
        <v>254288</v>
      </c>
      <c r="KJ17" s="122">
        <v>0</v>
      </c>
      <c r="KK17" s="123">
        <v>1376051</v>
      </c>
      <c r="KL17" s="160">
        <v>1376051</v>
      </c>
      <c r="KM17" s="261">
        <v>0</v>
      </c>
      <c r="KN17" s="268">
        <v>0</v>
      </c>
      <c r="KO17" s="269">
        <v>0</v>
      </c>
      <c r="KP17" s="157"/>
      <c r="KQ17" s="122">
        <v>355473</v>
      </c>
      <c r="KR17" s="122">
        <v>237824</v>
      </c>
      <c r="KS17" s="122">
        <v>249804</v>
      </c>
      <c r="KT17" s="122">
        <v>675761</v>
      </c>
      <c r="KU17" s="122">
        <v>0</v>
      </c>
      <c r="KV17" s="123">
        <v>1518862</v>
      </c>
      <c r="KW17" s="357">
        <v>1518862</v>
      </c>
      <c r="KX17" s="159">
        <v>0</v>
      </c>
      <c r="KY17" s="122">
        <v>0</v>
      </c>
      <c r="KZ17" s="123">
        <v>0</v>
      </c>
      <c r="LA17" s="162"/>
      <c r="LB17" s="122">
        <v>0</v>
      </c>
      <c r="LC17" s="122">
        <v>0</v>
      </c>
      <c r="LD17" s="122">
        <v>0</v>
      </c>
      <c r="LE17" s="122">
        <v>0</v>
      </c>
      <c r="LF17" s="122">
        <v>0</v>
      </c>
      <c r="LG17" s="123">
        <v>0</v>
      </c>
      <c r="LH17" s="124">
        <v>0</v>
      </c>
      <c r="LI17" s="159">
        <v>0</v>
      </c>
      <c r="LJ17" s="122">
        <v>0</v>
      </c>
      <c r="LK17" s="123">
        <v>0</v>
      </c>
      <c r="LL17" s="162"/>
      <c r="LM17" s="122">
        <v>0</v>
      </c>
      <c r="LN17" s="122">
        <v>0</v>
      </c>
      <c r="LO17" s="122">
        <v>0</v>
      </c>
      <c r="LP17" s="122">
        <v>0</v>
      </c>
      <c r="LQ17" s="122">
        <v>0</v>
      </c>
      <c r="LR17" s="123">
        <v>0</v>
      </c>
      <c r="LS17" s="357">
        <v>0</v>
      </c>
      <c r="LT17" s="159">
        <v>0</v>
      </c>
      <c r="LU17" s="122">
        <v>0</v>
      </c>
      <c r="LV17" s="123">
        <v>0</v>
      </c>
      <c r="LW17" s="162"/>
      <c r="LX17" s="122">
        <v>0</v>
      </c>
      <c r="LY17" s="122">
        <v>187088</v>
      </c>
      <c r="LZ17" s="122">
        <v>0</v>
      </c>
      <c r="MA17" s="122">
        <v>0</v>
      </c>
      <c r="MB17" s="122">
        <v>0</v>
      </c>
      <c r="MC17" s="123">
        <v>187088</v>
      </c>
      <c r="MD17" s="124">
        <v>187088</v>
      </c>
      <c r="ME17" s="159">
        <v>0</v>
      </c>
      <c r="MF17" s="122">
        <v>0</v>
      </c>
      <c r="MG17" s="123">
        <v>0</v>
      </c>
      <c r="MH17" s="162"/>
      <c r="MI17" s="122">
        <v>694110</v>
      </c>
      <c r="MJ17" s="122">
        <v>1577414</v>
      </c>
      <c r="MK17" s="122">
        <v>2677742</v>
      </c>
      <c r="ML17" s="122">
        <v>5215413</v>
      </c>
      <c r="MM17" s="122">
        <v>3719537</v>
      </c>
      <c r="MN17" s="123">
        <v>13884216</v>
      </c>
      <c r="MO17" s="160">
        <v>13884216</v>
      </c>
      <c r="MP17" s="159">
        <v>0</v>
      </c>
      <c r="MQ17" s="122">
        <v>0</v>
      </c>
      <c r="MR17" s="123">
        <v>0</v>
      </c>
      <c r="MS17" s="162"/>
      <c r="MT17" s="122">
        <v>0</v>
      </c>
      <c r="MU17" s="122">
        <v>0</v>
      </c>
      <c r="MV17" s="122">
        <v>1389827</v>
      </c>
      <c r="MW17" s="122">
        <v>3776780</v>
      </c>
      <c r="MX17" s="122">
        <v>2180744</v>
      </c>
      <c r="MY17" s="123">
        <v>7347351</v>
      </c>
      <c r="MZ17" s="160">
        <v>7347351</v>
      </c>
      <c r="NA17" s="159">
        <v>0</v>
      </c>
      <c r="NB17" s="122">
        <v>0</v>
      </c>
      <c r="NC17" s="123">
        <v>0</v>
      </c>
      <c r="ND17" s="162"/>
      <c r="NE17" s="122">
        <v>694110</v>
      </c>
      <c r="NF17" s="122">
        <v>1350478</v>
      </c>
      <c r="NG17" s="122">
        <v>1016531</v>
      </c>
      <c r="NH17" s="122">
        <v>1138537</v>
      </c>
      <c r="NI17" s="122">
        <v>1539130</v>
      </c>
      <c r="NJ17" s="123">
        <v>5738786</v>
      </c>
      <c r="NK17" s="357">
        <v>5738786</v>
      </c>
      <c r="NL17" s="159">
        <v>0</v>
      </c>
      <c r="NM17" s="122">
        <v>0</v>
      </c>
      <c r="NN17" s="123">
        <v>0</v>
      </c>
      <c r="NO17" s="162"/>
      <c r="NP17" s="122">
        <v>0</v>
      </c>
      <c r="NQ17" s="122">
        <v>0</v>
      </c>
      <c r="NR17" s="122">
        <v>0</v>
      </c>
      <c r="NS17" s="122">
        <v>0</v>
      </c>
      <c r="NT17" s="122">
        <v>0</v>
      </c>
      <c r="NU17" s="123">
        <v>0</v>
      </c>
      <c r="NV17" s="124">
        <v>0</v>
      </c>
      <c r="NW17" s="159">
        <v>0</v>
      </c>
      <c r="NX17" s="122">
        <v>0</v>
      </c>
      <c r="NY17" s="123">
        <v>0</v>
      </c>
      <c r="NZ17" s="162"/>
      <c r="OA17" s="122">
        <v>0</v>
      </c>
      <c r="OB17" s="122">
        <v>226936</v>
      </c>
      <c r="OC17" s="122">
        <v>271384</v>
      </c>
      <c r="OD17" s="122">
        <v>300096</v>
      </c>
      <c r="OE17" s="122">
        <v>-337</v>
      </c>
      <c r="OF17" s="123">
        <v>798079</v>
      </c>
      <c r="OG17" s="124">
        <v>798079</v>
      </c>
      <c r="OH17" s="159">
        <v>425050</v>
      </c>
      <c r="OI17" s="122">
        <v>695114</v>
      </c>
      <c r="OJ17" s="158">
        <v>1120164</v>
      </c>
      <c r="OK17" s="121">
        <v>0</v>
      </c>
      <c r="OL17" s="122">
        <v>11377462</v>
      </c>
      <c r="OM17" s="122">
        <v>9884699</v>
      </c>
      <c r="ON17" s="122">
        <v>12248995</v>
      </c>
      <c r="OO17" s="122">
        <v>14393206</v>
      </c>
      <c r="OP17" s="122">
        <v>8017618</v>
      </c>
      <c r="OQ17" s="123">
        <v>55921980</v>
      </c>
      <c r="OR17" s="160">
        <v>57042144</v>
      </c>
    </row>
    <row r="18" spans="1:408" ht="20.25" customHeight="1" x14ac:dyDescent="0.2">
      <c r="A18" s="129" t="s">
        <v>12</v>
      </c>
      <c r="B18" s="112">
        <v>981357</v>
      </c>
      <c r="C18" s="116">
        <v>1464356</v>
      </c>
      <c r="D18" s="115">
        <v>2445713</v>
      </c>
      <c r="E18" s="111">
        <v>0</v>
      </c>
      <c r="F18" s="116">
        <v>7136451</v>
      </c>
      <c r="G18" s="187">
        <v>7659590</v>
      </c>
      <c r="H18" s="187">
        <v>9482509</v>
      </c>
      <c r="I18" s="187">
        <v>9103372</v>
      </c>
      <c r="J18" s="187">
        <v>5864592</v>
      </c>
      <c r="K18" s="114">
        <v>39246514</v>
      </c>
      <c r="L18" s="118">
        <v>41692227</v>
      </c>
      <c r="M18" s="112">
        <v>369766</v>
      </c>
      <c r="N18" s="116">
        <v>509254</v>
      </c>
      <c r="O18" s="115">
        <v>879020</v>
      </c>
      <c r="P18" s="112">
        <v>0</v>
      </c>
      <c r="Q18" s="116">
        <v>2743855</v>
      </c>
      <c r="R18" s="116">
        <v>3204343</v>
      </c>
      <c r="S18" s="116">
        <v>2569634</v>
      </c>
      <c r="T18" s="116">
        <v>3308659</v>
      </c>
      <c r="U18" s="116">
        <v>3792839</v>
      </c>
      <c r="V18" s="115">
        <v>15619330</v>
      </c>
      <c r="W18" s="118">
        <v>16498350</v>
      </c>
      <c r="X18" s="112">
        <v>0</v>
      </c>
      <c r="Y18" s="116">
        <v>0</v>
      </c>
      <c r="Z18" s="115">
        <v>0</v>
      </c>
      <c r="AA18" s="112">
        <v>0</v>
      </c>
      <c r="AB18" s="116">
        <v>1436797</v>
      </c>
      <c r="AC18" s="116">
        <v>1556134</v>
      </c>
      <c r="AD18" s="116">
        <v>1583169</v>
      </c>
      <c r="AE18" s="116">
        <v>2359709</v>
      </c>
      <c r="AF18" s="116">
        <v>2497936</v>
      </c>
      <c r="AG18" s="115">
        <v>9433745</v>
      </c>
      <c r="AH18" s="118">
        <v>9433745</v>
      </c>
      <c r="AI18" s="112">
        <v>0</v>
      </c>
      <c r="AJ18" s="116">
        <v>9664</v>
      </c>
      <c r="AK18" s="115">
        <v>9664</v>
      </c>
      <c r="AL18" s="112">
        <v>0</v>
      </c>
      <c r="AM18" s="116">
        <v>0</v>
      </c>
      <c r="AN18" s="116">
        <v>0</v>
      </c>
      <c r="AO18" s="116">
        <v>46292</v>
      </c>
      <c r="AP18" s="116">
        <v>91292</v>
      </c>
      <c r="AQ18" s="116">
        <v>435545</v>
      </c>
      <c r="AR18" s="115">
        <v>573129</v>
      </c>
      <c r="AS18" s="118">
        <v>582793</v>
      </c>
      <c r="AT18" s="112">
        <v>299398</v>
      </c>
      <c r="AU18" s="116">
        <v>411710</v>
      </c>
      <c r="AV18" s="115">
        <v>711108</v>
      </c>
      <c r="AW18" s="112">
        <v>0</v>
      </c>
      <c r="AX18" s="116">
        <v>946623</v>
      </c>
      <c r="AY18" s="116">
        <v>1247932</v>
      </c>
      <c r="AZ18" s="116">
        <v>572052</v>
      </c>
      <c r="BA18" s="116">
        <v>331085</v>
      </c>
      <c r="BB18" s="116">
        <v>477930</v>
      </c>
      <c r="BC18" s="115">
        <v>3575622</v>
      </c>
      <c r="BD18" s="118">
        <v>4286730</v>
      </c>
      <c r="BE18" s="112">
        <v>0</v>
      </c>
      <c r="BF18" s="116">
        <v>0</v>
      </c>
      <c r="BG18" s="114">
        <v>0</v>
      </c>
      <c r="BH18" s="113">
        <v>0</v>
      </c>
      <c r="BI18" s="116">
        <v>42539</v>
      </c>
      <c r="BJ18" s="116">
        <v>144269</v>
      </c>
      <c r="BK18" s="116">
        <v>95761</v>
      </c>
      <c r="BL18" s="116">
        <v>110773</v>
      </c>
      <c r="BM18" s="116">
        <v>56428</v>
      </c>
      <c r="BN18" s="115">
        <v>449770</v>
      </c>
      <c r="BO18" s="118">
        <v>449770</v>
      </c>
      <c r="BP18" s="112">
        <v>70368</v>
      </c>
      <c r="BQ18" s="116">
        <v>87880</v>
      </c>
      <c r="BR18" s="115">
        <v>158248</v>
      </c>
      <c r="BS18" s="112">
        <v>0</v>
      </c>
      <c r="BT18" s="116">
        <v>317896</v>
      </c>
      <c r="BU18" s="116">
        <v>256008</v>
      </c>
      <c r="BV18" s="116">
        <v>272360</v>
      </c>
      <c r="BW18" s="116">
        <v>415800</v>
      </c>
      <c r="BX18" s="116">
        <v>325000</v>
      </c>
      <c r="BY18" s="115">
        <v>1587064</v>
      </c>
      <c r="BZ18" s="118">
        <v>1745312</v>
      </c>
      <c r="CA18" s="112">
        <v>256175</v>
      </c>
      <c r="CB18" s="116">
        <v>162920</v>
      </c>
      <c r="CC18" s="115">
        <v>419095</v>
      </c>
      <c r="CD18" s="112">
        <v>0</v>
      </c>
      <c r="CE18" s="116">
        <v>3032083</v>
      </c>
      <c r="CF18" s="116">
        <v>1845523</v>
      </c>
      <c r="CG18" s="116">
        <v>3155720</v>
      </c>
      <c r="CH18" s="116">
        <v>1215251</v>
      </c>
      <c r="CI18" s="116">
        <v>320929</v>
      </c>
      <c r="CJ18" s="115">
        <v>9569506</v>
      </c>
      <c r="CK18" s="118">
        <v>9988601</v>
      </c>
      <c r="CL18" s="112">
        <v>0</v>
      </c>
      <c r="CM18" s="116">
        <v>0</v>
      </c>
      <c r="CN18" s="115">
        <v>0</v>
      </c>
      <c r="CO18" s="113">
        <v>0</v>
      </c>
      <c r="CP18" s="116">
        <v>2388596</v>
      </c>
      <c r="CQ18" s="116">
        <v>1299277</v>
      </c>
      <c r="CR18" s="116">
        <v>2370609</v>
      </c>
      <c r="CS18" s="116">
        <v>850648</v>
      </c>
      <c r="CT18" s="116">
        <v>320929</v>
      </c>
      <c r="CU18" s="115">
        <v>7230059</v>
      </c>
      <c r="CV18" s="118">
        <v>7230059</v>
      </c>
      <c r="CW18" s="112">
        <v>256175</v>
      </c>
      <c r="CX18" s="116">
        <v>162920</v>
      </c>
      <c r="CY18" s="115">
        <v>419095</v>
      </c>
      <c r="CZ18" s="112">
        <v>0</v>
      </c>
      <c r="DA18" s="116">
        <v>643487</v>
      </c>
      <c r="DB18" s="116">
        <v>546246</v>
      </c>
      <c r="DC18" s="116">
        <v>785111</v>
      </c>
      <c r="DD18" s="116">
        <v>364603</v>
      </c>
      <c r="DE18" s="116">
        <v>0</v>
      </c>
      <c r="DF18" s="115">
        <v>2339447</v>
      </c>
      <c r="DG18" s="118">
        <v>2758542</v>
      </c>
      <c r="DH18" s="112">
        <v>0</v>
      </c>
      <c r="DI18" s="116">
        <v>0</v>
      </c>
      <c r="DJ18" s="114">
        <v>0</v>
      </c>
      <c r="DK18" s="113">
        <v>0</v>
      </c>
      <c r="DL18" s="116">
        <v>266913</v>
      </c>
      <c r="DM18" s="116">
        <v>346991</v>
      </c>
      <c r="DN18" s="116">
        <v>1153044</v>
      </c>
      <c r="DO18" s="116">
        <v>1096626</v>
      </c>
      <c r="DP18" s="116">
        <v>350832</v>
      </c>
      <c r="DQ18" s="115">
        <v>3214406</v>
      </c>
      <c r="DR18" s="118">
        <v>3214406</v>
      </c>
      <c r="DS18" s="112">
        <v>0</v>
      </c>
      <c r="DT18" s="116">
        <v>0</v>
      </c>
      <c r="DU18" s="115">
        <v>0</v>
      </c>
      <c r="DV18" s="112">
        <v>0</v>
      </c>
      <c r="DW18" s="116">
        <v>266913</v>
      </c>
      <c r="DX18" s="116">
        <v>278557</v>
      </c>
      <c r="DY18" s="116">
        <v>1153044</v>
      </c>
      <c r="DZ18" s="116">
        <v>1033501</v>
      </c>
      <c r="EA18" s="116">
        <v>350832</v>
      </c>
      <c r="EB18" s="115">
        <v>3082847</v>
      </c>
      <c r="EC18" s="118">
        <v>3082847</v>
      </c>
      <c r="ED18" s="112">
        <v>0</v>
      </c>
      <c r="EE18" s="114">
        <v>0</v>
      </c>
      <c r="EF18" s="115">
        <v>0</v>
      </c>
      <c r="EG18" s="112">
        <v>0</v>
      </c>
      <c r="EH18" s="116">
        <v>0</v>
      </c>
      <c r="EI18" s="116">
        <v>68434</v>
      </c>
      <c r="EJ18" s="116">
        <v>0</v>
      </c>
      <c r="EK18" s="116">
        <v>63125</v>
      </c>
      <c r="EL18" s="116">
        <v>0</v>
      </c>
      <c r="EM18" s="114">
        <v>131559</v>
      </c>
      <c r="EN18" s="118">
        <v>131559</v>
      </c>
      <c r="EO18" s="112">
        <v>0</v>
      </c>
      <c r="EP18" s="116">
        <v>0</v>
      </c>
      <c r="EQ18" s="114">
        <v>0</v>
      </c>
      <c r="ER18" s="113">
        <v>0</v>
      </c>
      <c r="ES18" s="116">
        <v>0</v>
      </c>
      <c r="ET18" s="116">
        <v>0</v>
      </c>
      <c r="EU18" s="116">
        <v>0</v>
      </c>
      <c r="EV18" s="116">
        <v>0</v>
      </c>
      <c r="EW18" s="116">
        <v>0</v>
      </c>
      <c r="EX18" s="115">
        <v>0</v>
      </c>
      <c r="EY18" s="118">
        <v>0</v>
      </c>
      <c r="EZ18" s="112">
        <v>0</v>
      </c>
      <c r="FA18" s="116">
        <v>0</v>
      </c>
      <c r="FB18" s="114">
        <v>0</v>
      </c>
      <c r="FC18" s="390"/>
      <c r="FD18" s="116">
        <v>0</v>
      </c>
      <c r="FE18" s="116">
        <v>0</v>
      </c>
      <c r="FF18" s="116">
        <v>0</v>
      </c>
      <c r="FG18" s="116">
        <v>0</v>
      </c>
      <c r="FH18" s="116">
        <v>0</v>
      </c>
      <c r="FI18" s="115">
        <v>0</v>
      </c>
      <c r="FJ18" s="118">
        <v>0</v>
      </c>
      <c r="FK18" s="112">
        <v>302440</v>
      </c>
      <c r="FL18" s="116">
        <v>421168</v>
      </c>
      <c r="FM18" s="115">
        <v>723608</v>
      </c>
      <c r="FN18" s="112">
        <v>0</v>
      </c>
      <c r="FO18" s="116">
        <v>294344</v>
      </c>
      <c r="FP18" s="116">
        <v>1034152</v>
      </c>
      <c r="FQ18" s="116">
        <v>828792</v>
      </c>
      <c r="FR18" s="116">
        <v>632320</v>
      </c>
      <c r="FS18" s="116">
        <v>360080</v>
      </c>
      <c r="FT18" s="115">
        <v>3149688</v>
      </c>
      <c r="FU18" s="118">
        <v>3873296</v>
      </c>
      <c r="FV18" s="117">
        <v>109416</v>
      </c>
      <c r="FW18" s="116">
        <v>193312</v>
      </c>
      <c r="FX18" s="114">
        <v>302728</v>
      </c>
      <c r="FY18" s="113">
        <v>0</v>
      </c>
      <c r="FZ18" s="116">
        <v>286344</v>
      </c>
      <c r="GA18" s="116">
        <v>850152</v>
      </c>
      <c r="GB18" s="116">
        <v>828792</v>
      </c>
      <c r="GC18" s="116">
        <v>624000</v>
      </c>
      <c r="GD18" s="116">
        <v>360080</v>
      </c>
      <c r="GE18" s="115">
        <v>2949368</v>
      </c>
      <c r="GF18" s="354">
        <v>3252096</v>
      </c>
      <c r="GG18" s="117">
        <v>0</v>
      </c>
      <c r="GH18" s="116">
        <v>87520</v>
      </c>
      <c r="GI18" s="114">
        <v>87520</v>
      </c>
      <c r="GJ18" s="113">
        <v>0</v>
      </c>
      <c r="GK18" s="116">
        <v>0</v>
      </c>
      <c r="GL18" s="116">
        <v>0</v>
      </c>
      <c r="GM18" s="116">
        <v>0</v>
      </c>
      <c r="GN18" s="116">
        <v>8320</v>
      </c>
      <c r="GO18" s="116">
        <v>0</v>
      </c>
      <c r="GP18" s="115">
        <v>8320</v>
      </c>
      <c r="GQ18" s="118">
        <v>95840</v>
      </c>
      <c r="GR18" s="112">
        <v>193024</v>
      </c>
      <c r="GS18" s="116">
        <v>140336</v>
      </c>
      <c r="GT18" s="115">
        <v>333360</v>
      </c>
      <c r="GU18" s="112">
        <v>0</v>
      </c>
      <c r="GV18" s="116">
        <v>8000</v>
      </c>
      <c r="GW18" s="116">
        <v>184000</v>
      </c>
      <c r="GX18" s="116">
        <v>0</v>
      </c>
      <c r="GY18" s="116">
        <v>0</v>
      </c>
      <c r="GZ18" s="116">
        <v>0</v>
      </c>
      <c r="HA18" s="114">
        <v>192000</v>
      </c>
      <c r="HB18" s="118">
        <v>525360</v>
      </c>
      <c r="HC18" s="112">
        <v>52976</v>
      </c>
      <c r="HD18" s="116">
        <v>371014</v>
      </c>
      <c r="HE18" s="114">
        <v>423990</v>
      </c>
      <c r="HF18" s="113">
        <v>0</v>
      </c>
      <c r="HG18" s="116">
        <v>799256</v>
      </c>
      <c r="HH18" s="116">
        <v>1228581</v>
      </c>
      <c r="HI18" s="116">
        <v>1775319</v>
      </c>
      <c r="HJ18" s="116">
        <v>2850516</v>
      </c>
      <c r="HK18" s="116">
        <v>1039912</v>
      </c>
      <c r="HL18" s="115">
        <v>7693584</v>
      </c>
      <c r="HM18" s="111">
        <v>8117574</v>
      </c>
      <c r="HN18" s="370"/>
      <c r="HO18" s="371"/>
      <c r="HP18" s="372"/>
      <c r="HQ18" s="373"/>
      <c r="HR18" s="371"/>
      <c r="HS18" s="371"/>
      <c r="HT18" s="371"/>
      <c r="HU18" s="371"/>
      <c r="HV18" s="371"/>
      <c r="HW18" s="374"/>
      <c r="HX18" s="375"/>
      <c r="HY18" s="167">
        <v>0</v>
      </c>
      <c r="HZ18" s="152">
        <v>0</v>
      </c>
      <c r="IA18" s="167">
        <v>0</v>
      </c>
      <c r="IB18" s="151">
        <v>0</v>
      </c>
      <c r="IC18" s="152">
        <v>3184186</v>
      </c>
      <c r="ID18" s="153">
        <v>2492054</v>
      </c>
      <c r="IE18" s="154">
        <v>1967631</v>
      </c>
      <c r="IF18" s="152">
        <v>3730489</v>
      </c>
      <c r="IG18" s="154">
        <v>2401307</v>
      </c>
      <c r="IH18" s="155">
        <v>13775667</v>
      </c>
      <c r="II18" s="167">
        <v>13775667</v>
      </c>
      <c r="IJ18" s="261">
        <v>0</v>
      </c>
      <c r="IK18" s="268">
        <v>0</v>
      </c>
      <c r="IL18" s="269">
        <v>0</v>
      </c>
      <c r="IM18" s="157"/>
      <c r="IN18" s="122">
        <v>0</v>
      </c>
      <c r="IO18" s="122">
        <v>116381</v>
      </c>
      <c r="IP18" s="122">
        <v>0</v>
      </c>
      <c r="IQ18" s="122">
        <v>0</v>
      </c>
      <c r="IR18" s="122">
        <v>0</v>
      </c>
      <c r="IS18" s="158">
        <v>116381</v>
      </c>
      <c r="IT18" s="357">
        <v>116381</v>
      </c>
      <c r="IU18" s="159">
        <v>0</v>
      </c>
      <c r="IV18" s="122">
        <v>0</v>
      </c>
      <c r="IW18" s="123">
        <v>0</v>
      </c>
      <c r="IX18" s="161"/>
      <c r="IY18" s="122">
        <v>0</v>
      </c>
      <c r="IZ18" s="122">
        <v>0</v>
      </c>
      <c r="JA18" s="122">
        <v>0</v>
      </c>
      <c r="JB18" s="122">
        <v>0</v>
      </c>
      <c r="JC18" s="122">
        <v>0</v>
      </c>
      <c r="JD18" s="123">
        <v>0</v>
      </c>
      <c r="JE18" s="124">
        <v>0</v>
      </c>
      <c r="JF18" s="159">
        <v>0</v>
      </c>
      <c r="JG18" s="122">
        <v>0</v>
      </c>
      <c r="JH18" s="158">
        <v>0</v>
      </c>
      <c r="JI18" s="121">
        <v>0</v>
      </c>
      <c r="JJ18" s="122">
        <v>1060371</v>
      </c>
      <c r="JK18" s="122">
        <v>638994</v>
      </c>
      <c r="JL18" s="122">
        <v>608416</v>
      </c>
      <c r="JM18" s="122">
        <v>199533</v>
      </c>
      <c r="JN18" s="122">
        <v>309618</v>
      </c>
      <c r="JO18" s="123">
        <v>2816932</v>
      </c>
      <c r="JP18" s="357">
        <v>2816932</v>
      </c>
      <c r="JQ18" s="159">
        <v>0</v>
      </c>
      <c r="JR18" s="122">
        <v>0</v>
      </c>
      <c r="JS18" s="158">
        <v>0</v>
      </c>
      <c r="JT18" s="121">
        <v>0</v>
      </c>
      <c r="JU18" s="122">
        <v>0</v>
      </c>
      <c r="JV18" s="122">
        <v>0</v>
      </c>
      <c r="JW18" s="122">
        <v>0</v>
      </c>
      <c r="JX18" s="122">
        <v>0</v>
      </c>
      <c r="JY18" s="122">
        <v>0</v>
      </c>
      <c r="JZ18" s="123">
        <v>0</v>
      </c>
      <c r="KA18" s="357">
        <v>0</v>
      </c>
      <c r="KB18" s="264">
        <v>0</v>
      </c>
      <c r="KC18" s="258">
        <v>0</v>
      </c>
      <c r="KD18" s="123">
        <v>0</v>
      </c>
      <c r="KE18" s="121">
        <v>0</v>
      </c>
      <c r="KF18" s="122">
        <v>263534</v>
      </c>
      <c r="KG18" s="122">
        <v>164048</v>
      </c>
      <c r="KH18" s="122">
        <v>713625</v>
      </c>
      <c r="KI18" s="122">
        <v>769945</v>
      </c>
      <c r="KJ18" s="122">
        <v>583497</v>
      </c>
      <c r="KK18" s="123">
        <v>2494649</v>
      </c>
      <c r="KL18" s="160">
        <v>2494649</v>
      </c>
      <c r="KM18" s="261">
        <v>0</v>
      </c>
      <c r="KN18" s="268">
        <v>0</v>
      </c>
      <c r="KO18" s="269">
        <v>0</v>
      </c>
      <c r="KP18" s="157"/>
      <c r="KQ18" s="122">
        <v>1547657</v>
      </c>
      <c r="KR18" s="122">
        <v>1181655</v>
      </c>
      <c r="KS18" s="122">
        <v>645590</v>
      </c>
      <c r="KT18" s="122">
        <v>1023612</v>
      </c>
      <c r="KU18" s="122">
        <v>514640</v>
      </c>
      <c r="KV18" s="123">
        <v>4913154</v>
      </c>
      <c r="KW18" s="357">
        <v>4913154</v>
      </c>
      <c r="KX18" s="159">
        <v>0</v>
      </c>
      <c r="KY18" s="122">
        <v>0</v>
      </c>
      <c r="KZ18" s="123">
        <v>0</v>
      </c>
      <c r="LA18" s="162"/>
      <c r="LB18" s="122">
        <v>0</v>
      </c>
      <c r="LC18" s="122">
        <v>179639</v>
      </c>
      <c r="LD18" s="122">
        <v>0</v>
      </c>
      <c r="LE18" s="122">
        <v>871644</v>
      </c>
      <c r="LF18" s="122">
        <v>0</v>
      </c>
      <c r="LG18" s="123">
        <v>1051283</v>
      </c>
      <c r="LH18" s="124">
        <v>1051283</v>
      </c>
      <c r="LI18" s="159">
        <v>0</v>
      </c>
      <c r="LJ18" s="122">
        <v>0</v>
      </c>
      <c r="LK18" s="123">
        <v>0</v>
      </c>
      <c r="LL18" s="162"/>
      <c r="LM18" s="122">
        <v>0</v>
      </c>
      <c r="LN18" s="122">
        <v>0</v>
      </c>
      <c r="LO18" s="122">
        <v>0</v>
      </c>
      <c r="LP18" s="122">
        <v>276164</v>
      </c>
      <c r="LQ18" s="122">
        <v>295717</v>
      </c>
      <c r="LR18" s="123">
        <v>571881</v>
      </c>
      <c r="LS18" s="357">
        <v>571881</v>
      </c>
      <c r="LT18" s="159">
        <v>0</v>
      </c>
      <c r="LU18" s="122">
        <v>0</v>
      </c>
      <c r="LV18" s="123">
        <v>0</v>
      </c>
      <c r="LW18" s="162"/>
      <c r="LX18" s="122">
        <v>312624</v>
      </c>
      <c r="LY18" s="122">
        <v>211337</v>
      </c>
      <c r="LZ18" s="122">
        <v>0</v>
      </c>
      <c r="MA18" s="122">
        <v>589591</v>
      </c>
      <c r="MB18" s="122">
        <v>697835</v>
      </c>
      <c r="MC18" s="123">
        <v>1811387</v>
      </c>
      <c r="MD18" s="124">
        <v>1811387</v>
      </c>
      <c r="ME18" s="159">
        <v>0</v>
      </c>
      <c r="MF18" s="122">
        <v>0</v>
      </c>
      <c r="MG18" s="123">
        <v>0</v>
      </c>
      <c r="MH18" s="162"/>
      <c r="MI18" s="122">
        <v>1099773</v>
      </c>
      <c r="MJ18" s="122">
        <v>850316</v>
      </c>
      <c r="MK18" s="122">
        <v>4177111</v>
      </c>
      <c r="ML18" s="122">
        <v>5593385</v>
      </c>
      <c r="MM18" s="122">
        <v>2807475</v>
      </c>
      <c r="MN18" s="123">
        <v>14528060</v>
      </c>
      <c r="MO18" s="160">
        <v>14528060</v>
      </c>
      <c r="MP18" s="159">
        <v>0</v>
      </c>
      <c r="MQ18" s="122">
        <v>0</v>
      </c>
      <c r="MR18" s="123">
        <v>0</v>
      </c>
      <c r="MS18" s="162"/>
      <c r="MT18" s="122">
        <v>162225</v>
      </c>
      <c r="MU18" s="122">
        <v>233870</v>
      </c>
      <c r="MV18" s="122">
        <v>2198648</v>
      </c>
      <c r="MW18" s="122">
        <v>2749695</v>
      </c>
      <c r="MX18" s="122">
        <v>1646158</v>
      </c>
      <c r="MY18" s="123">
        <v>6990596</v>
      </c>
      <c r="MZ18" s="160">
        <v>6990596</v>
      </c>
      <c r="NA18" s="159">
        <v>0</v>
      </c>
      <c r="NB18" s="122">
        <v>0</v>
      </c>
      <c r="NC18" s="123">
        <v>0</v>
      </c>
      <c r="ND18" s="162"/>
      <c r="NE18" s="122">
        <v>937548</v>
      </c>
      <c r="NF18" s="122">
        <v>616446</v>
      </c>
      <c r="NG18" s="122">
        <v>1978463</v>
      </c>
      <c r="NH18" s="122">
        <v>2843690</v>
      </c>
      <c r="NI18" s="122">
        <v>844441</v>
      </c>
      <c r="NJ18" s="123">
        <v>7220588</v>
      </c>
      <c r="NK18" s="357">
        <v>7220588</v>
      </c>
      <c r="NL18" s="159">
        <v>0</v>
      </c>
      <c r="NM18" s="122">
        <v>0</v>
      </c>
      <c r="NN18" s="123">
        <v>0</v>
      </c>
      <c r="NO18" s="162"/>
      <c r="NP18" s="122">
        <v>0</v>
      </c>
      <c r="NQ18" s="122">
        <v>0</v>
      </c>
      <c r="NR18" s="122">
        <v>0</v>
      </c>
      <c r="NS18" s="122">
        <v>0</v>
      </c>
      <c r="NT18" s="122">
        <v>316876</v>
      </c>
      <c r="NU18" s="123">
        <v>316876</v>
      </c>
      <c r="NV18" s="124">
        <v>316876</v>
      </c>
      <c r="NW18" s="159">
        <v>0</v>
      </c>
      <c r="NX18" s="122">
        <v>0</v>
      </c>
      <c r="NY18" s="123">
        <v>0</v>
      </c>
      <c r="NZ18" s="162"/>
      <c r="OA18" s="122">
        <v>0</v>
      </c>
      <c r="OB18" s="122">
        <v>0</v>
      </c>
      <c r="OC18" s="122">
        <v>0</v>
      </c>
      <c r="OD18" s="122">
        <v>0</v>
      </c>
      <c r="OE18" s="122">
        <v>0</v>
      </c>
      <c r="OF18" s="123">
        <v>0</v>
      </c>
      <c r="OG18" s="124">
        <v>0</v>
      </c>
      <c r="OH18" s="159">
        <v>981357</v>
      </c>
      <c r="OI18" s="122">
        <v>1464356</v>
      </c>
      <c r="OJ18" s="158">
        <v>2445713</v>
      </c>
      <c r="OK18" s="121">
        <v>0</v>
      </c>
      <c r="OL18" s="122">
        <v>11420410</v>
      </c>
      <c r="OM18" s="122">
        <v>11001960</v>
      </c>
      <c r="ON18" s="122">
        <v>15627251</v>
      </c>
      <c r="OO18" s="122">
        <v>18427246</v>
      </c>
      <c r="OP18" s="122">
        <v>11073374</v>
      </c>
      <c r="OQ18" s="123">
        <v>67550241</v>
      </c>
      <c r="OR18" s="160">
        <v>69995954</v>
      </c>
    </row>
    <row r="19" spans="1:408" ht="20.25" customHeight="1" x14ac:dyDescent="0.2">
      <c r="A19" s="129" t="s">
        <v>13</v>
      </c>
      <c r="B19" s="112">
        <v>310537</v>
      </c>
      <c r="C19" s="116">
        <v>122498</v>
      </c>
      <c r="D19" s="115">
        <v>433035</v>
      </c>
      <c r="E19" s="112">
        <v>0</v>
      </c>
      <c r="F19" s="187">
        <v>2697786</v>
      </c>
      <c r="G19" s="116">
        <v>5394085</v>
      </c>
      <c r="H19" s="116">
        <v>4056072</v>
      </c>
      <c r="I19" s="116">
        <v>5121737</v>
      </c>
      <c r="J19" s="116">
        <v>3761346</v>
      </c>
      <c r="K19" s="114">
        <v>21031026</v>
      </c>
      <c r="L19" s="118">
        <v>21464061</v>
      </c>
      <c r="M19" s="112">
        <v>82959</v>
      </c>
      <c r="N19" s="116">
        <v>21644</v>
      </c>
      <c r="O19" s="115">
        <v>104603</v>
      </c>
      <c r="P19" s="112">
        <v>0</v>
      </c>
      <c r="Q19" s="116">
        <v>1003365</v>
      </c>
      <c r="R19" s="116">
        <v>2075838</v>
      </c>
      <c r="S19" s="116">
        <v>1165213</v>
      </c>
      <c r="T19" s="116">
        <v>1629982</v>
      </c>
      <c r="U19" s="116">
        <v>1254214</v>
      </c>
      <c r="V19" s="115">
        <v>7128612</v>
      </c>
      <c r="W19" s="118">
        <v>7233215</v>
      </c>
      <c r="X19" s="112">
        <v>0</v>
      </c>
      <c r="Y19" s="116">
        <v>0</v>
      </c>
      <c r="Z19" s="115">
        <v>0</v>
      </c>
      <c r="AA19" s="112">
        <v>0</v>
      </c>
      <c r="AB19" s="116">
        <v>521885</v>
      </c>
      <c r="AC19" s="116">
        <v>1268409</v>
      </c>
      <c r="AD19" s="116">
        <v>682953</v>
      </c>
      <c r="AE19" s="116">
        <v>1011382</v>
      </c>
      <c r="AF19" s="116">
        <v>592689</v>
      </c>
      <c r="AG19" s="115">
        <v>4077318</v>
      </c>
      <c r="AH19" s="118">
        <v>4077318</v>
      </c>
      <c r="AI19" s="112">
        <v>0</v>
      </c>
      <c r="AJ19" s="116">
        <v>0</v>
      </c>
      <c r="AK19" s="115">
        <v>0</v>
      </c>
      <c r="AL19" s="112">
        <v>0</v>
      </c>
      <c r="AM19" s="116">
        <v>0</v>
      </c>
      <c r="AN19" s="116">
        <v>0</v>
      </c>
      <c r="AO19" s="116">
        <v>0</v>
      </c>
      <c r="AP19" s="116">
        <v>46292</v>
      </c>
      <c r="AQ19" s="116">
        <v>162333</v>
      </c>
      <c r="AR19" s="115">
        <v>208625</v>
      </c>
      <c r="AS19" s="118">
        <v>208625</v>
      </c>
      <c r="AT19" s="112">
        <v>32031</v>
      </c>
      <c r="AU19" s="116">
        <v>21644</v>
      </c>
      <c r="AV19" s="115">
        <v>53675</v>
      </c>
      <c r="AW19" s="112">
        <v>0</v>
      </c>
      <c r="AX19" s="116">
        <v>257421</v>
      </c>
      <c r="AY19" s="116">
        <v>465480</v>
      </c>
      <c r="AZ19" s="116">
        <v>282052</v>
      </c>
      <c r="BA19" s="116">
        <v>258824</v>
      </c>
      <c r="BB19" s="116">
        <v>283342</v>
      </c>
      <c r="BC19" s="115">
        <v>1547119</v>
      </c>
      <c r="BD19" s="118">
        <v>1600794</v>
      </c>
      <c r="BE19" s="112">
        <v>0</v>
      </c>
      <c r="BF19" s="116">
        <v>0</v>
      </c>
      <c r="BG19" s="114">
        <v>0</v>
      </c>
      <c r="BH19" s="113">
        <v>0</v>
      </c>
      <c r="BI19" s="116">
        <v>57067</v>
      </c>
      <c r="BJ19" s="116">
        <v>29941</v>
      </c>
      <c r="BK19" s="116">
        <v>0</v>
      </c>
      <c r="BL19" s="116">
        <v>66260</v>
      </c>
      <c r="BM19" s="116">
        <v>16450</v>
      </c>
      <c r="BN19" s="115">
        <v>169718</v>
      </c>
      <c r="BO19" s="118">
        <v>169718</v>
      </c>
      <c r="BP19" s="112">
        <v>50928</v>
      </c>
      <c r="BQ19" s="116">
        <v>0</v>
      </c>
      <c r="BR19" s="115">
        <v>50928</v>
      </c>
      <c r="BS19" s="112">
        <v>0</v>
      </c>
      <c r="BT19" s="116">
        <v>166992</v>
      </c>
      <c r="BU19" s="116">
        <v>312008</v>
      </c>
      <c r="BV19" s="116">
        <v>200208</v>
      </c>
      <c r="BW19" s="116">
        <v>247224</v>
      </c>
      <c r="BX19" s="116">
        <v>199400</v>
      </c>
      <c r="BY19" s="115">
        <v>1125832</v>
      </c>
      <c r="BZ19" s="118">
        <v>1176760</v>
      </c>
      <c r="CA19" s="112">
        <v>0</v>
      </c>
      <c r="CB19" s="116">
        <v>39126</v>
      </c>
      <c r="CC19" s="115">
        <v>39126</v>
      </c>
      <c r="CD19" s="112">
        <v>0</v>
      </c>
      <c r="CE19" s="116">
        <v>663008</v>
      </c>
      <c r="CF19" s="116">
        <v>1376973</v>
      </c>
      <c r="CG19" s="116">
        <v>1132074</v>
      </c>
      <c r="CH19" s="116">
        <v>699704</v>
      </c>
      <c r="CI19" s="116">
        <v>299107</v>
      </c>
      <c r="CJ19" s="115">
        <v>4170866</v>
      </c>
      <c r="CK19" s="118">
        <v>4209992</v>
      </c>
      <c r="CL19" s="112">
        <v>0</v>
      </c>
      <c r="CM19" s="116">
        <v>0</v>
      </c>
      <c r="CN19" s="115">
        <v>0</v>
      </c>
      <c r="CO19" s="113">
        <v>0</v>
      </c>
      <c r="CP19" s="116">
        <v>623737</v>
      </c>
      <c r="CQ19" s="116">
        <v>1232625</v>
      </c>
      <c r="CR19" s="116">
        <v>1015348</v>
      </c>
      <c r="CS19" s="116">
        <v>318849</v>
      </c>
      <c r="CT19" s="116">
        <v>299107</v>
      </c>
      <c r="CU19" s="115">
        <v>3489666</v>
      </c>
      <c r="CV19" s="118">
        <v>3489666</v>
      </c>
      <c r="CW19" s="112">
        <v>0</v>
      </c>
      <c r="CX19" s="116">
        <v>39126</v>
      </c>
      <c r="CY19" s="115">
        <v>39126</v>
      </c>
      <c r="CZ19" s="112">
        <v>0</v>
      </c>
      <c r="DA19" s="116">
        <v>39271</v>
      </c>
      <c r="DB19" s="116">
        <v>144348</v>
      </c>
      <c r="DC19" s="116">
        <v>116726</v>
      </c>
      <c r="DD19" s="116">
        <v>380855</v>
      </c>
      <c r="DE19" s="116">
        <v>0</v>
      </c>
      <c r="DF19" s="115">
        <v>681200</v>
      </c>
      <c r="DG19" s="118">
        <v>720326</v>
      </c>
      <c r="DH19" s="112">
        <v>0</v>
      </c>
      <c r="DI19" s="116">
        <v>0</v>
      </c>
      <c r="DJ19" s="114">
        <v>0</v>
      </c>
      <c r="DK19" s="113">
        <v>0</v>
      </c>
      <c r="DL19" s="116">
        <v>187344</v>
      </c>
      <c r="DM19" s="116">
        <v>369240</v>
      </c>
      <c r="DN19" s="116">
        <v>356857</v>
      </c>
      <c r="DO19" s="116">
        <v>692588</v>
      </c>
      <c r="DP19" s="116">
        <v>585195</v>
      </c>
      <c r="DQ19" s="115">
        <v>2191224</v>
      </c>
      <c r="DR19" s="118">
        <v>2191224</v>
      </c>
      <c r="DS19" s="112">
        <v>0</v>
      </c>
      <c r="DT19" s="116">
        <v>0</v>
      </c>
      <c r="DU19" s="115">
        <v>0</v>
      </c>
      <c r="DV19" s="112">
        <v>0</v>
      </c>
      <c r="DW19" s="116">
        <v>187344</v>
      </c>
      <c r="DX19" s="116">
        <v>219328</v>
      </c>
      <c r="DY19" s="116">
        <v>275329</v>
      </c>
      <c r="DZ19" s="116">
        <v>692588</v>
      </c>
      <c r="EA19" s="116">
        <v>585195</v>
      </c>
      <c r="EB19" s="115">
        <v>1959784</v>
      </c>
      <c r="EC19" s="118">
        <v>1959784</v>
      </c>
      <c r="ED19" s="112">
        <v>0</v>
      </c>
      <c r="EE19" s="114">
        <v>0</v>
      </c>
      <c r="EF19" s="115">
        <v>0</v>
      </c>
      <c r="EG19" s="112">
        <v>0</v>
      </c>
      <c r="EH19" s="116">
        <v>0</v>
      </c>
      <c r="EI19" s="116">
        <v>149912</v>
      </c>
      <c r="EJ19" s="116">
        <v>81528</v>
      </c>
      <c r="EK19" s="116">
        <v>0</v>
      </c>
      <c r="EL19" s="116">
        <v>0</v>
      </c>
      <c r="EM19" s="114">
        <v>231440</v>
      </c>
      <c r="EN19" s="118">
        <v>231440</v>
      </c>
      <c r="EO19" s="112">
        <v>0</v>
      </c>
      <c r="EP19" s="116">
        <v>0</v>
      </c>
      <c r="EQ19" s="114">
        <v>0</v>
      </c>
      <c r="ER19" s="113">
        <v>0</v>
      </c>
      <c r="ES19" s="116">
        <v>0</v>
      </c>
      <c r="ET19" s="116">
        <v>0</v>
      </c>
      <c r="EU19" s="116">
        <v>0</v>
      </c>
      <c r="EV19" s="116">
        <v>0</v>
      </c>
      <c r="EW19" s="116">
        <v>0</v>
      </c>
      <c r="EX19" s="115">
        <v>0</v>
      </c>
      <c r="EY19" s="118">
        <v>0</v>
      </c>
      <c r="EZ19" s="112">
        <v>0</v>
      </c>
      <c r="FA19" s="116">
        <v>0</v>
      </c>
      <c r="FB19" s="114">
        <v>0</v>
      </c>
      <c r="FC19" s="390"/>
      <c r="FD19" s="116">
        <v>0</v>
      </c>
      <c r="FE19" s="116">
        <v>0</v>
      </c>
      <c r="FF19" s="116">
        <v>0</v>
      </c>
      <c r="FG19" s="116">
        <v>0</v>
      </c>
      <c r="FH19" s="116">
        <v>0</v>
      </c>
      <c r="FI19" s="115">
        <v>0</v>
      </c>
      <c r="FJ19" s="118">
        <v>0</v>
      </c>
      <c r="FK19" s="112">
        <v>174208</v>
      </c>
      <c r="FL19" s="116">
        <v>61728</v>
      </c>
      <c r="FM19" s="115">
        <v>235936</v>
      </c>
      <c r="FN19" s="112">
        <v>0</v>
      </c>
      <c r="FO19" s="116">
        <v>-26424</v>
      </c>
      <c r="FP19" s="116">
        <v>371904</v>
      </c>
      <c r="FQ19" s="116">
        <v>426352</v>
      </c>
      <c r="FR19" s="116">
        <v>322336</v>
      </c>
      <c r="FS19" s="116">
        <v>131536</v>
      </c>
      <c r="FT19" s="115">
        <v>1225704</v>
      </c>
      <c r="FU19" s="118">
        <v>1461640</v>
      </c>
      <c r="FV19" s="117">
        <v>14208</v>
      </c>
      <c r="FW19" s="116">
        <v>61728</v>
      </c>
      <c r="FX19" s="114">
        <v>75936</v>
      </c>
      <c r="FY19" s="113">
        <v>0</v>
      </c>
      <c r="FZ19" s="116">
        <v>-38084</v>
      </c>
      <c r="GA19" s="116">
        <v>356064</v>
      </c>
      <c r="GB19" s="116">
        <v>254672</v>
      </c>
      <c r="GC19" s="116">
        <v>322336</v>
      </c>
      <c r="GD19" s="116">
        <v>131536</v>
      </c>
      <c r="GE19" s="115">
        <v>1026524</v>
      </c>
      <c r="GF19" s="354">
        <v>1102460</v>
      </c>
      <c r="GG19" s="117">
        <v>0</v>
      </c>
      <c r="GH19" s="116">
        <v>0</v>
      </c>
      <c r="GI19" s="114">
        <v>0</v>
      </c>
      <c r="GJ19" s="113">
        <v>0</v>
      </c>
      <c r="GK19" s="116">
        <v>11660</v>
      </c>
      <c r="GL19" s="116">
        <v>15840</v>
      </c>
      <c r="GM19" s="116">
        <v>24160</v>
      </c>
      <c r="GN19" s="116">
        <v>0</v>
      </c>
      <c r="GO19" s="116">
        <v>0</v>
      </c>
      <c r="GP19" s="115">
        <v>51660</v>
      </c>
      <c r="GQ19" s="118">
        <v>51660</v>
      </c>
      <c r="GR19" s="112">
        <v>160000</v>
      </c>
      <c r="GS19" s="116">
        <v>0</v>
      </c>
      <c r="GT19" s="115">
        <v>160000</v>
      </c>
      <c r="GU19" s="112">
        <v>0</v>
      </c>
      <c r="GV19" s="116">
        <v>0</v>
      </c>
      <c r="GW19" s="116">
        <v>0</v>
      </c>
      <c r="GX19" s="116">
        <v>147520</v>
      </c>
      <c r="GY19" s="116">
        <v>0</v>
      </c>
      <c r="GZ19" s="116">
        <v>0</v>
      </c>
      <c r="HA19" s="114">
        <v>147520</v>
      </c>
      <c r="HB19" s="118">
        <v>307520</v>
      </c>
      <c r="HC19" s="112">
        <v>53370</v>
      </c>
      <c r="HD19" s="116">
        <v>0</v>
      </c>
      <c r="HE19" s="114">
        <v>53370</v>
      </c>
      <c r="HF19" s="113">
        <v>0</v>
      </c>
      <c r="HG19" s="116">
        <v>870493</v>
      </c>
      <c r="HH19" s="116">
        <v>1200130</v>
      </c>
      <c r="HI19" s="116">
        <v>975576</v>
      </c>
      <c r="HJ19" s="116">
        <v>1777127</v>
      </c>
      <c r="HK19" s="116">
        <v>1491294</v>
      </c>
      <c r="HL19" s="115">
        <v>6314620</v>
      </c>
      <c r="HM19" s="111">
        <v>6367990</v>
      </c>
      <c r="HN19" s="370"/>
      <c r="HO19" s="371"/>
      <c r="HP19" s="372"/>
      <c r="HQ19" s="373"/>
      <c r="HR19" s="371"/>
      <c r="HS19" s="371"/>
      <c r="HT19" s="371"/>
      <c r="HU19" s="371"/>
      <c r="HV19" s="371"/>
      <c r="HW19" s="374"/>
      <c r="HX19" s="375"/>
      <c r="HY19" s="148">
        <v>0</v>
      </c>
      <c r="HZ19" s="149">
        <v>0</v>
      </c>
      <c r="IA19" s="150">
        <v>0</v>
      </c>
      <c r="IB19" s="163">
        <v>0</v>
      </c>
      <c r="IC19" s="149">
        <v>519678</v>
      </c>
      <c r="ID19" s="164">
        <v>767144</v>
      </c>
      <c r="IE19" s="150">
        <v>1061369</v>
      </c>
      <c r="IF19" s="149">
        <v>1107623</v>
      </c>
      <c r="IG19" s="150">
        <v>91266</v>
      </c>
      <c r="IH19" s="165">
        <v>3547080</v>
      </c>
      <c r="II19" s="156">
        <v>3547080</v>
      </c>
      <c r="IJ19" s="261">
        <v>0</v>
      </c>
      <c r="IK19" s="268">
        <v>0</v>
      </c>
      <c r="IL19" s="269">
        <v>0</v>
      </c>
      <c r="IM19" s="157"/>
      <c r="IN19" s="122">
        <v>0</v>
      </c>
      <c r="IO19" s="122">
        <v>0</v>
      </c>
      <c r="IP19" s="122">
        <v>0</v>
      </c>
      <c r="IQ19" s="122">
        <v>0</v>
      </c>
      <c r="IR19" s="122">
        <v>0</v>
      </c>
      <c r="IS19" s="158">
        <v>0</v>
      </c>
      <c r="IT19" s="357">
        <v>0</v>
      </c>
      <c r="IU19" s="159">
        <v>0</v>
      </c>
      <c r="IV19" s="122">
        <v>0</v>
      </c>
      <c r="IW19" s="123">
        <v>0</v>
      </c>
      <c r="IX19" s="161"/>
      <c r="IY19" s="122">
        <v>0</v>
      </c>
      <c r="IZ19" s="122">
        <v>0</v>
      </c>
      <c r="JA19" s="122">
        <v>0</v>
      </c>
      <c r="JB19" s="122">
        <v>0</v>
      </c>
      <c r="JC19" s="122">
        <v>0</v>
      </c>
      <c r="JD19" s="123">
        <v>0</v>
      </c>
      <c r="JE19" s="124">
        <v>0</v>
      </c>
      <c r="JF19" s="159">
        <v>0</v>
      </c>
      <c r="JG19" s="122">
        <v>0</v>
      </c>
      <c r="JH19" s="158">
        <v>0</v>
      </c>
      <c r="JI19" s="121">
        <v>0</v>
      </c>
      <c r="JJ19" s="122">
        <v>406050</v>
      </c>
      <c r="JK19" s="122">
        <v>300989</v>
      </c>
      <c r="JL19" s="122">
        <v>157802</v>
      </c>
      <c r="JM19" s="122">
        <v>94116</v>
      </c>
      <c r="JN19" s="122">
        <v>91266</v>
      </c>
      <c r="JO19" s="123">
        <v>1050223</v>
      </c>
      <c r="JP19" s="357">
        <v>1050223</v>
      </c>
      <c r="JQ19" s="159">
        <v>0</v>
      </c>
      <c r="JR19" s="122">
        <v>0</v>
      </c>
      <c r="JS19" s="158">
        <v>0</v>
      </c>
      <c r="JT19" s="121">
        <v>0</v>
      </c>
      <c r="JU19" s="122">
        <v>0</v>
      </c>
      <c r="JV19" s="122">
        <v>119033</v>
      </c>
      <c r="JW19" s="122">
        <v>390734</v>
      </c>
      <c r="JX19" s="122">
        <v>39134</v>
      </c>
      <c r="JY19" s="122">
        <v>0</v>
      </c>
      <c r="JZ19" s="123">
        <v>548901</v>
      </c>
      <c r="KA19" s="357">
        <v>548901</v>
      </c>
      <c r="KB19" s="264">
        <v>0</v>
      </c>
      <c r="KC19" s="258">
        <v>0</v>
      </c>
      <c r="KD19" s="123">
        <v>0</v>
      </c>
      <c r="KE19" s="121">
        <v>0</v>
      </c>
      <c r="KF19" s="122">
        <v>113628</v>
      </c>
      <c r="KG19" s="122">
        <v>347122</v>
      </c>
      <c r="KH19" s="122">
        <v>0</v>
      </c>
      <c r="KI19" s="122">
        <v>253204</v>
      </c>
      <c r="KJ19" s="122">
        <v>0</v>
      </c>
      <c r="KK19" s="123">
        <v>713954</v>
      </c>
      <c r="KL19" s="160">
        <v>713954</v>
      </c>
      <c r="KM19" s="261">
        <v>0</v>
      </c>
      <c r="KN19" s="268">
        <v>0</v>
      </c>
      <c r="KO19" s="269">
        <v>0</v>
      </c>
      <c r="KP19" s="157"/>
      <c r="KQ19" s="122">
        <v>0</v>
      </c>
      <c r="KR19" s="122">
        <v>0</v>
      </c>
      <c r="KS19" s="122">
        <v>512833</v>
      </c>
      <c r="KT19" s="122">
        <v>505960</v>
      </c>
      <c r="KU19" s="122">
        <v>0</v>
      </c>
      <c r="KV19" s="123">
        <v>1018793</v>
      </c>
      <c r="KW19" s="357">
        <v>1018793</v>
      </c>
      <c r="KX19" s="159">
        <v>0</v>
      </c>
      <c r="KY19" s="122">
        <v>0</v>
      </c>
      <c r="KZ19" s="123">
        <v>0</v>
      </c>
      <c r="LA19" s="162"/>
      <c r="LB19" s="122">
        <v>0</v>
      </c>
      <c r="LC19" s="122">
        <v>0</v>
      </c>
      <c r="LD19" s="122">
        <v>0</v>
      </c>
      <c r="LE19" s="122">
        <v>215209</v>
      </c>
      <c r="LF19" s="122">
        <v>0</v>
      </c>
      <c r="LG19" s="123">
        <v>215209</v>
      </c>
      <c r="LH19" s="124">
        <v>215209</v>
      </c>
      <c r="LI19" s="159">
        <v>0</v>
      </c>
      <c r="LJ19" s="122">
        <v>0</v>
      </c>
      <c r="LK19" s="123">
        <v>0</v>
      </c>
      <c r="LL19" s="162"/>
      <c r="LM19" s="122">
        <v>0</v>
      </c>
      <c r="LN19" s="122">
        <v>0</v>
      </c>
      <c r="LO19" s="122">
        <v>0</v>
      </c>
      <c r="LP19" s="122">
        <v>0</v>
      </c>
      <c r="LQ19" s="122">
        <v>0</v>
      </c>
      <c r="LR19" s="123">
        <v>0</v>
      </c>
      <c r="LS19" s="357">
        <v>0</v>
      </c>
      <c r="LT19" s="159">
        <v>0</v>
      </c>
      <c r="LU19" s="122">
        <v>0</v>
      </c>
      <c r="LV19" s="123">
        <v>0</v>
      </c>
      <c r="LW19" s="162"/>
      <c r="LX19" s="122">
        <v>0</v>
      </c>
      <c r="LY19" s="122">
        <v>0</v>
      </c>
      <c r="LZ19" s="122">
        <v>0</v>
      </c>
      <c r="MA19" s="122">
        <v>0</v>
      </c>
      <c r="MB19" s="122">
        <v>0</v>
      </c>
      <c r="MC19" s="123">
        <v>0</v>
      </c>
      <c r="MD19" s="124">
        <v>0</v>
      </c>
      <c r="ME19" s="159">
        <v>0</v>
      </c>
      <c r="MF19" s="122">
        <v>0</v>
      </c>
      <c r="MG19" s="123">
        <v>0</v>
      </c>
      <c r="MH19" s="162"/>
      <c r="MI19" s="122">
        <v>274846</v>
      </c>
      <c r="MJ19" s="122">
        <v>547463</v>
      </c>
      <c r="MK19" s="122">
        <v>1260209</v>
      </c>
      <c r="ML19" s="122">
        <v>2779013</v>
      </c>
      <c r="MM19" s="122">
        <v>2377091</v>
      </c>
      <c r="MN19" s="123">
        <v>7238622</v>
      </c>
      <c r="MO19" s="160">
        <v>7238622</v>
      </c>
      <c r="MP19" s="159">
        <v>0</v>
      </c>
      <c r="MQ19" s="122">
        <v>0</v>
      </c>
      <c r="MR19" s="123">
        <v>0</v>
      </c>
      <c r="MS19" s="162"/>
      <c r="MT19" s="122">
        <v>0</v>
      </c>
      <c r="MU19" s="122">
        <v>0</v>
      </c>
      <c r="MV19" s="122">
        <v>266223</v>
      </c>
      <c r="MW19" s="122">
        <v>2271189</v>
      </c>
      <c r="MX19" s="122">
        <v>1625861</v>
      </c>
      <c r="MY19" s="123">
        <v>4163273</v>
      </c>
      <c r="MZ19" s="160">
        <v>4163273</v>
      </c>
      <c r="NA19" s="159">
        <v>0</v>
      </c>
      <c r="NB19" s="122">
        <v>0</v>
      </c>
      <c r="NC19" s="123">
        <v>0</v>
      </c>
      <c r="ND19" s="162"/>
      <c r="NE19" s="122">
        <v>274846</v>
      </c>
      <c r="NF19" s="122">
        <v>547463</v>
      </c>
      <c r="NG19" s="122">
        <v>993986</v>
      </c>
      <c r="NH19" s="122">
        <v>507824</v>
      </c>
      <c r="NI19" s="122">
        <v>751230</v>
      </c>
      <c r="NJ19" s="123">
        <v>3075349</v>
      </c>
      <c r="NK19" s="357">
        <v>3075349</v>
      </c>
      <c r="NL19" s="159">
        <v>0</v>
      </c>
      <c r="NM19" s="122">
        <v>0</v>
      </c>
      <c r="NN19" s="123">
        <v>0</v>
      </c>
      <c r="NO19" s="162"/>
      <c r="NP19" s="122">
        <v>0</v>
      </c>
      <c r="NQ19" s="122">
        <v>0</v>
      </c>
      <c r="NR19" s="122">
        <v>0</v>
      </c>
      <c r="NS19" s="122">
        <v>0</v>
      </c>
      <c r="NT19" s="122">
        <v>0</v>
      </c>
      <c r="NU19" s="123">
        <v>0</v>
      </c>
      <c r="NV19" s="124">
        <v>0</v>
      </c>
      <c r="NW19" s="159">
        <v>0</v>
      </c>
      <c r="NX19" s="122">
        <v>0</v>
      </c>
      <c r="NY19" s="123">
        <v>0</v>
      </c>
      <c r="NZ19" s="162"/>
      <c r="OA19" s="122">
        <v>0</v>
      </c>
      <c r="OB19" s="122">
        <v>0</v>
      </c>
      <c r="OC19" s="122">
        <v>0</v>
      </c>
      <c r="OD19" s="122">
        <v>0</v>
      </c>
      <c r="OE19" s="122">
        <v>0</v>
      </c>
      <c r="OF19" s="123">
        <v>0</v>
      </c>
      <c r="OG19" s="124">
        <v>0</v>
      </c>
      <c r="OH19" s="159">
        <v>310537</v>
      </c>
      <c r="OI19" s="122">
        <v>122498</v>
      </c>
      <c r="OJ19" s="158">
        <v>433035</v>
      </c>
      <c r="OK19" s="121">
        <v>0</v>
      </c>
      <c r="OL19" s="122">
        <v>3492310</v>
      </c>
      <c r="OM19" s="122">
        <v>6708692</v>
      </c>
      <c r="ON19" s="122">
        <v>6377650</v>
      </c>
      <c r="OO19" s="122">
        <v>9008373</v>
      </c>
      <c r="OP19" s="122">
        <v>6229703</v>
      </c>
      <c r="OQ19" s="123">
        <v>31816728</v>
      </c>
      <c r="OR19" s="160">
        <v>32249763</v>
      </c>
    </row>
    <row r="20" spans="1:408" ht="20.25" customHeight="1" x14ac:dyDescent="0.2">
      <c r="A20" s="129" t="s">
        <v>15</v>
      </c>
      <c r="B20" s="112">
        <v>186358</v>
      </c>
      <c r="C20" s="116">
        <v>230022</v>
      </c>
      <c r="D20" s="115">
        <v>416380</v>
      </c>
      <c r="E20" s="111">
        <v>0</v>
      </c>
      <c r="F20" s="116">
        <v>1223572</v>
      </c>
      <c r="G20" s="116">
        <v>1935952</v>
      </c>
      <c r="H20" s="116">
        <v>2489882</v>
      </c>
      <c r="I20" s="116">
        <v>1398538</v>
      </c>
      <c r="J20" s="116">
        <v>1013229</v>
      </c>
      <c r="K20" s="111">
        <v>8061173</v>
      </c>
      <c r="L20" s="118">
        <v>8477553</v>
      </c>
      <c r="M20" s="112">
        <v>10912</v>
      </c>
      <c r="N20" s="116">
        <v>0</v>
      </c>
      <c r="O20" s="115">
        <v>10912</v>
      </c>
      <c r="P20" s="112">
        <v>0</v>
      </c>
      <c r="Q20" s="116">
        <v>240174</v>
      </c>
      <c r="R20" s="116">
        <v>717838</v>
      </c>
      <c r="S20" s="116">
        <v>733798</v>
      </c>
      <c r="T20" s="116">
        <v>514365</v>
      </c>
      <c r="U20" s="116">
        <v>929733</v>
      </c>
      <c r="V20" s="115">
        <v>3135908</v>
      </c>
      <c r="W20" s="118">
        <v>3146820</v>
      </c>
      <c r="X20" s="112">
        <v>0</v>
      </c>
      <c r="Y20" s="116">
        <v>0</v>
      </c>
      <c r="Z20" s="115">
        <v>0</v>
      </c>
      <c r="AA20" s="112">
        <v>0</v>
      </c>
      <c r="AB20" s="116">
        <v>86359</v>
      </c>
      <c r="AC20" s="116">
        <v>344358</v>
      </c>
      <c r="AD20" s="116">
        <v>617566</v>
      </c>
      <c r="AE20" s="116">
        <v>142044</v>
      </c>
      <c r="AF20" s="116">
        <v>553535</v>
      </c>
      <c r="AG20" s="115">
        <v>1743862</v>
      </c>
      <c r="AH20" s="118">
        <v>1743862</v>
      </c>
      <c r="AI20" s="112">
        <v>0</v>
      </c>
      <c r="AJ20" s="116">
        <v>0</v>
      </c>
      <c r="AK20" s="115">
        <v>0</v>
      </c>
      <c r="AL20" s="112">
        <v>0</v>
      </c>
      <c r="AM20" s="116">
        <v>0</v>
      </c>
      <c r="AN20" s="116">
        <v>0</v>
      </c>
      <c r="AO20" s="116">
        <v>0</v>
      </c>
      <c r="AP20" s="116">
        <v>130341</v>
      </c>
      <c r="AQ20" s="116">
        <v>151878</v>
      </c>
      <c r="AR20" s="115">
        <v>282219</v>
      </c>
      <c r="AS20" s="118">
        <v>282219</v>
      </c>
      <c r="AT20" s="112">
        <v>0</v>
      </c>
      <c r="AU20" s="116">
        <v>0</v>
      </c>
      <c r="AV20" s="115">
        <v>0</v>
      </c>
      <c r="AW20" s="112">
        <v>0</v>
      </c>
      <c r="AX20" s="116">
        <v>78644</v>
      </c>
      <c r="AY20" s="116">
        <v>264841</v>
      </c>
      <c r="AZ20" s="116">
        <v>0</v>
      </c>
      <c r="BA20" s="116">
        <v>180996</v>
      </c>
      <c r="BB20" s="116">
        <v>149088</v>
      </c>
      <c r="BC20" s="115">
        <v>673569</v>
      </c>
      <c r="BD20" s="118">
        <v>673569</v>
      </c>
      <c r="BE20" s="112">
        <v>0</v>
      </c>
      <c r="BF20" s="116">
        <v>0</v>
      </c>
      <c r="BG20" s="114">
        <v>0</v>
      </c>
      <c r="BH20" s="113">
        <v>0</v>
      </c>
      <c r="BI20" s="116">
        <v>21707</v>
      </c>
      <c r="BJ20" s="116">
        <v>31039</v>
      </c>
      <c r="BK20" s="116">
        <v>0</v>
      </c>
      <c r="BL20" s="116">
        <v>0</v>
      </c>
      <c r="BM20" s="116">
        <v>65888</v>
      </c>
      <c r="BN20" s="115">
        <v>118634</v>
      </c>
      <c r="BO20" s="118">
        <v>118634</v>
      </c>
      <c r="BP20" s="112">
        <v>10912</v>
      </c>
      <c r="BQ20" s="116">
        <v>0</v>
      </c>
      <c r="BR20" s="115">
        <v>10912</v>
      </c>
      <c r="BS20" s="112">
        <v>0</v>
      </c>
      <c r="BT20" s="116">
        <v>53464</v>
      </c>
      <c r="BU20" s="116">
        <v>77600</v>
      </c>
      <c r="BV20" s="116">
        <v>116232</v>
      </c>
      <c r="BW20" s="116">
        <v>60984</v>
      </c>
      <c r="BX20" s="116">
        <v>9344</v>
      </c>
      <c r="BY20" s="115">
        <v>317624</v>
      </c>
      <c r="BZ20" s="118">
        <v>328536</v>
      </c>
      <c r="CA20" s="112">
        <v>0</v>
      </c>
      <c r="CB20" s="116">
        <v>0</v>
      </c>
      <c r="CC20" s="115">
        <v>0</v>
      </c>
      <c r="CD20" s="112">
        <v>0</v>
      </c>
      <c r="CE20" s="116">
        <v>188977</v>
      </c>
      <c r="CF20" s="116">
        <v>313122</v>
      </c>
      <c r="CG20" s="116">
        <v>378361</v>
      </c>
      <c r="CH20" s="116">
        <v>32138</v>
      </c>
      <c r="CI20" s="116">
        <v>0</v>
      </c>
      <c r="CJ20" s="115">
        <v>912598</v>
      </c>
      <c r="CK20" s="118">
        <v>912598</v>
      </c>
      <c r="CL20" s="112">
        <v>0</v>
      </c>
      <c r="CM20" s="116">
        <v>0</v>
      </c>
      <c r="CN20" s="115">
        <v>0</v>
      </c>
      <c r="CO20" s="113">
        <v>0</v>
      </c>
      <c r="CP20" s="116">
        <v>48029</v>
      </c>
      <c r="CQ20" s="116">
        <v>162951</v>
      </c>
      <c r="CR20" s="116">
        <v>218895</v>
      </c>
      <c r="CS20" s="116">
        <v>0</v>
      </c>
      <c r="CT20" s="116">
        <v>0</v>
      </c>
      <c r="CU20" s="115">
        <v>429875</v>
      </c>
      <c r="CV20" s="118">
        <v>429875</v>
      </c>
      <c r="CW20" s="112">
        <v>0</v>
      </c>
      <c r="CX20" s="116">
        <v>0</v>
      </c>
      <c r="CY20" s="115">
        <v>0</v>
      </c>
      <c r="CZ20" s="112">
        <v>0</v>
      </c>
      <c r="DA20" s="116">
        <v>140948</v>
      </c>
      <c r="DB20" s="116">
        <v>150171</v>
      </c>
      <c r="DC20" s="116">
        <v>159466</v>
      </c>
      <c r="DD20" s="116">
        <v>32138</v>
      </c>
      <c r="DE20" s="116">
        <v>0</v>
      </c>
      <c r="DF20" s="115">
        <v>482723</v>
      </c>
      <c r="DG20" s="118">
        <v>482723</v>
      </c>
      <c r="DH20" s="112">
        <v>0</v>
      </c>
      <c r="DI20" s="116">
        <v>0</v>
      </c>
      <c r="DJ20" s="114">
        <v>0</v>
      </c>
      <c r="DK20" s="113">
        <v>0</v>
      </c>
      <c r="DL20" s="116">
        <v>0</v>
      </c>
      <c r="DM20" s="116">
        <v>0</v>
      </c>
      <c r="DN20" s="116">
        <v>181770</v>
      </c>
      <c r="DO20" s="116">
        <v>51476</v>
      </c>
      <c r="DP20" s="116">
        <v>0</v>
      </c>
      <c r="DQ20" s="115">
        <v>233246</v>
      </c>
      <c r="DR20" s="118">
        <v>233246</v>
      </c>
      <c r="DS20" s="112">
        <v>0</v>
      </c>
      <c r="DT20" s="116">
        <v>0</v>
      </c>
      <c r="DU20" s="115">
        <v>0</v>
      </c>
      <c r="DV20" s="112">
        <v>0</v>
      </c>
      <c r="DW20" s="116">
        <v>0</v>
      </c>
      <c r="DX20" s="116">
        <v>0</v>
      </c>
      <c r="DY20" s="116">
        <v>0</v>
      </c>
      <c r="DZ20" s="116">
        <v>51476</v>
      </c>
      <c r="EA20" s="116">
        <v>0</v>
      </c>
      <c r="EB20" s="115">
        <v>51476</v>
      </c>
      <c r="EC20" s="118">
        <v>51476</v>
      </c>
      <c r="ED20" s="112">
        <v>0</v>
      </c>
      <c r="EE20" s="114">
        <v>0</v>
      </c>
      <c r="EF20" s="115">
        <v>0</v>
      </c>
      <c r="EG20" s="112">
        <v>0</v>
      </c>
      <c r="EH20" s="116">
        <v>0</v>
      </c>
      <c r="EI20" s="116">
        <v>0</v>
      </c>
      <c r="EJ20" s="116">
        <v>181770</v>
      </c>
      <c r="EK20" s="116">
        <v>0</v>
      </c>
      <c r="EL20" s="116">
        <v>0</v>
      </c>
      <c r="EM20" s="114">
        <v>181770</v>
      </c>
      <c r="EN20" s="118">
        <v>181770</v>
      </c>
      <c r="EO20" s="112">
        <v>0</v>
      </c>
      <c r="EP20" s="116">
        <v>0</v>
      </c>
      <c r="EQ20" s="114">
        <v>0</v>
      </c>
      <c r="ER20" s="113">
        <v>0</v>
      </c>
      <c r="ES20" s="116">
        <v>0</v>
      </c>
      <c r="ET20" s="116">
        <v>0</v>
      </c>
      <c r="EU20" s="116">
        <v>0</v>
      </c>
      <c r="EV20" s="116">
        <v>0</v>
      </c>
      <c r="EW20" s="116">
        <v>0</v>
      </c>
      <c r="EX20" s="115">
        <v>0</v>
      </c>
      <c r="EY20" s="118">
        <v>0</v>
      </c>
      <c r="EZ20" s="112">
        <v>0</v>
      </c>
      <c r="FA20" s="116">
        <v>0</v>
      </c>
      <c r="FB20" s="114">
        <v>0</v>
      </c>
      <c r="FC20" s="390"/>
      <c r="FD20" s="116">
        <v>0</v>
      </c>
      <c r="FE20" s="116">
        <v>0</v>
      </c>
      <c r="FF20" s="116">
        <v>0</v>
      </c>
      <c r="FG20" s="116">
        <v>0</v>
      </c>
      <c r="FH20" s="116">
        <v>0</v>
      </c>
      <c r="FI20" s="115">
        <v>0</v>
      </c>
      <c r="FJ20" s="118">
        <v>0</v>
      </c>
      <c r="FK20" s="112">
        <v>1600</v>
      </c>
      <c r="FL20" s="116">
        <v>38000</v>
      </c>
      <c r="FM20" s="115">
        <v>39600</v>
      </c>
      <c r="FN20" s="112">
        <v>0</v>
      </c>
      <c r="FO20" s="116">
        <v>21440</v>
      </c>
      <c r="FP20" s="116">
        <v>184008</v>
      </c>
      <c r="FQ20" s="116">
        <v>91792</v>
      </c>
      <c r="FR20" s="116">
        <v>152424</v>
      </c>
      <c r="FS20" s="116">
        <v>83496</v>
      </c>
      <c r="FT20" s="115">
        <v>533160</v>
      </c>
      <c r="FU20" s="118">
        <v>572760</v>
      </c>
      <c r="FV20" s="117">
        <v>1600</v>
      </c>
      <c r="FW20" s="116">
        <v>38000</v>
      </c>
      <c r="FX20" s="114">
        <v>39600</v>
      </c>
      <c r="FY20" s="113">
        <v>0</v>
      </c>
      <c r="FZ20" s="116">
        <v>21440</v>
      </c>
      <c r="GA20" s="116">
        <v>184008</v>
      </c>
      <c r="GB20" s="116">
        <v>91792</v>
      </c>
      <c r="GC20" s="116">
        <v>152424</v>
      </c>
      <c r="GD20" s="116">
        <v>83496</v>
      </c>
      <c r="GE20" s="115">
        <v>533160</v>
      </c>
      <c r="GF20" s="354">
        <v>572760</v>
      </c>
      <c r="GG20" s="117">
        <v>0</v>
      </c>
      <c r="GH20" s="116">
        <v>0</v>
      </c>
      <c r="GI20" s="114">
        <v>0</v>
      </c>
      <c r="GJ20" s="113">
        <v>0</v>
      </c>
      <c r="GK20" s="116">
        <v>0</v>
      </c>
      <c r="GL20" s="116">
        <v>0</v>
      </c>
      <c r="GM20" s="116">
        <v>0</v>
      </c>
      <c r="GN20" s="116">
        <v>0</v>
      </c>
      <c r="GO20" s="116">
        <v>0</v>
      </c>
      <c r="GP20" s="115">
        <v>0</v>
      </c>
      <c r="GQ20" s="118">
        <v>0</v>
      </c>
      <c r="GR20" s="112">
        <v>0</v>
      </c>
      <c r="GS20" s="116">
        <v>0</v>
      </c>
      <c r="GT20" s="115">
        <v>0</v>
      </c>
      <c r="GU20" s="112">
        <v>0</v>
      </c>
      <c r="GV20" s="116">
        <v>0</v>
      </c>
      <c r="GW20" s="116">
        <v>0</v>
      </c>
      <c r="GX20" s="116">
        <v>0</v>
      </c>
      <c r="GY20" s="116">
        <v>0</v>
      </c>
      <c r="GZ20" s="116">
        <v>0</v>
      </c>
      <c r="HA20" s="114">
        <v>0</v>
      </c>
      <c r="HB20" s="118">
        <v>0</v>
      </c>
      <c r="HC20" s="112">
        <v>173846</v>
      </c>
      <c r="HD20" s="116">
        <v>192022</v>
      </c>
      <c r="HE20" s="114">
        <v>365868</v>
      </c>
      <c r="HF20" s="113">
        <v>0</v>
      </c>
      <c r="HG20" s="116">
        <v>772981</v>
      </c>
      <c r="HH20" s="116">
        <v>720984</v>
      </c>
      <c r="HI20" s="116">
        <v>1104161</v>
      </c>
      <c r="HJ20" s="116">
        <v>648135</v>
      </c>
      <c r="HK20" s="116">
        <v>0</v>
      </c>
      <c r="HL20" s="115">
        <v>3246261</v>
      </c>
      <c r="HM20" s="111">
        <v>3612129</v>
      </c>
      <c r="HN20" s="370"/>
      <c r="HO20" s="371"/>
      <c r="HP20" s="372"/>
      <c r="HQ20" s="373"/>
      <c r="HR20" s="371"/>
      <c r="HS20" s="371"/>
      <c r="HT20" s="371"/>
      <c r="HU20" s="371"/>
      <c r="HV20" s="371"/>
      <c r="HW20" s="374"/>
      <c r="HX20" s="375"/>
      <c r="HY20" s="167">
        <v>0</v>
      </c>
      <c r="HZ20" s="152">
        <v>0</v>
      </c>
      <c r="IA20" s="167">
        <v>0</v>
      </c>
      <c r="IB20" s="151">
        <v>0</v>
      </c>
      <c r="IC20" s="152">
        <v>627095</v>
      </c>
      <c r="ID20" s="153">
        <v>1161176</v>
      </c>
      <c r="IE20" s="154">
        <v>214914</v>
      </c>
      <c r="IF20" s="152">
        <v>645397</v>
      </c>
      <c r="IG20" s="154">
        <v>0</v>
      </c>
      <c r="IH20" s="155">
        <v>2648582</v>
      </c>
      <c r="II20" s="167">
        <v>2648582</v>
      </c>
      <c r="IJ20" s="261">
        <v>0</v>
      </c>
      <c r="IK20" s="268">
        <v>0</v>
      </c>
      <c r="IL20" s="269">
        <v>0</v>
      </c>
      <c r="IM20" s="157"/>
      <c r="IN20" s="122">
        <v>0</v>
      </c>
      <c r="IO20" s="122">
        <v>0</v>
      </c>
      <c r="IP20" s="122">
        <v>0</v>
      </c>
      <c r="IQ20" s="122">
        <v>0</v>
      </c>
      <c r="IR20" s="122">
        <v>0</v>
      </c>
      <c r="IS20" s="158">
        <v>0</v>
      </c>
      <c r="IT20" s="357">
        <v>0</v>
      </c>
      <c r="IU20" s="159">
        <v>0</v>
      </c>
      <c r="IV20" s="122">
        <v>0</v>
      </c>
      <c r="IW20" s="123">
        <v>0</v>
      </c>
      <c r="IX20" s="161"/>
      <c r="IY20" s="122">
        <v>0</v>
      </c>
      <c r="IZ20" s="122">
        <v>0</v>
      </c>
      <c r="JA20" s="122">
        <v>0</v>
      </c>
      <c r="JB20" s="122">
        <v>0</v>
      </c>
      <c r="JC20" s="122">
        <v>0</v>
      </c>
      <c r="JD20" s="123">
        <v>0</v>
      </c>
      <c r="JE20" s="124">
        <v>0</v>
      </c>
      <c r="JF20" s="159">
        <v>0</v>
      </c>
      <c r="JG20" s="122">
        <v>0</v>
      </c>
      <c r="JH20" s="158">
        <v>0</v>
      </c>
      <c r="JI20" s="121">
        <v>0</v>
      </c>
      <c r="JJ20" s="122">
        <v>176080</v>
      </c>
      <c r="JK20" s="122">
        <v>298719</v>
      </c>
      <c r="JL20" s="122">
        <v>78972</v>
      </c>
      <c r="JM20" s="122">
        <v>78668</v>
      </c>
      <c r="JN20" s="122">
        <v>0</v>
      </c>
      <c r="JO20" s="123">
        <v>632439</v>
      </c>
      <c r="JP20" s="357">
        <v>632439</v>
      </c>
      <c r="JQ20" s="159">
        <v>0</v>
      </c>
      <c r="JR20" s="122">
        <v>0</v>
      </c>
      <c r="JS20" s="158">
        <v>0</v>
      </c>
      <c r="JT20" s="121">
        <v>0</v>
      </c>
      <c r="JU20" s="122">
        <v>0</v>
      </c>
      <c r="JV20" s="122">
        <v>65359</v>
      </c>
      <c r="JW20" s="122">
        <v>0</v>
      </c>
      <c r="JX20" s="122">
        <v>0</v>
      </c>
      <c r="JY20" s="122">
        <v>0</v>
      </c>
      <c r="JZ20" s="123">
        <v>65359</v>
      </c>
      <c r="KA20" s="357">
        <v>65359</v>
      </c>
      <c r="KB20" s="264">
        <v>0</v>
      </c>
      <c r="KC20" s="258">
        <v>0</v>
      </c>
      <c r="KD20" s="123">
        <v>0</v>
      </c>
      <c r="KE20" s="121">
        <v>0</v>
      </c>
      <c r="KF20" s="122">
        <v>0</v>
      </c>
      <c r="KG20" s="122">
        <v>324146</v>
      </c>
      <c r="KH20" s="122">
        <v>135942</v>
      </c>
      <c r="KI20" s="122">
        <v>499301</v>
      </c>
      <c r="KJ20" s="122">
        <v>0</v>
      </c>
      <c r="KK20" s="123">
        <v>959389</v>
      </c>
      <c r="KL20" s="160">
        <v>959389</v>
      </c>
      <c r="KM20" s="261">
        <v>0</v>
      </c>
      <c r="KN20" s="268">
        <v>0</v>
      </c>
      <c r="KO20" s="269">
        <v>0</v>
      </c>
      <c r="KP20" s="157"/>
      <c r="KQ20" s="122">
        <v>451015</v>
      </c>
      <c r="KR20" s="122">
        <v>472952</v>
      </c>
      <c r="KS20" s="122">
        <v>0</v>
      </c>
      <c r="KT20" s="122">
        <v>67428</v>
      </c>
      <c r="KU20" s="122">
        <v>0</v>
      </c>
      <c r="KV20" s="123">
        <v>991395</v>
      </c>
      <c r="KW20" s="357">
        <v>991395</v>
      </c>
      <c r="KX20" s="159">
        <v>0</v>
      </c>
      <c r="KY20" s="122">
        <v>0</v>
      </c>
      <c r="KZ20" s="123">
        <v>0</v>
      </c>
      <c r="LA20" s="162"/>
      <c r="LB20" s="122">
        <v>0</v>
      </c>
      <c r="LC20" s="122">
        <v>0</v>
      </c>
      <c r="LD20" s="122">
        <v>0</v>
      </c>
      <c r="LE20" s="122">
        <v>0</v>
      </c>
      <c r="LF20" s="122">
        <v>0</v>
      </c>
      <c r="LG20" s="123">
        <v>0</v>
      </c>
      <c r="LH20" s="124">
        <v>0</v>
      </c>
      <c r="LI20" s="159">
        <v>0</v>
      </c>
      <c r="LJ20" s="122">
        <v>0</v>
      </c>
      <c r="LK20" s="123">
        <v>0</v>
      </c>
      <c r="LL20" s="162"/>
      <c r="LM20" s="122">
        <v>0</v>
      </c>
      <c r="LN20" s="122">
        <v>0</v>
      </c>
      <c r="LO20" s="122">
        <v>0</v>
      </c>
      <c r="LP20" s="122">
        <v>0</v>
      </c>
      <c r="LQ20" s="122">
        <v>0</v>
      </c>
      <c r="LR20" s="123">
        <v>0</v>
      </c>
      <c r="LS20" s="357">
        <v>0</v>
      </c>
      <c r="LT20" s="159">
        <v>0</v>
      </c>
      <c r="LU20" s="122">
        <v>0</v>
      </c>
      <c r="LV20" s="123">
        <v>0</v>
      </c>
      <c r="LW20" s="162"/>
      <c r="LX20" s="122">
        <v>0</v>
      </c>
      <c r="LY20" s="122">
        <v>0</v>
      </c>
      <c r="LZ20" s="122">
        <v>0</v>
      </c>
      <c r="MA20" s="122">
        <v>0</v>
      </c>
      <c r="MB20" s="122">
        <v>0</v>
      </c>
      <c r="MC20" s="123">
        <v>0</v>
      </c>
      <c r="MD20" s="124">
        <v>0</v>
      </c>
      <c r="ME20" s="159">
        <v>0</v>
      </c>
      <c r="MF20" s="122">
        <v>0</v>
      </c>
      <c r="MG20" s="123">
        <v>0</v>
      </c>
      <c r="MH20" s="162"/>
      <c r="MI20" s="122">
        <v>477364</v>
      </c>
      <c r="MJ20" s="122">
        <v>236997</v>
      </c>
      <c r="MK20" s="122">
        <v>695301</v>
      </c>
      <c r="ML20" s="122">
        <v>1610104</v>
      </c>
      <c r="MM20" s="122">
        <v>589678</v>
      </c>
      <c r="MN20" s="123">
        <v>3609444</v>
      </c>
      <c r="MO20" s="160">
        <v>3609444</v>
      </c>
      <c r="MP20" s="159">
        <v>0</v>
      </c>
      <c r="MQ20" s="122">
        <v>0</v>
      </c>
      <c r="MR20" s="123">
        <v>0</v>
      </c>
      <c r="MS20" s="162"/>
      <c r="MT20" s="122">
        <v>0</v>
      </c>
      <c r="MU20" s="122">
        <v>0</v>
      </c>
      <c r="MV20" s="122">
        <v>587467</v>
      </c>
      <c r="MW20" s="122">
        <v>732480</v>
      </c>
      <c r="MX20" s="122">
        <v>0</v>
      </c>
      <c r="MY20" s="123">
        <v>1319947</v>
      </c>
      <c r="MZ20" s="160">
        <v>1319947</v>
      </c>
      <c r="NA20" s="159">
        <v>0</v>
      </c>
      <c r="NB20" s="122">
        <v>0</v>
      </c>
      <c r="NC20" s="123">
        <v>0</v>
      </c>
      <c r="ND20" s="162"/>
      <c r="NE20" s="122">
        <v>477364</v>
      </c>
      <c r="NF20" s="122">
        <v>236997</v>
      </c>
      <c r="NG20" s="122">
        <v>107834</v>
      </c>
      <c r="NH20" s="122">
        <v>877624</v>
      </c>
      <c r="NI20" s="122">
        <v>589678</v>
      </c>
      <c r="NJ20" s="123">
        <v>2289497</v>
      </c>
      <c r="NK20" s="357">
        <v>2289497</v>
      </c>
      <c r="NL20" s="159">
        <v>0</v>
      </c>
      <c r="NM20" s="122">
        <v>0</v>
      </c>
      <c r="NN20" s="123">
        <v>0</v>
      </c>
      <c r="NO20" s="162"/>
      <c r="NP20" s="122">
        <v>0</v>
      </c>
      <c r="NQ20" s="122">
        <v>0</v>
      </c>
      <c r="NR20" s="122">
        <v>0</v>
      </c>
      <c r="NS20" s="122">
        <v>0</v>
      </c>
      <c r="NT20" s="122">
        <v>0</v>
      </c>
      <c r="NU20" s="123">
        <v>0</v>
      </c>
      <c r="NV20" s="124">
        <v>0</v>
      </c>
      <c r="NW20" s="159">
        <v>0</v>
      </c>
      <c r="NX20" s="122">
        <v>0</v>
      </c>
      <c r="NY20" s="123">
        <v>0</v>
      </c>
      <c r="NZ20" s="162"/>
      <c r="OA20" s="122">
        <v>0</v>
      </c>
      <c r="OB20" s="122">
        <v>0</v>
      </c>
      <c r="OC20" s="122">
        <v>0</v>
      </c>
      <c r="OD20" s="122">
        <v>0</v>
      </c>
      <c r="OE20" s="122">
        <v>0</v>
      </c>
      <c r="OF20" s="123">
        <v>0</v>
      </c>
      <c r="OG20" s="124">
        <v>0</v>
      </c>
      <c r="OH20" s="159">
        <v>186358</v>
      </c>
      <c r="OI20" s="122">
        <v>230022</v>
      </c>
      <c r="OJ20" s="158">
        <v>416380</v>
      </c>
      <c r="OK20" s="121">
        <v>0</v>
      </c>
      <c r="OL20" s="122">
        <v>2328031</v>
      </c>
      <c r="OM20" s="122">
        <v>3334125</v>
      </c>
      <c r="ON20" s="122">
        <v>3400097</v>
      </c>
      <c r="OO20" s="122">
        <v>3654039</v>
      </c>
      <c r="OP20" s="122">
        <v>1602907</v>
      </c>
      <c r="OQ20" s="123">
        <v>14319199</v>
      </c>
      <c r="OR20" s="160">
        <v>14735579</v>
      </c>
    </row>
    <row r="21" spans="1:408" ht="20.25" customHeight="1" x14ac:dyDescent="0.2">
      <c r="A21" s="129" t="s">
        <v>16</v>
      </c>
      <c r="B21" s="112">
        <v>277176</v>
      </c>
      <c r="C21" s="116">
        <v>645034</v>
      </c>
      <c r="D21" s="115">
        <v>922210</v>
      </c>
      <c r="E21" s="111">
        <v>0</v>
      </c>
      <c r="F21" s="116">
        <v>4473157</v>
      </c>
      <c r="G21" s="116">
        <v>6800216</v>
      </c>
      <c r="H21" s="116">
        <v>5586001</v>
      </c>
      <c r="I21" s="116">
        <v>5407808</v>
      </c>
      <c r="J21" s="116">
        <v>3336481</v>
      </c>
      <c r="K21" s="111">
        <v>25603663</v>
      </c>
      <c r="L21" s="118">
        <v>26525873</v>
      </c>
      <c r="M21" s="112">
        <v>54849</v>
      </c>
      <c r="N21" s="116">
        <v>98834</v>
      </c>
      <c r="O21" s="115">
        <v>153683</v>
      </c>
      <c r="P21" s="112">
        <v>0</v>
      </c>
      <c r="Q21" s="116">
        <v>789620</v>
      </c>
      <c r="R21" s="116">
        <v>1251302</v>
      </c>
      <c r="S21" s="116">
        <v>1081389</v>
      </c>
      <c r="T21" s="116">
        <v>1054521</v>
      </c>
      <c r="U21" s="116">
        <v>1414018</v>
      </c>
      <c r="V21" s="115">
        <v>5590850</v>
      </c>
      <c r="W21" s="118">
        <v>5744533</v>
      </c>
      <c r="X21" s="112">
        <v>0</v>
      </c>
      <c r="Y21" s="116">
        <v>0</v>
      </c>
      <c r="Z21" s="115">
        <v>0</v>
      </c>
      <c r="AA21" s="112">
        <v>0</v>
      </c>
      <c r="AB21" s="116">
        <v>187397</v>
      </c>
      <c r="AC21" s="116">
        <v>275469</v>
      </c>
      <c r="AD21" s="116">
        <v>276810</v>
      </c>
      <c r="AE21" s="116">
        <v>268299</v>
      </c>
      <c r="AF21" s="116">
        <v>718600</v>
      </c>
      <c r="AG21" s="115">
        <v>1726575</v>
      </c>
      <c r="AH21" s="118">
        <v>1726575</v>
      </c>
      <c r="AI21" s="112">
        <v>0</v>
      </c>
      <c r="AJ21" s="116">
        <v>0</v>
      </c>
      <c r="AK21" s="115">
        <v>0</v>
      </c>
      <c r="AL21" s="112">
        <v>0</v>
      </c>
      <c r="AM21" s="116">
        <v>0</v>
      </c>
      <c r="AN21" s="116">
        <v>0</v>
      </c>
      <c r="AO21" s="116">
        <v>0</v>
      </c>
      <c r="AP21" s="116">
        <v>90160</v>
      </c>
      <c r="AQ21" s="116">
        <v>160749</v>
      </c>
      <c r="AR21" s="115">
        <v>250909</v>
      </c>
      <c r="AS21" s="118">
        <v>250909</v>
      </c>
      <c r="AT21" s="112">
        <v>36769</v>
      </c>
      <c r="AU21" s="116">
        <v>86850</v>
      </c>
      <c r="AV21" s="115">
        <v>123619</v>
      </c>
      <c r="AW21" s="112">
        <v>0</v>
      </c>
      <c r="AX21" s="116">
        <v>330359</v>
      </c>
      <c r="AY21" s="116">
        <v>691573</v>
      </c>
      <c r="AZ21" s="116">
        <v>490003</v>
      </c>
      <c r="BA21" s="116">
        <v>392454</v>
      </c>
      <c r="BB21" s="116">
        <v>403257</v>
      </c>
      <c r="BC21" s="115">
        <v>2307646</v>
      </c>
      <c r="BD21" s="118">
        <v>2431265</v>
      </c>
      <c r="BE21" s="112">
        <v>0</v>
      </c>
      <c r="BF21" s="116">
        <v>0</v>
      </c>
      <c r="BG21" s="114">
        <v>0</v>
      </c>
      <c r="BH21" s="113">
        <v>0</v>
      </c>
      <c r="BI21" s="116">
        <v>0</v>
      </c>
      <c r="BJ21" s="116">
        <v>23700</v>
      </c>
      <c r="BK21" s="116">
        <v>31600</v>
      </c>
      <c r="BL21" s="116">
        <v>0</v>
      </c>
      <c r="BM21" s="116">
        <v>7900</v>
      </c>
      <c r="BN21" s="115">
        <v>63200</v>
      </c>
      <c r="BO21" s="118">
        <v>63200</v>
      </c>
      <c r="BP21" s="112">
        <v>18080</v>
      </c>
      <c r="BQ21" s="116">
        <v>11984</v>
      </c>
      <c r="BR21" s="115">
        <v>30064</v>
      </c>
      <c r="BS21" s="112">
        <v>0</v>
      </c>
      <c r="BT21" s="116">
        <v>271864</v>
      </c>
      <c r="BU21" s="116">
        <v>260560</v>
      </c>
      <c r="BV21" s="116">
        <v>282976</v>
      </c>
      <c r="BW21" s="116">
        <v>303608</v>
      </c>
      <c r="BX21" s="116">
        <v>123512</v>
      </c>
      <c r="BY21" s="115">
        <v>1242520</v>
      </c>
      <c r="BZ21" s="118">
        <v>1272584</v>
      </c>
      <c r="CA21" s="112">
        <v>43137</v>
      </c>
      <c r="CB21" s="116">
        <v>148459</v>
      </c>
      <c r="CC21" s="115">
        <v>191596</v>
      </c>
      <c r="CD21" s="112">
        <v>0</v>
      </c>
      <c r="CE21" s="116">
        <v>1412334</v>
      </c>
      <c r="CF21" s="116">
        <v>2902859</v>
      </c>
      <c r="CG21" s="116">
        <v>1325377</v>
      </c>
      <c r="CH21" s="116">
        <v>825381</v>
      </c>
      <c r="CI21" s="116">
        <v>310151</v>
      </c>
      <c r="CJ21" s="115">
        <v>6776102</v>
      </c>
      <c r="CK21" s="118">
        <v>6967698</v>
      </c>
      <c r="CL21" s="112">
        <v>0</v>
      </c>
      <c r="CM21" s="116">
        <v>0</v>
      </c>
      <c r="CN21" s="115">
        <v>0</v>
      </c>
      <c r="CO21" s="113">
        <v>0</v>
      </c>
      <c r="CP21" s="116">
        <v>692795</v>
      </c>
      <c r="CQ21" s="116">
        <v>1387312</v>
      </c>
      <c r="CR21" s="116">
        <v>817832</v>
      </c>
      <c r="CS21" s="116">
        <v>533763</v>
      </c>
      <c r="CT21" s="116">
        <v>310151</v>
      </c>
      <c r="CU21" s="115">
        <v>3741853</v>
      </c>
      <c r="CV21" s="118">
        <v>3741853</v>
      </c>
      <c r="CW21" s="112">
        <v>43137</v>
      </c>
      <c r="CX21" s="116">
        <v>148459</v>
      </c>
      <c r="CY21" s="115">
        <v>191596</v>
      </c>
      <c r="CZ21" s="112">
        <v>0</v>
      </c>
      <c r="DA21" s="116">
        <v>719539</v>
      </c>
      <c r="DB21" s="116">
        <v>1515547</v>
      </c>
      <c r="DC21" s="116">
        <v>507545</v>
      </c>
      <c r="DD21" s="116">
        <v>291618</v>
      </c>
      <c r="DE21" s="116">
        <v>0</v>
      </c>
      <c r="DF21" s="115">
        <v>3034249</v>
      </c>
      <c r="DG21" s="118">
        <v>3225845</v>
      </c>
      <c r="DH21" s="112">
        <v>0</v>
      </c>
      <c r="DI21" s="116">
        <v>27665</v>
      </c>
      <c r="DJ21" s="114">
        <v>27665</v>
      </c>
      <c r="DK21" s="113">
        <v>0</v>
      </c>
      <c r="DL21" s="116">
        <v>130932</v>
      </c>
      <c r="DM21" s="116">
        <v>608647</v>
      </c>
      <c r="DN21" s="116">
        <v>271734</v>
      </c>
      <c r="DO21" s="116">
        <v>211374</v>
      </c>
      <c r="DP21" s="116">
        <v>0</v>
      </c>
      <c r="DQ21" s="115">
        <v>1222687</v>
      </c>
      <c r="DR21" s="118">
        <v>1250352</v>
      </c>
      <c r="DS21" s="112">
        <v>0</v>
      </c>
      <c r="DT21" s="116">
        <v>27665</v>
      </c>
      <c r="DU21" s="115">
        <v>27665</v>
      </c>
      <c r="DV21" s="112">
        <v>0</v>
      </c>
      <c r="DW21" s="116">
        <v>130932</v>
      </c>
      <c r="DX21" s="116">
        <v>580566</v>
      </c>
      <c r="DY21" s="116">
        <v>271734</v>
      </c>
      <c r="DZ21" s="116">
        <v>176112</v>
      </c>
      <c r="EA21" s="116">
        <v>0</v>
      </c>
      <c r="EB21" s="115">
        <v>1159344</v>
      </c>
      <c r="EC21" s="118">
        <v>1187009</v>
      </c>
      <c r="ED21" s="112">
        <v>0</v>
      </c>
      <c r="EE21" s="114">
        <v>0</v>
      </c>
      <c r="EF21" s="115">
        <v>0</v>
      </c>
      <c r="EG21" s="112">
        <v>0</v>
      </c>
      <c r="EH21" s="116">
        <v>0</v>
      </c>
      <c r="EI21" s="116">
        <v>28081</v>
      </c>
      <c r="EJ21" s="116">
        <v>0</v>
      </c>
      <c r="EK21" s="116">
        <v>35262</v>
      </c>
      <c r="EL21" s="116">
        <v>0</v>
      </c>
      <c r="EM21" s="114">
        <v>63343</v>
      </c>
      <c r="EN21" s="118">
        <v>63343</v>
      </c>
      <c r="EO21" s="112">
        <v>0</v>
      </c>
      <c r="EP21" s="116">
        <v>0</v>
      </c>
      <c r="EQ21" s="114">
        <v>0</v>
      </c>
      <c r="ER21" s="113">
        <v>0</v>
      </c>
      <c r="ES21" s="116">
        <v>0</v>
      </c>
      <c r="ET21" s="116">
        <v>0</v>
      </c>
      <c r="EU21" s="116">
        <v>0</v>
      </c>
      <c r="EV21" s="116">
        <v>0</v>
      </c>
      <c r="EW21" s="116">
        <v>0</v>
      </c>
      <c r="EX21" s="115">
        <v>0</v>
      </c>
      <c r="EY21" s="118">
        <v>0</v>
      </c>
      <c r="EZ21" s="112">
        <v>0</v>
      </c>
      <c r="FA21" s="116">
        <v>0</v>
      </c>
      <c r="FB21" s="114">
        <v>0</v>
      </c>
      <c r="FC21" s="390"/>
      <c r="FD21" s="116">
        <v>0</v>
      </c>
      <c r="FE21" s="116">
        <v>0</v>
      </c>
      <c r="FF21" s="116">
        <v>0</v>
      </c>
      <c r="FG21" s="116">
        <v>0</v>
      </c>
      <c r="FH21" s="116">
        <v>0</v>
      </c>
      <c r="FI21" s="115">
        <v>0</v>
      </c>
      <c r="FJ21" s="118">
        <v>0</v>
      </c>
      <c r="FK21" s="112">
        <v>71240</v>
      </c>
      <c r="FL21" s="116">
        <v>104307</v>
      </c>
      <c r="FM21" s="115">
        <v>175547</v>
      </c>
      <c r="FN21" s="112">
        <v>0</v>
      </c>
      <c r="FO21" s="116">
        <v>181400</v>
      </c>
      <c r="FP21" s="116">
        <v>800160</v>
      </c>
      <c r="FQ21" s="116">
        <v>358080</v>
      </c>
      <c r="FR21" s="116">
        <v>303464</v>
      </c>
      <c r="FS21" s="116">
        <v>219888</v>
      </c>
      <c r="FT21" s="115">
        <v>1862992</v>
      </c>
      <c r="FU21" s="118">
        <v>2038539</v>
      </c>
      <c r="FV21" s="117">
        <v>71240</v>
      </c>
      <c r="FW21" s="116">
        <v>67920</v>
      </c>
      <c r="FX21" s="114">
        <v>139160</v>
      </c>
      <c r="FY21" s="113">
        <v>0</v>
      </c>
      <c r="FZ21" s="116">
        <v>98200</v>
      </c>
      <c r="GA21" s="116">
        <v>580960</v>
      </c>
      <c r="GB21" s="116">
        <v>358080</v>
      </c>
      <c r="GC21" s="116">
        <v>264040</v>
      </c>
      <c r="GD21" s="116">
        <v>219888</v>
      </c>
      <c r="GE21" s="115">
        <v>1521168</v>
      </c>
      <c r="GF21" s="354">
        <v>1660328</v>
      </c>
      <c r="GG21" s="117">
        <v>0</v>
      </c>
      <c r="GH21" s="116">
        <v>0</v>
      </c>
      <c r="GI21" s="114">
        <v>0</v>
      </c>
      <c r="GJ21" s="113">
        <v>0</v>
      </c>
      <c r="GK21" s="116">
        <v>0</v>
      </c>
      <c r="GL21" s="116">
        <v>0</v>
      </c>
      <c r="GM21" s="116">
        <v>0</v>
      </c>
      <c r="GN21" s="116">
        <v>39424</v>
      </c>
      <c r="GO21" s="116">
        <v>0</v>
      </c>
      <c r="GP21" s="115">
        <v>39424</v>
      </c>
      <c r="GQ21" s="118">
        <v>39424</v>
      </c>
      <c r="GR21" s="112">
        <v>0</v>
      </c>
      <c r="GS21" s="116">
        <v>36387</v>
      </c>
      <c r="GT21" s="115">
        <v>36387</v>
      </c>
      <c r="GU21" s="112">
        <v>0</v>
      </c>
      <c r="GV21" s="116">
        <v>83200</v>
      </c>
      <c r="GW21" s="116">
        <v>219200</v>
      </c>
      <c r="GX21" s="116">
        <v>0</v>
      </c>
      <c r="GY21" s="116">
        <v>0</v>
      </c>
      <c r="GZ21" s="116">
        <v>0</v>
      </c>
      <c r="HA21" s="114">
        <v>302400</v>
      </c>
      <c r="HB21" s="118">
        <v>338787</v>
      </c>
      <c r="HC21" s="112">
        <v>107950</v>
      </c>
      <c r="HD21" s="116">
        <v>265769</v>
      </c>
      <c r="HE21" s="114">
        <v>373719</v>
      </c>
      <c r="HF21" s="113">
        <v>0</v>
      </c>
      <c r="HG21" s="116">
        <v>1958871</v>
      </c>
      <c r="HH21" s="116">
        <v>1237248</v>
      </c>
      <c r="HI21" s="116">
        <v>2549421</v>
      </c>
      <c r="HJ21" s="116">
        <v>3013068</v>
      </c>
      <c r="HK21" s="116">
        <v>1392424</v>
      </c>
      <c r="HL21" s="115">
        <v>10151032</v>
      </c>
      <c r="HM21" s="111">
        <v>10524751</v>
      </c>
      <c r="HN21" s="370"/>
      <c r="HO21" s="371"/>
      <c r="HP21" s="372"/>
      <c r="HQ21" s="373"/>
      <c r="HR21" s="371"/>
      <c r="HS21" s="371"/>
      <c r="HT21" s="371"/>
      <c r="HU21" s="371"/>
      <c r="HV21" s="371"/>
      <c r="HW21" s="374"/>
      <c r="HX21" s="375"/>
      <c r="HY21" s="148">
        <v>0</v>
      </c>
      <c r="HZ21" s="149">
        <v>0</v>
      </c>
      <c r="IA21" s="150">
        <v>0</v>
      </c>
      <c r="IB21" s="163">
        <v>0</v>
      </c>
      <c r="IC21" s="149">
        <v>979683</v>
      </c>
      <c r="ID21" s="164">
        <v>2550425</v>
      </c>
      <c r="IE21" s="150">
        <v>1590167</v>
      </c>
      <c r="IF21" s="149">
        <v>926776</v>
      </c>
      <c r="IG21" s="150">
        <v>948614</v>
      </c>
      <c r="IH21" s="165">
        <v>6995665</v>
      </c>
      <c r="II21" s="156">
        <v>6995665</v>
      </c>
      <c r="IJ21" s="261">
        <v>0</v>
      </c>
      <c r="IK21" s="268">
        <v>0</v>
      </c>
      <c r="IL21" s="269">
        <v>0</v>
      </c>
      <c r="IM21" s="157"/>
      <c r="IN21" s="122">
        <v>0</v>
      </c>
      <c r="IO21" s="122">
        <v>182440</v>
      </c>
      <c r="IP21" s="122">
        <v>326760</v>
      </c>
      <c r="IQ21" s="122">
        <v>419316</v>
      </c>
      <c r="IR21" s="122">
        <v>293275</v>
      </c>
      <c r="IS21" s="158">
        <v>1221791</v>
      </c>
      <c r="IT21" s="357">
        <v>1221791</v>
      </c>
      <c r="IU21" s="159">
        <v>0</v>
      </c>
      <c r="IV21" s="122">
        <v>0</v>
      </c>
      <c r="IW21" s="123">
        <v>0</v>
      </c>
      <c r="IX21" s="161"/>
      <c r="IY21" s="122">
        <v>0</v>
      </c>
      <c r="IZ21" s="122">
        <v>9844</v>
      </c>
      <c r="JA21" s="122">
        <v>0</v>
      </c>
      <c r="JB21" s="122">
        <v>0</v>
      </c>
      <c r="JC21" s="122">
        <v>0</v>
      </c>
      <c r="JD21" s="123">
        <v>9844</v>
      </c>
      <c r="JE21" s="124">
        <v>9844</v>
      </c>
      <c r="JF21" s="159">
        <v>0</v>
      </c>
      <c r="JG21" s="122">
        <v>0</v>
      </c>
      <c r="JH21" s="158">
        <v>0</v>
      </c>
      <c r="JI21" s="121">
        <v>0</v>
      </c>
      <c r="JJ21" s="122">
        <v>301576</v>
      </c>
      <c r="JK21" s="122">
        <v>642643</v>
      </c>
      <c r="JL21" s="122">
        <v>209588</v>
      </c>
      <c r="JM21" s="122">
        <v>254736</v>
      </c>
      <c r="JN21" s="122">
        <v>142424</v>
      </c>
      <c r="JO21" s="123">
        <v>1550967</v>
      </c>
      <c r="JP21" s="357">
        <v>1550967</v>
      </c>
      <c r="JQ21" s="159">
        <v>0</v>
      </c>
      <c r="JR21" s="122">
        <v>0</v>
      </c>
      <c r="JS21" s="158">
        <v>0</v>
      </c>
      <c r="JT21" s="121">
        <v>0</v>
      </c>
      <c r="JU21" s="122">
        <v>213739</v>
      </c>
      <c r="JV21" s="122">
        <v>0</v>
      </c>
      <c r="JW21" s="122">
        <v>137288</v>
      </c>
      <c r="JX21" s="122">
        <v>0</v>
      </c>
      <c r="JY21" s="122">
        <v>0</v>
      </c>
      <c r="JZ21" s="123">
        <v>351027</v>
      </c>
      <c r="KA21" s="357">
        <v>351027</v>
      </c>
      <c r="KB21" s="264">
        <v>0</v>
      </c>
      <c r="KC21" s="258">
        <v>0</v>
      </c>
      <c r="KD21" s="123">
        <v>0</v>
      </c>
      <c r="KE21" s="121">
        <v>0</v>
      </c>
      <c r="KF21" s="122">
        <v>0</v>
      </c>
      <c r="KG21" s="122">
        <v>150222</v>
      </c>
      <c r="KH21" s="122">
        <v>474988</v>
      </c>
      <c r="KI21" s="122">
        <v>0</v>
      </c>
      <c r="KJ21" s="122">
        <v>0</v>
      </c>
      <c r="KK21" s="123">
        <v>625210</v>
      </c>
      <c r="KL21" s="160">
        <v>625210</v>
      </c>
      <c r="KM21" s="261">
        <v>0</v>
      </c>
      <c r="KN21" s="268">
        <v>0</v>
      </c>
      <c r="KO21" s="269">
        <v>0</v>
      </c>
      <c r="KP21" s="157"/>
      <c r="KQ21" s="122">
        <v>464368</v>
      </c>
      <c r="KR21" s="122">
        <v>1396518</v>
      </c>
      <c r="KS21" s="122">
        <v>205152</v>
      </c>
      <c r="KT21" s="122">
        <v>252724</v>
      </c>
      <c r="KU21" s="122">
        <v>512915</v>
      </c>
      <c r="KV21" s="123">
        <v>2831677</v>
      </c>
      <c r="KW21" s="357">
        <v>2831677</v>
      </c>
      <c r="KX21" s="159">
        <v>0</v>
      </c>
      <c r="KY21" s="122">
        <v>0</v>
      </c>
      <c r="KZ21" s="123">
        <v>0</v>
      </c>
      <c r="LA21" s="162"/>
      <c r="LB21" s="122">
        <v>0</v>
      </c>
      <c r="LC21" s="122">
        <v>0</v>
      </c>
      <c r="LD21" s="122">
        <v>0</v>
      </c>
      <c r="LE21" s="122">
        <v>0</v>
      </c>
      <c r="LF21" s="122">
        <v>0</v>
      </c>
      <c r="LG21" s="123">
        <v>0</v>
      </c>
      <c r="LH21" s="124">
        <v>0</v>
      </c>
      <c r="LI21" s="159">
        <v>0</v>
      </c>
      <c r="LJ21" s="122">
        <v>0</v>
      </c>
      <c r="LK21" s="123">
        <v>0</v>
      </c>
      <c r="LL21" s="162"/>
      <c r="LM21" s="122">
        <v>0</v>
      </c>
      <c r="LN21" s="122">
        <v>0</v>
      </c>
      <c r="LO21" s="122">
        <v>0</v>
      </c>
      <c r="LP21" s="122">
        <v>0</v>
      </c>
      <c r="LQ21" s="122">
        <v>0</v>
      </c>
      <c r="LR21" s="123">
        <v>0</v>
      </c>
      <c r="LS21" s="357">
        <v>0</v>
      </c>
      <c r="LT21" s="159">
        <v>0</v>
      </c>
      <c r="LU21" s="122">
        <v>0</v>
      </c>
      <c r="LV21" s="123">
        <v>0</v>
      </c>
      <c r="LW21" s="162"/>
      <c r="LX21" s="122">
        <v>0</v>
      </c>
      <c r="LY21" s="122">
        <v>168758</v>
      </c>
      <c r="LZ21" s="122">
        <v>236391</v>
      </c>
      <c r="MA21" s="122">
        <v>0</v>
      </c>
      <c r="MB21" s="122">
        <v>0</v>
      </c>
      <c r="MC21" s="123">
        <v>405149</v>
      </c>
      <c r="MD21" s="124">
        <v>405149</v>
      </c>
      <c r="ME21" s="159">
        <v>0</v>
      </c>
      <c r="MF21" s="122">
        <v>0</v>
      </c>
      <c r="MG21" s="123">
        <v>0</v>
      </c>
      <c r="MH21" s="162"/>
      <c r="MI21" s="122">
        <v>464925</v>
      </c>
      <c r="MJ21" s="122">
        <v>848726</v>
      </c>
      <c r="MK21" s="122">
        <v>1778092</v>
      </c>
      <c r="ML21" s="122">
        <v>4065584</v>
      </c>
      <c r="MM21" s="122">
        <v>2149303</v>
      </c>
      <c r="MN21" s="123">
        <v>9306630</v>
      </c>
      <c r="MO21" s="160">
        <v>9306630</v>
      </c>
      <c r="MP21" s="159">
        <v>0</v>
      </c>
      <c r="MQ21" s="122">
        <v>0</v>
      </c>
      <c r="MR21" s="123">
        <v>0</v>
      </c>
      <c r="MS21" s="162"/>
      <c r="MT21" s="122">
        <v>0</v>
      </c>
      <c r="MU21" s="122">
        <v>208998</v>
      </c>
      <c r="MV21" s="122">
        <v>469908</v>
      </c>
      <c r="MW21" s="122">
        <v>2601399</v>
      </c>
      <c r="MX21" s="122">
        <v>1213649</v>
      </c>
      <c r="MY21" s="123">
        <v>4493954</v>
      </c>
      <c r="MZ21" s="160">
        <v>4493954</v>
      </c>
      <c r="NA21" s="159">
        <v>0</v>
      </c>
      <c r="NB21" s="122">
        <v>0</v>
      </c>
      <c r="NC21" s="123">
        <v>0</v>
      </c>
      <c r="ND21" s="162"/>
      <c r="NE21" s="122">
        <v>464925</v>
      </c>
      <c r="NF21" s="122">
        <v>639728</v>
      </c>
      <c r="NG21" s="122">
        <v>1316548</v>
      </c>
      <c r="NH21" s="122">
        <v>1481316</v>
      </c>
      <c r="NI21" s="122">
        <v>617505</v>
      </c>
      <c r="NJ21" s="123">
        <v>4520022</v>
      </c>
      <c r="NK21" s="357">
        <v>4520022</v>
      </c>
      <c r="NL21" s="159">
        <v>0</v>
      </c>
      <c r="NM21" s="122">
        <v>0</v>
      </c>
      <c r="NN21" s="123">
        <v>0</v>
      </c>
      <c r="NO21" s="162"/>
      <c r="NP21" s="122">
        <v>0</v>
      </c>
      <c r="NQ21" s="122">
        <v>0</v>
      </c>
      <c r="NR21" s="122">
        <v>0</v>
      </c>
      <c r="NS21" s="122">
        <v>0</v>
      </c>
      <c r="NT21" s="122">
        <v>0</v>
      </c>
      <c r="NU21" s="123">
        <v>0</v>
      </c>
      <c r="NV21" s="124">
        <v>0</v>
      </c>
      <c r="NW21" s="159">
        <v>0</v>
      </c>
      <c r="NX21" s="122">
        <v>0</v>
      </c>
      <c r="NY21" s="123">
        <v>0</v>
      </c>
      <c r="NZ21" s="162"/>
      <c r="OA21" s="122">
        <v>0</v>
      </c>
      <c r="OB21" s="122">
        <v>0</v>
      </c>
      <c r="OC21" s="122">
        <v>-8364</v>
      </c>
      <c r="OD21" s="122">
        <v>-17131</v>
      </c>
      <c r="OE21" s="122">
        <v>318149</v>
      </c>
      <c r="OF21" s="123">
        <v>292654</v>
      </c>
      <c r="OG21" s="124">
        <v>292654</v>
      </c>
      <c r="OH21" s="159">
        <v>277176</v>
      </c>
      <c r="OI21" s="122">
        <v>645034</v>
      </c>
      <c r="OJ21" s="158">
        <v>922210</v>
      </c>
      <c r="OK21" s="121">
        <v>0</v>
      </c>
      <c r="OL21" s="122">
        <v>5917765</v>
      </c>
      <c r="OM21" s="122">
        <v>10199367</v>
      </c>
      <c r="ON21" s="122">
        <v>8954260</v>
      </c>
      <c r="OO21" s="122">
        <v>10400168</v>
      </c>
      <c r="OP21" s="122">
        <v>6434398</v>
      </c>
      <c r="OQ21" s="123">
        <v>41905958</v>
      </c>
      <c r="OR21" s="160">
        <v>42828168</v>
      </c>
    </row>
    <row r="22" spans="1:408" ht="20.25" customHeight="1" x14ac:dyDescent="0.2">
      <c r="A22" s="129" t="s">
        <v>17</v>
      </c>
      <c r="B22" s="112">
        <v>281662</v>
      </c>
      <c r="C22" s="116">
        <v>568482</v>
      </c>
      <c r="D22" s="115">
        <v>850144</v>
      </c>
      <c r="E22" s="111">
        <v>0</v>
      </c>
      <c r="F22" s="116">
        <v>4082627</v>
      </c>
      <c r="G22" s="116">
        <v>6172050</v>
      </c>
      <c r="H22" s="116">
        <v>5650623</v>
      </c>
      <c r="I22" s="116">
        <v>5012450</v>
      </c>
      <c r="J22" s="116">
        <v>4328461</v>
      </c>
      <c r="K22" s="111">
        <v>25246211</v>
      </c>
      <c r="L22" s="118">
        <v>26096355</v>
      </c>
      <c r="M22" s="112">
        <v>64678</v>
      </c>
      <c r="N22" s="116">
        <v>151034</v>
      </c>
      <c r="O22" s="115">
        <v>215712</v>
      </c>
      <c r="P22" s="112">
        <v>0</v>
      </c>
      <c r="Q22" s="116">
        <v>783805</v>
      </c>
      <c r="R22" s="116">
        <v>1769468</v>
      </c>
      <c r="S22" s="116">
        <v>1360192</v>
      </c>
      <c r="T22" s="116">
        <v>1710298</v>
      </c>
      <c r="U22" s="116">
        <v>2795831</v>
      </c>
      <c r="V22" s="115">
        <v>8419594</v>
      </c>
      <c r="W22" s="118">
        <v>8635306</v>
      </c>
      <c r="X22" s="112">
        <v>0</v>
      </c>
      <c r="Y22" s="116">
        <v>0</v>
      </c>
      <c r="Z22" s="115">
        <v>0</v>
      </c>
      <c r="AA22" s="112">
        <v>0</v>
      </c>
      <c r="AB22" s="116">
        <v>290785</v>
      </c>
      <c r="AC22" s="116">
        <v>969254</v>
      </c>
      <c r="AD22" s="116">
        <v>894078</v>
      </c>
      <c r="AE22" s="116">
        <v>983434</v>
      </c>
      <c r="AF22" s="116">
        <v>1933325</v>
      </c>
      <c r="AG22" s="115">
        <v>5070876</v>
      </c>
      <c r="AH22" s="118">
        <v>5070876</v>
      </c>
      <c r="AI22" s="112">
        <v>0</v>
      </c>
      <c r="AJ22" s="116">
        <v>0</v>
      </c>
      <c r="AK22" s="115">
        <v>0</v>
      </c>
      <c r="AL22" s="112">
        <v>0</v>
      </c>
      <c r="AM22" s="116">
        <v>0</v>
      </c>
      <c r="AN22" s="116">
        <v>0</v>
      </c>
      <c r="AO22" s="116">
        <v>0</v>
      </c>
      <c r="AP22" s="116">
        <v>0</v>
      </c>
      <c r="AQ22" s="116">
        <v>351661</v>
      </c>
      <c r="AR22" s="115">
        <v>351661</v>
      </c>
      <c r="AS22" s="118">
        <v>351661</v>
      </c>
      <c r="AT22" s="112">
        <v>0</v>
      </c>
      <c r="AU22" s="116">
        <v>122738</v>
      </c>
      <c r="AV22" s="115">
        <v>122738</v>
      </c>
      <c r="AW22" s="112">
        <v>0</v>
      </c>
      <c r="AX22" s="116">
        <v>360812</v>
      </c>
      <c r="AY22" s="116">
        <v>448816</v>
      </c>
      <c r="AZ22" s="116">
        <v>229650</v>
      </c>
      <c r="BA22" s="116">
        <v>415648</v>
      </c>
      <c r="BB22" s="116">
        <v>347089</v>
      </c>
      <c r="BC22" s="115">
        <v>1802015</v>
      </c>
      <c r="BD22" s="118">
        <v>1924753</v>
      </c>
      <c r="BE22" s="112">
        <v>43782</v>
      </c>
      <c r="BF22" s="116">
        <v>0</v>
      </c>
      <c r="BG22" s="114">
        <v>43782</v>
      </c>
      <c r="BH22" s="113">
        <v>0</v>
      </c>
      <c r="BI22" s="116">
        <v>0</v>
      </c>
      <c r="BJ22" s="116">
        <v>72622</v>
      </c>
      <c r="BK22" s="116">
        <v>0</v>
      </c>
      <c r="BL22" s="116">
        <v>27400</v>
      </c>
      <c r="BM22" s="116">
        <v>23700</v>
      </c>
      <c r="BN22" s="115">
        <v>123722</v>
      </c>
      <c r="BO22" s="118">
        <v>167504</v>
      </c>
      <c r="BP22" s="112">
        <v>20896</v>
      </c>
      <c r="BQ22" s="116">
        <v>28296</v>
      </c>
      <c r="BR22" s="115">
        <v>49192</v>
      </c>
      <c r="BS22" s="112">
        <v>0</v>
      </c>
      <c r="BT22" s="116">
        <v>132208</v>
      </c>
      <c r="BU22" s="116">
        <v>278776</v>
      </c>
      <c r="BV22" s="116">
        <v>236464</v>
      </c>
      <c r="BW22" s="116">
        <v>283816</v>
      </c>
      <c r="BX22" s="116">
        <v>140056</v>
      </c>
      <c r="BY22" s="115">
        <v>1071320</v>
      </c>
      <c r="BZ22" s="118">
        <v>1120512</v>
      </c>
      <c r="CA22" s="112">
        <v>22343</v>
      </c>
      <c r="CB22" s="116">
        <v>122689</v>
      </c>
      <c r="CC22" s="115">
        <v>145032</v>
      </c>
      <c r="CD22" s="112">
        <v>0</v>
      </c>
      <c r="CE22" s="116">
        <v>1714410</v>
      </c>
      <c r="CF22" s="116">
        <v>2163782</v>
      </c>
      <c r="CG22" s="116">
        <v>1531773</v>
      </c>
      <c r="CH22" s="116">
        <v>816949</v>
      </c>
      <c r="CI22" s="116">
        <v>462887</v>
      </c>
      <c r="CJ22" s="115">
        <v>6689801</v>
      </c>
      <c r="CK22" s="118">
        <v>6834833</v>
      </c>
      <c r="CL22" s="112">
        <v>0</v>
      </c>
      <c r="CM22" s="116">
        <v>0</v>
      </c>
      <c r="CN22" s="115">
        <v>0</v>
      </c>
      <c r="CO22" s="113">
        <v>0</v>
      </c>
      <c r="CP22" s="116">
        <v>1512122</v>
      </c>
      <c r="CQ22" s="116">
        <v>1355634</v>
      </c>
      <c r="CR22" s="116">
        <v>1276823</v>
      </c>
      <c r="CS22" s="116">
        <v>731133</v>
      </c>
      <c r="CT22" s="116">
        <v>359435</v>
      </c>
      <c r="CU22" s="115">
        <v>5235147</v>
      </c>
      <c r="CV22" s="118">
        <v>5235147</v>
      </c>
      <c r="CW22" s="112">
        <v>22343</v>
      </c>
      <c r="CX22" s="116">
        <v>122689</v>
      </c>
      <c r="CY22" s="115">
        <v>145032</v>
      </c>
      <c r="CZ22" s="112">
        <v>0</v>
      </c>
      <c r="DA22" s="116">
        <v>202288</v>
      </c>
      <c r="DB22" s="116">
        <v>808148</v>
      </c>
      <c r="DC22" s="116">
        <v>254950</v>
      </c>
      <c r="DD22" s="116">
        <v>85816</v>
      </c>
      <c r="DE22" s="116">
        <v>103452</v>
      </c>
      <c r="DF22" s="115">
        <v>1454654</v>
      </c>
      <c r="DG22" s="118">
        <v>1599686</v>
      </c>
      <c r="DH22" s="112">
        <v>0</v>
      </c>
      <c r="DI22" s="116">
        <v>49428</v>
      </c>
      <c r="DJ22" s="114">
        <v>49428</v>
      </c>
      <c r="DK22" s="113">
        <v>0</v>
      </c>
      <c r="DL22" s="116">
        <v>156341</v>
      </c>
      <c r="DM22" s="116">
        <v>502851</v>
      </c>
      <c r="DN22" s="116">
        <v>1098408</v>
      </c>
      <c r="DO22" s="116">
        <v>676395</v>
      </c>
      <c r="DP22" s="116">
        <v>201718</v>
      </c>
      <c r="DQ22" s="115">
        <v>2635713</v>
      </c>
      <c r="DR22" s="118">
        <v>2685141</v>
      </c>
      <c r="DS22" s="112">
        <v>0</v>
      </c>
      <c r="DT22" s="116">
        <v>49428</v>
      </c>
      <c r="DU22" s="115">
        <v>49428</v>
      </c>
      <c r="DV22" s="112">
        <v>0</v>
      </c>
      <c r="DW22" s="116">
        <v>91230</v>
      </c>
      <c r="DX22" s="116">
        <v>309945</v>
      </c>
      <c r="DY22" s="116">
        <v>1098408</v>
      </c>
      <c r="DZ22" s="116">
        <v>676395</v>
      </c>
      <c r="EA22" s="116">
        <v>201718</v>
      </c>
      <c r="EB22" s="115">
        <v>2377696</v>
      </c>
      <c r="EC22" s="118">
        <v>2427124</v>
      </c>
      <c r="ED22" s="112">
        <v>0</v>
      </c>
      <c r="EE22" s="114">
        <v>0</v>
      </c>
      <c r="EF22" s="115">
        <v>0</v>
      </c>
      <c r="EG22" s="112">
        <v>0</v>
      </c>
      <c r="EH22" s="116">
        <v>65111</v>
      </c>
      <c r="EI22" s="116">
        <v>192906</v>
      </c>
      <c r="EJ22" s="116">
        <v>0</v>
      </c>
      <c r="EK22" s="116">
        <v>0</v>
      </c>
      <c r="EL22" s="116">
        <v>0</v>
      </c>
      <c r="EM22" s="114">
        <v>258017</v>
      </c>
      <c r="EN22" s="118">
        <v>258017</v>
      </c>
      <c r="EO22" s="112">
        <v>0</v>
      </c>
      <c r="EP22" s="116">
        <v>0</v>
      </c>
      <c r="EQ22" s="114">
        <v>0</v>
      </c>
      <c r="ER22" s="113">
        <v>0</v>
      </c>
      <c r="ES22" s="116">
        <v>0</v>
      </c>
      <c r="ET22" s="116">
        <v>0</v>
      </c>
      <c r="EU22" s="116">
        <v>0</v>
      </c>
      <c r="EV22" s="116">
        <v>0</v>
      </c>
      <c r="EW22" s="116">
        <v>0</v>
      </c>
      <c r="EX22" s="115">
        <v>0</v>
      </c>
      <c r="EY22" s="118">
        <v>0</v>
      </c>
      <c r="EZ22" s="112">
        <v>0</v>
      </c>
      <c r="FA22" s="116">
        <v>0</v>
      </c>
      <c r="FB22" s="114">
        <v>0</v>
      </c>
      <c r="FC22" s="390"/>
      <c r="FD22" s="116">
        <v>0</v>
      </c>
      <c r="FE22" s="116">
        <v>0</v>
      </c>
      <c r="FF22" s="116">
        <v>0</v>
      </c>
      <c r="FG22" s="116">
        <v>0</v>
      </c>
      <c r="FH22" s="116">
        <v>0</v>
      </c>
      <c r="FI22" s="115">
        <v>0</v>
      </c>
      <c r="FJ22" s="118">
        <v>0</v>
      </c>
      <c r="FK22" s="112">
        <v>22800</v>
      </c>
      <c r="FL22" s="116">
        <v>153296</v>
      </c>
      <c r="FM22" s="115">
        <v>176096</v>
      </c>
      <c r="FN22" s="112">
        <v>0</v>
      </c>
      <c r="FO22" s="116">
        <v>203448</v>
      </c>
      <c r="FP22" s="116">
        <v>844552</v>
      </c>
      <c r="FQ22" s="116">
        <v>471976</v>
      </c>
      <c r="FR22" s="116">
        <v>404896</v>
      </c>
      <c r="FS22" s="116">
        <v>378872</v>
      </c>
      <c r="FT22" s="115">
        <v>2303744</v>
      </c>
      <c r="FU22" s="118">
        <v>2479840</v>
      </c>
      <c r="FV22" s="117">
        <v>22800</v>
      </c>
      <c r="FW22" s="116">
        <v>153296</v>
      </c>
      <c r="FX22" s="114">
        <v>176096</v>
      </c>
      <c r="FY22" s="113">
        <v>0</v>
      </c>
      <c r="FZ22" s="116">
        <v>142808</v>
      </c>
      <c r="GA22" s="116">
        <v>711192</v>
      </c>
      <c r="GB22" s="116">
        <v>471976</v>
      </c>
      <c r="GC22" s="116">
        <v>404896</v>
      </c>
      <c r="GD22" s="116">
        <v>360216</v>
      </c>
      <c r="GE22" s="115">
        <v>2091088</v>
      </c>
      <c r="GF22" s="354">
        <v>2267184</v>
      </c>
      <c r="GG22" s="117">
        <v>0</v>
      </c>
      <c r="GH22" s="116">
        <v>0</v>
      </c>
      <c r="GI22" s="114">
        <v>0</v>
      </c>
      <c r="GJ22" s="113">
        <v>0</v>
      </c>
      <c r="GK22" s="116">
        <v>60640</v>
      </c>
      <c r="GL22" s="116">
        <v>21360</v>
      </c>
      <c r="GM22" s="116">
        <v>0</v>
      </c>
      <c r="GN22" s="116">
        <v>0</v>
      </c>
      <c r="GO22" s="116">
        <v>18656</v>
      </c>
      <c r="GP22" s="115">
        <v>100656</v>
      </c>
      <c r="GQ22" s="118">
        <v>100656</v>
      </c>
      <c r="GR22" s="112">
        <v>0</v>
      </c>
      <c r="GS22" s="116">
        <v>0</v>
      </c>
      <c r="GT22" s="115">
        <v>0</v>
      </c>
      <c r="GU22" s="112">
        <v>0</v>
      </c>
      <c r="GV22" s="116">
        <v>0</v>
      </c>
      <c r="GW22" s="116">
        <v>112000</v>
      </c>
      <c r="GX22" s="116">
        <v>0</v>
      </c>
      <c r="GY22" s="116">
        <v>0</v>
      </c>
      <c r="GZ22" s="116">
        <v>0</v>
      </c>
      <c r="HA22" s="114">
        <v>112000</v>
      </c>
      <c r="HB22" s="118">
        <v>112000</v>
      </c>
      <c r="HC22" s="112">
        <v>171841</v>
      </c>
      <c r="HD22" s="116">
        <v>92035</v>
      </c>
      <c r="HE22" s="114">
        <v>263876</v>
      </c>
      <c r="HF22" s="113">
        <v>0</v>
      </c>
      <c r="HG22" s="116">
        <v>1224623</v>
      </c>
      <c r="HH22" s="116">
        <v>891397</v>
      </c>
      <c r="HI22" s="116">
        <v>1188274</v>
      </c>
      <c r="HJ22" s="116">
        <v>1403912</v>
      </c>
      <c r="HK22" s="116">
        <v>489153</v>
      </c>
      <c r="HL22" s="115">
        <v>5197359</v>
      </c>
      <c r="HM22" s="111">
        <v>5461235</v>
      </c>
      <c r="HN22" s="370"/>
      <c r="HO22" s="371"/>
      <c r="HP22" s="372"/>
      <c r="HQ22" s="373"/>
      <c r="HR22" s="371"/>
      <c r="HS22" s="371"/>
      <c r="HT22" s="371"/>
      <c r="HU22" s="371"/>
      <c r="HV22" s="371"/>
      <c r="HW22" s="374"/>
      <c r="HX22" s="375"/>
      <c r="HY22" s="167">
        <v>0</v>
      </c>
      <c r="HZ22" s="152">
        <v>0</v>
      </c>
      <c r="IA22" s="167">
        <v>0</v>
      </c>
      <c r="IB22" s="151">
        <v>0</v>
      </c>
      <c r="IC22" s="152">
        <v>1453594</v>
      </c>
      <c r="ID22" s="153">
        <v>1486904</v>
      </c>
      <c r="IE22" s="154">
        <v>2208840</v>
      </c>
      <c r="IF22" s="152">
        <v>935945</v>
      </c>
      <c r="IG22" s="154">
        <v>766712</v>
      </c>
      <c r="IH22" s="155">
        <v>6851995</v>
      </c>
      <c r="II22" s="167">
        <v>6851995</v>
      </c>
      <c r="IJ22" s="261">
        <v>0</v>
      </c>
      <c r="IK22" s="268">
        <v>0</v>
      </c>
      <c r="IL22" s="269">
        <v>0</v>
      </c>
      <c r="IM22" s="157"/>
      <c r="IN22" s="122">
        <v>0</v>
      </c>
      <c r="IO22" s="122">
        <v>94776</v>
      </c>
      <c r="IP22" s="122">
        <v>0</v>
      </c>
      <c r="IQ22" s="122">
        <v>0</v>
      </c>
      <c r="IR22" s="122">
        <v>0</v>
      </c>
      <c r="IS22" s="158">
        <v>94776</v>
      </c>
      <c r="IT22" s="357">
        <v>94776</v>
      </c>
      <c r="IU22" s="159">
        <v>0</v>
      </c>
      <c r="IV22" s="122">
        <v>0</v>
      </c>
      <c r="IW22" s="123">
        <v>0</v>
      </c>
      <c r="IX22" s="161"/>
      <c r="IY22" s="122">
        <v>0</v>
      </c>
      <c r="IZ22" s="122">
        <v>0</v>
      </c>
      <c r="JA22" s="122">
        <v>0</v>
      </c>
      <c r="JB22" s="122">
        <v>0</v>
      </c>
      <c r="JC22" s="122">
        <v>0</v>
      </c>
      <c r="JD22" s="123">
        <v>0</v>
      </c>
      <c r="JE22" s="124">
        <v>0</v>
      </c>
      <c r="JF22" s="159">
        <v>0</v>
      </c>
      <c r="JG22" s="122">
        <v>0</v>
      </c>
      <c r="JH22" s="158">
        <v>0</v>
      </c>
      <c r="JI22" s="121">
        <v>0</v>
      </c>
      <c r="JJ22" s="122">
        <v>756642</v>
      </c>
      <c r="JK22" s="122">
        <v>355181</v>
      </c>
      <c r="JL22" s="122">
        <v>790537</v>
      </c>
      <c r="JM22" s="122">
        <v>296137</v>
      </c>
      <c r="JN22" s="122">
        <v>12639</v>
      </c>
      <c r="JO22" s="123">
        <v>2211136</v>
      </c>
      <c r="JP22" s="357">
        <v>2211136</v>
      </c>
      <c r="JQ22" s="159">
        <v>0</v>
      </c>
      <c r="JR22" s="122">
        <v>0</v>
      </c>
      <c r="JS22" s="158">
        <v>0</v>
      </c>
      <c r="JT22" s="121">
        <v>0</v>
      </c>
      <c r="JU22" s="122">
        <v>50672</v>
      </c>
      <c r="JV22" s="122">
        <v>0</v>
      </c>
      <c r="JW22" s="122">
        <v>171658</v>
      </c>
      <c r="JX22" s="122">
        <v>0</v>
      </c>
      <c r="JY22" s="122">
        <v>0</v>
      </c>
      <c r="JZ22" s="123">
        <v>222330</v>
      </c>
      <c r="KA22" s="357">
        <v>222330</v>
      </c>
      <c r="KB22" s="264">
        <v>0</v>
      </c>
      <c r="KC22" s="258">
        <v>0</v>
      </c>
      <c r="KD22" s="123">
        <v>0</v>
      </c>
      <c r="KE22" s="121">
        <v>0</v>
      </c>
      <c r="KF22" s="122">
        <v>0</v>
      </c>
      <c r="KG22" s="122">
        <v>479316</v>
      </c>
      <c r="KH22" s="122">
        <v>478197</v>
      </c>
      <c r="KI22" s="122">
        <v>380440</v>
      </c>
      <c r="KJ22" s="122">
        <v>577643</v>
      </c>
      <c r="KK22" s="123">
        <v>1915596</v>
      </c>
      <c r="KL22" s="160">
        <v>1915596</v>
      </c>
      <c r="KM22" s="261">
        <v>0</v>
      </c>
      <c r="KN22" s="268">
        <v>0</v>
      </c>
      <c r="KO22" s="269">
        <v>0</v>
      </c>
      <c r="KP22" s="157"/>
      <c r="KQ22" s="122">
        <v>478126</v>
      </c>
      <c r="KR22" s="122">
        <v>557631</v>
      </c>
      <c r="KS22" s="122">
        <v>506956</v>
      </c>
      <c r="KT22" s="122">
        <v>259368</v>
      </c>
      <c r="KU22" s="122">
        <v>0</v>
      </c>
      <c r="KV22" s="123">
        <v>1802081</v>
      </c>
      <c r="KW22" s="357">
        <v>1802081</v>
      </c>
      <c r="KX22" s="159">
        <v>0</v>
      </c>
      <c r="KY22" s="122">
        <v>0</v>
      </c>
      <c r="KZ22" s="123">
        <v>0</v>
      </c>
      <c r="LA22" s="162"/>
      <c r="LB22" s="122">
        <v>0</v>
      </c>
      <c r="LC22" s="122">
        <v>0</v>
      </c>
      <c r="LD22" s="122">
        <v>0</v>
      </c>
      <c r="LE22" s="122">
        <v>0</v>
      </c>
      <c r="LF22" s="122">
        <v>0</v>
      </c>
      <c r="LG22" s="123">
        <v>0</v>
      </c>
      <c r="LH22" s="124">
        <v>0</v>
      </c>
      <c r="LI22" s="159">
        <v>0</v>
      </c>
      <c r="LJ22" s="122">
        <v>0</v>
      </c>
      <c r="LK22" s="123">
        <v>0</v>
      </c>
      <c r="LL22" s="162"/>
      <c r="LM22" s="122">
        <v>0</v>
      </c>
      <c r="LN22" s="122">
        <v>0</v>
      </c>
      <c r="LO22" s="122">
        <v>261492</v>
      </c>
      <c r="LP22" s="122">
        <v>0</v>
      </c>
      <c r="LQ22" s="122">
        <v>176430</v>
      </c>
      <c r="LR22" s="123">
        <v>437922</v>
      </c>
      <c r="LS22" s="357">
        <v>437922</v>
      </c>
      <c r="LT22" s="159">
        <v>0</v>
      </c>
      <c r="LU22" s="122">
        <v>0</v>
      </c>
      <c r="LV22" s="123">
        <v>0</v>
      </c>
      <c r="LW22" s="162"/>
      <c r="LX22" s="122">
        <v>168154</v>
      </c>
      <c r="LY22" s="122">
        <v>0</v>
      </c>
      <c r="LZ22" s="122">
        <v>0</v>
      </c>
      <c r="MA22" s="122">
        <v>0</v>
      </c>
      <c r="MB22" s="122">
        <v>0</v>
      </c>
      <c r="MC22" s="123">
        <v>168154</v>
      </c>
      <c r="MD22" s="124">
        <v>168154</v>
      </c>
      <c r="ME22" s="159">
        <v>0</v>
      </c>
      <c r="MF22" s="122">
        <v>0</v>
      </c>
      <c r="MG22" s="123">
        <v>0</v>
      </c>
      <c r="MH22" s="162"/>
      <c r="MI22" s="122">
        <v>0</v>
      </c>
      <c r="MJ22" s="122">
        <v>1718071</v>
      </c>
      <c r="MK22" s="122">
        <v>3763283</v>
      </c>
      <c r="ML22" s="122">
        <v>4546503</v>
      </c>
      <c r="MM22" s="122">
        <v>2319052</v>
      </c>
      <c r="MN22" s="123">
        <v>12346909</v>
      </c>
      <c r="MO22" s="160">
        <v>12346909</v>
      </c>
      <c r="MP22" s="159">
        <v>0</v>
      </c>
      <c r="MQ22" s="122">
        <v>0</v>
      </c>
      <c r="MR22" s="123">
        <v>0</v>
      </c>
      <c r="MS22" s="162"/>
      <c r="MT22" s="122">
        <v>0</v>
      </c>
      <c r="MU22" s="122">
        <v>476128</v>
      </c>
      <c r="MV22" s="122">
        <v>2071264</v>
      </c>
      <c r="MW22" s="122">
        <v>2952388</v>
      </c>
      <c r="MX22" s="122">
        <v>856249</v>
      </c>
      <c r="MY22" s="123">
        <v>6356029</v>
      </c>
      <c r="MZ22" s="160">
        <v>6356029</v>
      </c>
      <c r="NA22" s="159">
        <v>0</v>
      </c>
      <c r="NB22" s="122">
        <v>0</v>
      </c>
      <c r="NC22" s="123">
        <v>0</v>
      </c>
      <c r="ND22" s="162"/>
      <c r="NE22" s="122">
        <v>0</v>
      </c>
      <c r="NF22" s="122">
        <v>1241943</v>
      </c>
      <c r="NG22" s="122">
        <v>1692019</v>
      </c>
      <c r="NH22" s="122">
        <v>1594115</v>
      </c>
      <c r="NI22" s="122">
        <v>1111654</v>
      </c>
      <c r="NJ22" s="123">
        <v>5639731</v>
      </c>
      <c r="NK22" s="357">
        <v>5639731</v>
      </c>
      <c r="NL22" s="159">
        <v>0</v>
      </c>
      <c r="NM22" s="122">
        <v>0</v>
      </c>
      <c r="NN22" s="123">
        <v>0</v>
      </c>
      <c r="NO22" s="162"/>
      <c r="NP22" s="122">
        <v>0</v>
      </c>
      <c r="NQ22" s="122">
        <v>0</v>
      </c>
      <c r="NR22" s="122">
        <v>0</v>
      </c>
      <c r="NS22" s="122">
        <v>0</v>
      </c>
      <c r="NT22" s="122">
        <v>0</v>
      </c>
      <c r="NU22" s="123">
        <v>0</v>
      </c>
      <c r="NV22" s="124">
        <v>0</v>
      </c>
      <c r="NW22" s="159">
        <v>0</v>
      </c>
      <c r="NX22" s="122">
        <v>0</v>
      </c>
      <c r="NY22" s="123">
        <v>0</v>
      </c>
      <c r="NZ22" s="162"/>
      <c r="OA22" s="122">
        <v>0</v>
      </c>
      <c r="OB22" s="122">
        <v>0</v>
      </c>
      <c r="OC22" s="122">
        <v>0</v>
      </c>
      <c r="OD22" s="122">
        <v>0</v>
      </c>
      <c r="OE22" s="122">
        <v>351149</v>
      </c>
      <c r="OF22" s="123">
        <v>351149</v>
      </c>
      <c r="OG22" s="124">
        <v>351149</v>
      </c>
      <c r="OH22" s="159">
        <v>281662</v>
      </c>
      <c r="OI22" s="122">
        <v>568482</v>
      </c>
      <c r="OJ22" s="158">
        <v>850144</v>
      </c>
      <c r="OK22" s="121">
        <v>0</v>
      </c>
      <c r="OL22" s="122">
        <v>5536221</v>
      </c>
      <c r="OM22" s="122">
        <v>9377025</v>
      </c>
      <c r="ON22" s="122">
        <v>11622746</v>
      </c>
      <c r="OO22" s="122">
        <v>10494898</v>
      </c>
      <c r="OP22" s="122">
        <v>7414225</v>
      </c>
      <c r="OQ22" s="123">
        <v>44445115</v>
      </c>
      <c r="OR22" s="160">
        <v>45295259</v>
      </c>
    </row>
    <row r="23" spans="1:408" ht="20.25" customHeight="1" x14ac:dyDescent="0.2">
      <c r="A23" s="129" t="s">
        <v>18</v>
      </c>
      <c r="B23" s="112">
        <v>394898</v>
      </c>
      <c r="C23" s="116">
        <v>1172243</v>
      </c>
      <c r="D23" s="115">
        <v>1567141</v>
      </c>
      <c r="E23" s="111">
        <v>0</v>
      </c>
      <c r="F23" s="116">
        <v>6156735</v>
      </c>
      <c r="G23" s="116">
        <v>9598179</v>
      </c>
      <c r="H23" s="116">
        <v>8039758</v>
      </c>
      <c r="I23" s="116">
        <v>6067772</v>
      </c>
      <c r="J23" s="116">
        <v>3233932</v>
      </c>
      <c r="K23" s="111">
        <v>33096376</v>
      </c>
      <c r="L23" s="118">
        <v>34663517</v>
      </c>
      <c r="M23" s="112">
        <v>109685</v>
      </c>
      <c r="N23" s="116">
        <v>384835</v>
      </c>
      <c r="O23" s="115">
        <v>494520</v>
      </c>
      <c r="P23" s="112">
        <v>0</v>
      </c>
      <c r="Q23" s="116">
        <v>1549895</v>
      </c>
      <c r="R23" s="116">
        <v>3535459</v>
      </c>
      <c r="S23" s="116">
        <v>2299714</v>
      </c>
      <c r="T23" s="116">
        <v>2947389</v>
      </c>
      <c r="U23" s="116">
        <v>1058688</v>
      </c>
      <c r="V23" s="115">
        <v>11391145</v>
      </c>
      <c r="W23" s="118">
        <v>11885665</v>
      </c>
      <c r="X23" s="112">
        <v>0</v>
      </c>
      <c r="Y23" s="116">
        <v>0</v>
      </c>
      <c r="Z23" s="115">
        <v>0</v>
      </c>
      <c r="AA23" s="112">
        <v>0</v>
      </c>
      <c r="AB23" s="116">
        <v>516129</v>
      </c>
      <c r="AC23" s="116">
        <v>2081614</v>
      </c>
      <c r="AD23" s="116">
        <v>1346485</v>
      </c>
      <c r="AE23" s="116">
        <v>1929347</v>
      </c>
      <c r="AF23" s="116">
        <v>382664</v>
      </c>
      <c r="AG23" s="115">
        <v>6256239</v>
      </c>
      <c r="AH23" s="118">
        <v>6256239</v>
      </c>
      <c r="AI23" s="112">
        <v>0</v>
      </c>
      <c r="AJ23" s="116">
        <v>0</v>
      </c>
      <c r="AK23" s="115">
        <v>0</v>
      </c>
      <c r="AL23" s="112">
        <v>0</v>
      </c>
      <c r="AM23" s="116">
        <v>45641</v>
      </c>
      <c r="AN23" s="116">
        <v>46292</v>
      </c>
      <c r="AO23" s="116">
        <v>45641</v>
      </c>
      <c r="AP23" s="116">
        <v>267460</v>
      </c>
      <c r="AQ23" s="116">
        <v>326769</v>
      </c>
      <c r="AR23" s="115">
        <v>731803</v>
      </c>
      <c r="AS23" s="118">
        <v>731803</v>
      </c>
      <c r="AT23" s="112">
        <v>40813</v>
      </c>
      <c r="AU23" s="116">
        <v>152620</v>
      </c>
      <c r="AV23" s="115">
        <v>193433</v>
      </c>
      <c r="AW23" s="112">
        <v>0</v>
      </c>
      <c r="AX23" s="116">
        <v>586050</v>
      </c>
      <c r="AY23" s="116">
        <v>666361</v>
      </c>
      <c r="AZ23" s="116">
        <v>404524</v>
      </c>
      <c r="BA23" s="116">
        <v>384966</v>
      </c>
      <c r="BB23" s="116">
        <v>193015</v>
      </c>
      <c r="BC23" s="115">
        <v>2234916</v>
      </c>
      <c r="BD23" s="118">
        <v>2428349</v>
      </c>
      <c r="BE23" s="112">
        <v>0</v>
      </c>
      <c r="BF23" s="116">
        <v>120631</v>
      </c>
      <c r="BG23" s="114">
        <v>120631</v>
      </c>
      <c r="BH23" s="113">
        <v>0</v>
      </c>
      <c r="BI23" s="116">
        <v>95691</v>
      </c>
      <c r="BJ23" s="116">
        <v>129096</v>
      </c>
      <c r="BK23" s="116">
        <v>71368</v>
      </c>
      <c r="BL23" s="116">
        <v>35776</v>
      </c>
      <c r="BM23" s="116">
        <v>0</v>
      </c>
      <c r="BN23" s="115">
        <v>331931</v>
      </c>
      <c r="BO23" s="118">
        <v>452562</v>
      </c>
      <c r="BP23" s="112">
        <v>68872</v>
      </c>
      <c r="BQ23" s="116">
        <v>111584</v>
      </c>
      <c r="BR23" s="115">
        <v>180456</v>
      </c>
      <c r="BS23" s="112">
        <v>0</v>
      </c>
      <c r="BT23" s="116">
        <v>306384</v>
      </c>
      <c r="BU23" s="116">
        <v>612096</v>
      </c>
      <c r="BV23" s="116">
        <v>431696</v>
      </c>
      <c r="BW23" s="116">
        <v>329840</v>
      </c>
      <c r="BX23" s="116">
        <v>156240</v>
      </c>
      <c r="BY23" s="115">
        <v>1836256</v>
      </c>
      <c r="BZ23" s="118">
        <v>2016712</v>
      </c>
      <c r="CA23" s="112">
        <v>63187</v>
      </c>
      <c r="CB23" s="116">
        <v>354479</v>
      </c>
      <c r="CC23" s="115">
        <v>417666</v>
      </c>
      <c r="CD23" s="112">
        <v>0</v>
      </c>
      <c r="CE23" s="116">
        <v>2309425</v>
      </c>
      <c r="CF23" s="116">
        <v>2648945</v>
      </c>
      <c r="CG23" s="116">
        <v>2137845</v>
      </c>
      <c r="CH23" s="116">
        <v>1031726</v>
      </c>
      <c r="CI23" s="116">
        <v>604341</v>
      </c>
      <c r="CJ23" s="115">
        <v>8732282</v>
      </c>
      <c r="CK23" s="118">
        <v>9149948</v>
      </c>
      <c r="CL23" s="112">
        <v>0</v>
      </c>
      <c r="CM23" s="116">
        <v>0</v>
      </c>
      <c r="CN23" s="115">
        <v>0</v>
      </c>
      <c r="CO23" s="113">
        <v>0</v>
      </c>
      <c r="CP23" s="116">
        <v>1760886</v>
      </c>
      <c r="CQ23" s="116">
        <v>2022405</v>
      </c>
      <c r="CR23" s="116">
        <v>1583704</v>
      </c>
      <c r="CS23" s="116">
        <v>754137</v>
      </c>
      <c r="CT23" s="116">
        <v>447064</v>
      </c>
      <c r="CU23" s="115">
        <v>6568196</v>
      </c>
      <c r="CV23" s="118">
        <v>6568196</v>
      </c>
      <c r="CW23" s="112">
        <v>63187</v>
      </c>
      <c r="CX23" s="116">
        <v>354479</v>
      </c>
      <c r="CY23" s="115">
        <v>417666</v>
      </c>
      <c r="CZ23" s="112">
        <v>0</v>
      </c>
      <c r="DA23" s="116">
        <v>548539</v>
      </c>
      <c r="DB23" s="116">
        <v>626540</v>
      </c>
      <c r="DC23" s="116">
        <v>554141</v>
      </c>
      <c r="DD23" s="116">
        <v>277589</v>
      </c>
      <c r="DE23" s="116">
        <v>157277</v>
      </c>
      <c r="DF23" s="115">
        <v>2164086</v>
      </c>
      <c r="DG23" s="118">
        <v>2581752</v>
      </c>
      <c r="DH23" s="112">
        <v>0</v>
      </c>
      <c r="DI23" s="116">
        <v>20593</v>
      </c>
      <c r="DJ23" s="114">
        <v>20593</v>
      </c>
      <c r="DK23" s="113">
        <v>0</v>
      </c>
      <c r="DL23" s="116">
        <v>105061</v>
      </c>
      <c r="DM23" s="116">
        <v>643710</v>
      </c>
      <c r="DN23" s="116">
        <v>835495</v>
      </c>
      <c r="DO23" s="116">
        <v>737686</v>
      </c>
      <c r="DP23" s="116">
        <v>210636</v>
      </c>
      <c r="DQ23" s="115">
        <v>2532588</v>
      </c>
      <c r="DR23" s="118">
        <v>2553181</v>
      </c>
      <c r="DS23" s="112">
        <v>0</v>
      </c>
      <c r="DT23" s="116">
        <v>20593</v>
      </c>
      <c r="DU23" s="115">
        <v>20593</v>
      </c>
      <c r="DV23" s="112">
        <v>0</v>
      </c>
      <c r="DW23" s="116">
        <v>40773</v>
      </c>
      <c r="DX23" s="116">
        <v>643710</v>
      </c>
      <c r="DY23" s="116">
        <v>835495</v>
      </c>
      <c r="DZ23" s="116">
        <v>737686</v>
      </c>
      <c r="EA23" s="116">
        <v>210636</v>
      </c>
      <c r="EB23" s="115">
        <v>2468300</v>
      </c>
      <c r="EC23" s="118">
        <v>2488893</v>
      </c>
      <c r="ED23" s="112">
        <v>0</v>
      </c>
      <c r="EE23" s="114">
        <v>0</v>
      </c>
      <c r="EF23" s="115">
        <v>0</v>
      </c>
      <c r="EG23" s="112">
        <v>0</v>
      </c>
      <c r="EH23" s="116">
        <v>64288</v>
      </c>
      <c r="EI23" s="116">
        <v>0</v>
      </c>
      <c r="EJ23" s="116">
        <v>0</v>
      </c>
      <c r="EK23" s="116">
        <v>0</v>
      </c>
      <c r="EL23" s="116">
        <v>0</v>
      </c>
      <c r="EM23" s="114">
        <v>64288</v>
      </c>
      <c r="EN23" s="118">
        <v>64288</v>
      </c>
      <c r="EO23" s="112">
        <v>0</v>
      </c>
      <c r="EP23" s="116">
        <v>0</v>
      </c>
      <c r="EQ23" s="114">
        <v>0</v>
      </c>
      <c r="ER23" s="113">
        <v>0</v>
      </c>
      <c r="ES23" s="116">
        <v>0</v>
      </c>
      <c r="ET23" s="116">
        <v>0</v>
      </c>
      <c r="EU23" s="116">
        <v>0</v>
      </c>
      <c r="EV23" s="116">
        <v>0</v>
      </c>
      <c r="EW23" s="116">
        <v>0</v>
      </c>
      <c r="EX23" s="115">
        <v>0</v>
      </c>
      <c r="EY23" s="118">
        <v>0</v>
      </c>
      <c r="EZ23" s="112">
        <v>0</v>
      </c>
      <c r="FA23" s="116">
        <v>0</v>
      </c>
      <c r="FB23" s="114">
        <v>0</v>
      </c>
      <c r="FC23" s="390"/>
      <c r="FD23" s="116">
        <v>0</v>
      </c>
      <c r="FE23" s="116">
        <v>0</v>
      </c>
      <c r="FF23" s="116">
        <v>0</v>
      </c>
      <c r="FG23" s="116">
        <v>0</v>
      </c>
      <c r="FH23" s="116">
        <v>0</v>
      </c>
      <c r="FI23" s="115">
        <v>0</v>
      </c>
      <c r="FJ23" s="118">
        <v>0</v>
      </c>
      <c r="FK23" s="112">
        <v>168080</v>
      </c>
      <c r="FL23" s="116">
        <v>132872</v>
      </c>
      <c r="FM23" s="115">
        <v>300952</v>
      </c>
      <c r="FN23" s="112">
        <v>0</v>
      </c>
      <c r="FO23" s="116">
        <v>361256</v>
      </c>
      <c r="FP23" s="116">
        <v>752104</v>
      </c>
      <c r="FQ23" s="116">
        <v>758584</v>
      </c>
      <c r="FR23" s="116">
        <v>498800</v>
      </c>
      <c r="FS23" s="116">
        <v>151328</v>
      </c>
      <c r="FT23" s="115">
        <v>2522072</v>
      </c>
      <c r="FU23" s="118">
        <v>2823024</v>
      </c>
      <c r="FV23" s="117">
        <v>43120</v>
      </c>
      <c r="FW23" s="116">
        <v>132872</v>
      </c>
      <c r="FX23" s="114">
        <v>175992</v>
      </c>
      <c r="FY23" s="113">
        <v>0</v>
      </c>
      <c r="FZ23" s="116">
        <v>209656</v>
      </c>
      <c r="GA23" s="116">
        <v>714248</v>
      </c>
      <c r="GB23" s="116">
        <v>460968</v>
      </c>
      <c r="GC23" s="116">
        <v>498800</v>
      </c>
      <c r="GD23" s="116">
        <v>151328</v>
      </c>
      <c r="GE23" s="115">
        <v>2035000</v>
      </c>
      <c r="GF23" s="354">
        <v>2210992</v>
      </c>
      <c r="GG23" s="117">
        <v>0</v>
      </c>
      <c r="GH23" s="116">
        <v>0</v>
      </c>
      <c r="GI23" s="114">
        <v>0</v>
      </c>
      <c r="GJ23" s="113">
        <v>0</v>
      </c>
      <c r="GK23" s="116">
        <v>16400</v>
      </c>
      <c r="GL23" s="116">
        <v>37856</v>
      </c>
      <c r="GM23" s="116">
        <v>90816</v>
      </c>
      <c r="GN23" s="116">
        <v>0</v>
      </c>
      <c r="GO23" s="116">
        <v>0</v>
      </c>
      <c r="GP23" s="115">
        <v>145072</v>
      </c>
      <c r="GQ23" s="118">
        <v>145072</v>
      </c>
      <c r="GR23" s="112">
        <v>124960</v>
      </c>
      <c r="GS23" s="116">
        <v>0</v>
      </c>
      <c r="GT23" s="115">
        <v>124960</v>
      </c>
      <c r="GU23" s="112">
        <v>0</v>
      </c>
      <c r="GV23" s="116">
        <v>135200</v>
      </c>
      <c r="GW23" s="116">
        <v>0</v>
      </c>
      <c r="GX23" s="116">
        <v>206800</v>
      </c>
      <c r="GY23" s="116">
        <v>0</v>
      </c>
      <c r="GZ23" s="116">
        <v>0</v>
      </c>
      <c r="HA23" s="114">
        <v>342000</v>
      </c>
      <c r="HB23" s="118">
        <v>466960</v>
      </c>
      <c r="HC23" s="112">
        <v>53946</v>
      </c>
      <c r="HD23" s="116">
        <v>279464</v>
      </c>
      <c r="HE23" s="114">
        <v>333410</v>
      </c>
      <c r="HF23" s="113">
        <v>0</v>
      </c>
      <c r="HG23" s="116">
        <v>1831098</v>
      </c>
      <c r="HH23" s="116">
        <v>2017961</v>
      </c>
      <c r="HI23" s="116">
        <v>2008120</v>
      </c>
      <c r="HJ23" s="116">
        <v>852171</v>
      </c>
      <c r="HK23" s="116">
        <v>1208939</v>
      </c>
      <c r="HL23" s="115">
        <v>7918289</v>
      </c>
      <c r="HM23" s="111">
        <v>8251699</v>
      </c>
      <c r="HN23" s="370"/>
      <c r="HO23" s="371"/>
      <c r="HP23" s="372"/>
      <c r="HQ23" s="373"/>
      <c r="HR23" s="371"/>
      <c r="HS23" s="371"/>
      <c r="HT23" s="371"/>
      <c r="HU23" s="371"/>
      <c r="HV23" s="371"/>
      <c r="HW23" s="374"/>
      <c r="HX23" s="375"/>
      <c r="HY23" s="148">
        <v>90020</v>
      </c>
      <c r="HZ23" s="149">
        <v>0</v>
      </c>
      <c r="IA23" s="150">
        <v>90020</v>
      </c>
      <c r="IB23" s="163">
        <v>0</v>
      </c>
      <c r="IC23" s="149">
        <v>2263730</v>
      </c>
      <c r="ID23" s="164">
        <v>2844215</v>
      </c>
      <c r="IE23" s="150">
        <v>1479807</v>
      </c>
      <c r="IF23" s="149">
        <v>1489077</v>
      </c>
      <c r="IG23" s="150">
        <v>324247</v>
      </c>
      <c r="IH23" s="165">
        <v>8401076</v>
      </c>
      <c r="II23" s="156">
        <v>8491096</v>
      </c>
      <c r="IJ23" s="261">
        <v>0</v>
      </c>
      <c r="IK23" s="268">
        <v>0</v>
      </c>
      <c r="IL23" s="269">
        <v>0</v>
      </c>
      <c r="IM23" s="157"/>
      <c r="IN23" s="122">
        <v>0</v>
      </c>
      <c r="IO23" s="122">
        <v>0</v>
      </c>
      <c r="IP23" s="122">
        <v>0</v>
      </c>
      <c r="IQ23" s="122">
        <v>0</v>
      </c>
      <c r="IR23" s="122">
        <v>0</v>
      </c>
      <c r="IS23" s="158">
        <v>0</v>
      </c>
      <c r="IT23" s="357">
        <v>0</v>
      </c>
      <c r="IU23" s="159">
        <v>0</v>
      </c>
      <c r="IV23" s="122">
        <v>0</v>
      </c>
      <c r="IW23" s="123">
        <v>0</v>
      </c>
      <c r="IX23" s="161"/>
      <c r="IY23" s="122">
        <v>0</v>
      </c>
      <c r="IZ23" s="122">
        <v>0</v>
      </c>
      <c r="JA23" s="122">
        <v>0</v>
      </c>
      <c r="JB23" s="122">
        <v>0</v>
      </c>
      <c r="JC23" s="122">
        <v>0</v>
      </c>
      <c r="JD23" s="123">
        <v>0</v>
      </c>
      <c r="JE23" s="124">
        <v>0</v>
      </c>
      <c r="JF23" s="159">
        <v>0</v>
      </c>
      <c r="JG23" s="122">
        <v>0</v>
      </c>
      <c r="JH23" s="158">
        <v>0</v>
      </c>
      <c r="JI23" s="121">
        <v>0</v>
      </c>
      <c r="JJ23" s="122">
        <v>809308</v>
      </c>
      <c r="JK23" s="122">
        <v>1154196</v>
      </c>
      <c r="JL23" s="122">
        <v>156731</v>
      </c>
      <c r="JM23" s="122">
        <v>27027</v>
      </c>
      <c r="JN23" s="122">
        <v>0</v>
      </c>
      <c r="JO23" s="123">
        <v>2147262</v>
      </c>
      <c r="JP23" s="357">
        <v>2147262</v>
      </c>
      <c r="JQ23" s="159">
        <v>0</v>
      </c>
      <c r="JR23" s="122">
        <v>0</v>
      </c>
      <c r="JS23" s="158">
        <v>0</v>
      </c>
      <c r="JT23" s="121">
        <v>0</v>
      </c>
      <c r="JU23" s="122">
        <v>134744</v>
      </c>
      <c r="JV23" s="122">
        <v>0</v>
      </c>
      <c r="JW23" s="122">
        <v>163261</v>
      </c>
      <c r="JX23" s="122">
        <v>89835</v>
      </c>
      <c r="JY23" s="122">
        <v>64084</v>
      </c>
      <c r="JZ23" s="123">
        <v>451924</v>
      </c>
      <c r="KA23" s="357">
        <v>451924</v>
      </c>
      <c r="KB23" s="264">
        <v>90020</v>
      </c>
      <c r="KC23" s="258">
        <v>0</v>
      </c>
      <c r="KD23" s="123">
        <v>90020</v>
      </c>
      <c r="KE23" s="121">
        <v>0</v>
      </c>
      <c r="KF23" s="122">
        <v>637830</v>
      </c>
      <c r="KG23" s="122">
        <v>534747</v>
      </c>
      <c r="KH23" s="122">
        <v>65237</v>
      </c>
      <c r="KI23" s="122">
        <v>261217</v>
      </c>
      <c r="KJ23" s="122">
        <v>0</v>
      </c>
      <c r="KK23" s="123">
        <v>1499031</v>
      </c>
      <c r="KL23" s="160">
        <v>1589051</v>
      </c>
      <c r="KM23" s="261">
        <v>0</v>
      </c>
      <c r="KN23" s="268">
        <v>0</v>
      </c>
      <c r="KO23" s="269">
        <v>0</v>
      </c>
      <c r="KP23" s="157"/>
      <c r="KQ23" s="122">
        <v>681848</v>
      </c>
      <c r="KR23" s="122">
        <v>1155272</v>
      </c>
      <c r="KS23" s="122">
        <v>1094578</v>
      </c>
      <c r="KT23" s="122">
        <v>516806</v>
      </c>
      <c r="KU23" s="122">
        <v>260163</v>
      </c>
      <c r="KV23" s="123">
        <v>3708667</v>
      </c>
      <c r="KW23" s="357">
        <v>3708667</v>
      </c>
      <c r="KX23" s="159">
        <v>0</v>
      </c>
      <c r="KY23" s="122">
        <v>0</v>
      </c>
      <c r="KZ23" s="123">
        <v>0</v>
      </c>
      <c r="LA23" s="162"/>
      <c r="LB23" s="122">
        <v>0</v>
      </c>
      <c r="LC23" s="122">
        <v>0</v>
      </c>
      <c r="LD23" s="122">
        <v>0</v>
      </c>
      <c r="LE23" s="122">
        <v>0</v>
      </c>
      <c r="LF23" s="122">
        <v>0</v>
      </c>
      <c r="LG23" s="123">
        <v>0</v>
      </c>
      <c r="LH23" s="124">
        <v>0</v>
      </c>
      <c r="LI23" s="159">
        <v>0</v>
      </c>
      <c r="LJ23" s="122">
        <v>0</v>
      </c>
      <c r="LK23" s="123">
        <v>0</v>
      </c>
      <c r="LL23" s="162"/>
      <c r="LM23" s="122">
        <v>0</v>
      </c>
      <c r="LN23" s="122">
        <v>0</v>
      </c>
      <c r="LO23" s="122">
        <v>0</v>
      </c>
      <c r="LP23" s="122">
        <v>0</v>
      </c>
      <c r="LQ23" s="122">
        <v>0</v>
      </c>
      <c r="LR23" s="123">
        <v>0</v>
      </c>
      <c r="LS23" s="357">
        <v>0</v>
      </c>
      <c r="LT23" s="159">
        <v>0</v>
      </c>
      <c r="LU23" s="122">
        <v>0</v>
      </c>
      <c r="LV23" s="123">
        <v>0</v>
      </c>
      <c r="LW23" s="162"/>
      <c r="LX23" s="122">
        <v>0</v>
      </c>
      <c r="LY23" s="122">
        <v>0</v>
      </c>
      <c r="LZ23" s="122">
        <v>0</v>
      </c>
      <c r="MA23" s="122">
        <v>594192</v>
      </c>
      <c r="MB23" s="122">
        <v>0</v>
      </c>
      <c r="MC23" s="123">
        <v>594192</v>
      </c>
      <c r="MD23" s="124">
        <v>594192</v>
      </c>
      <c r="ME23" s="159">
        <v>0</v>
      </c>
      <c r="MF23" s="122">
        <v>0</v>
      </c>
      <c r="MG23" s="123">
        <v>0</v>
      </c>
      <c r="MH23" s="162"/>
      <c r="MI23" s="122">
        <v>0</v>
      </c>
      <c r="MJ23" s="122">
        <v>330452</v>
      </c>
      <c r="MK23" s="122">
        <v>5219513</v>
      </c>
      <c r="ML23" s="122">
        <v>5003390</v>
      </c>
      <c r="MM23" s="122">
        <v>4125065</v>
      </c>
      <c r="MN23" s="123">
        <v>14678420</v>
      </c>
      <c r="MO23" s="160">
        <v>14678420</v>
      </c>
      <c r="MP23" s="159">
        <v>0</v>
      </c>
      <c r="MQ23" s="122">
        <v>0</v>
      </c>
      <c r="MR23" s="123">
        <v>0</v>
      </c>
      <c r="MS23" s="162"/>
      <c r="MT23" s="122">
        <v>0</v>
      </c>
      <c r="MU23" s="122">
        <v>0</v>
      </c>
      <c r="MV23" s="122">
        <v>3250527</v>
      </c>
      <c r="MW23" s="122">
        <v>3709156</v>
      </c>
      <c r="MX23" s="122">
        <v>1442615</v>
      </c>
      <c r="MY23" s="123">
        <v>8402298</v>
      </c>
      <c r="MZ23" s="160">
        <v>8402298</v>
      </c>
      <c r="NA23" s="159">
        <v>0</v>
      </c>
      <c r="NB23" s="122">
        <v>0</v>
      </c>
      <c r="NC23" s="123">
        <v>0</v>
      </c>
      <c r="ND23" s="162"/>
      <c r="NE23" s="122">
        <v>0</v>
      </c>
      <c r="NF23" s="122">
        <v>330452</v>
      </c>
      <c r="NG23" s="122">
        <v>1968986</v>
      </c>
      <c r="NH23" s="122">
        <v>1294234</v>
      </c>
      <c r="NI23" s="122">
        <v>2295161</v>
      </c>
      <c r="NJ23" s="123">
        <v>5888833</v>
      </c>
      <c r="NK23" s="357">
        <v>5888833</v>
      </c>
      <c r="NL23" s="159">
        <v>0</v>
      </c>
      <c r="NM23" s="122">
        <v>0</v>
      </c>
      <c r="NN23" s="123">
        <v>0</v>
      </c>
      <c r="NO23" s="162"/>
      <c r="NP23" s="122">
        <v>0</v>
      </c>
      <c r="NQ23" s="122">
        <v>0</v>
      </c>
      <c r="NR23" s="122">
        <v>0</v>
      </c>
      <c r="NS23" s="122">
        <v>0</v>
      </c>
      <c r="NT23" s="122">
        <v>0</v>
      </c>
      <c r="NU23" s="123">
        <v>0</v>
      </c>
      <c r="NV23" s="124">
        <v>0</v>
      </c>
      <c r="NW23" s="159">
        <v>0</v>
      </c>
      <c r="NX23" s="122">
        <v>0</v>
      </c>
      <c r="NY23" s="123">
        <v>0</v>
      </c>
      <c r="NZ23" s="162"/>
      <c r="OA23" s="122">
        <v>0</v>
      </c>
      <c r="OB23" s="122">
        <v>0</v>
      </c>
      <c r="OC23" s="122">
        <v>0</v>
      </c>
      <c r="OD23" s="122">
        <v>0</v>
      </c>
      <c r="OE23" s="122">
        <v>387289</v>
      </c>
      <c r="OF23" s="123">
        <v>387289</v>
      </c>
      <c r="OG23" s="124">
        <v>387289</v>
      </c>
      <c r="OH23" s="159">
        <v>484918</v>
      </c>
      <c r="OI23" s="122">
        <v>1172243</v>
      </c>
      <c r="OJ23" s="158">
        <v>1657161</v>
      </c>
      <c r="OK23" s="121">
        <v>0</v>
      </c>
      <c r="OL23" s="122">
        <v>8420465</v>
      </c>
      <c r="OM23" s="122">
        <v>12772846</v>
      </c>
      <c r="ON23" s="122">
        <v>14739078</v>
      </c>
      <c r="OO23" s="122">
        <v>12560239</v>
      </c>
      <c r="OP23" s="122">
        <v>7683244</v>
      </c>
      <c r="OQ23" s="123">
        <v>56175872</v>
      </c>
      <c r="OR23" s="160">
        <v>57833033</v>
      </c>
    </row>
    <row r="24" spans="1:408" ht="20.25" customHeight="1" x14ac:dyDescent="0.2">
      <c r="A24" s="129" t="s">
        <v>19</v>
      </c>
      <c r="B24" s="112">
        <v>258076</v>
      </c>
      <c r="C24" s="116">
        <v>415844</v>
      </c>
      <c r="D24" s="115">
        <v>673920</v>
      </c>
      <c r="E24" s="111">
        <v>0</v>
      </c>
      <c r="F24" s="116">
        <v>4024453</v>
      </c>
      <c r="G24" s="116">
        <v>3397846</v>
      </c>
      <c r="H24" s="116">
        <v>2149804</v>
      </c>
      <c r="I24" s="116">
        <v>3818168</v>
      </c>
      <c r="J24" s="116">
        <v>1285460</v>
      </c>
      <c r="K24" s="111">
        <v>14675731</v>
      </c>
      <c r="L24" s="118">
        <v>15349651</v>
      </c>
      <c r="M24" s="112">
        <v>36828</v>
      </c>
      <c r="N24" s="116">
        <v>20616</v>
      </c>
      <c r="O24" s="115">
        <v>57444</v>
      </c>
      <c r="P24" s="112">
        <v>0</v>
      </c>
      <c r="Q24" s="116">
        <v>1513833</v>
      </c>
      <c r="R24" s="116">
        <v>1000041</v>
      </c>
      <c r="S24" s="116">
        <v>532752</v>
      </c>
      <c r="T24" s="116">
        <v>2295973</v>
      </c>
      <c r="U24" s="116">
        <v>831344</v>
      </c>
      <c r="V24" s="115">
        <v>6173943</v>
      </c>
      <c r="W24" s="118">
        <v>6231387</v>
      </c>
      <c r="X24" s="112">
        <v>0</v>
      </c>
      <c r="Y24" s="116">
        <v>0</v>
      </c>
      <c r="Z24" s="115">
        <v>0</v>
      </c>
      <c r="AA24" s="112">
        <v>0</v>
      </c>
      <c r="AB24" s="116">
        <v>731336</v>
      </c>
      <c r="AC24" s="116">
        <v>298647</v>
      </c>
      <c r="AD24" s="116">
        <v>244200</v>
      </c>
      <c r="AE24" s="116">
        <v>1408223</v>
      </c>
      <c r="AF24" s="116">
        <v>113952</v>
      </c>
      <c r="AG24" s="115">
        <v>2796358</v>
      </c>
      <c r="AH24" s="118">
        <v>2796358</v>
      </c>
      <c r="AI24" s="112">
        <v>0</v>
      </c>
      <c r="AJ24" s="116">
        <v>0</v>
      </c>
      <c r="AK24" s="115">
        <v>0</v>
      </c>
      <c r="AL24" s="112">
        <v>0</v>
      </c>
      <c r="AM24" s="116">
        <v>13516</v>
      </c>
      <c r="AN24" s="116">
        <v>48443</v>
      </c>
      <c r="AO24" s="116">
        <v>0</v>
      </c>
      <c r="AP24" s="116">
        <v>268035</v>
      </c>
      <c r="AQ24" s="116">
        <v>198946</v>
      </c>
      <c r="AR24" s="115">
        <v>528940</v>
      </c>
      <c r="AS24" s="118">
        <v>528940</v>
      </c>
      <c r="AT24" s="112">
        <v>15612</v>
      </c>
      <c r="AU24" s="116">
        <v>0</v>
      </c>
      <c r="AV24" s="115">
        <v>15612</v>
      </c>
      <c r="AW24" s="112">
        <v>0</v>
      </c>
      <c r="AX24" s="116">
        <v>442605</v>
      </c>
      <c r="AY24" s="116">
        <v>452128</v>
      </c>
      <c r="AZ24" s="116">
        <v>107808</v>
      </c>
      <c r="BA24" s="116">
        <v>364809</v>
      </c>
      <c r="BB24" s="116">
        <v>441350</v>
      </c>
      <c r="BC24" s="115">
        <v>1808700</v>
      </c>
      <c r="BD24" s="118">
        <v>1824312</v>
      </c>
      <c r="BE24" s="112">
        <v>0</v>
      </c>
      <c r="BF24" s="116">
        <v>0</v>
      </c>
      <c r="BG24" s="114">
        <v>0</v>
      </c>
      <c r="BH24" s="113">
        <v>0</v>
      </c>
      <c r="BI24" s="116">
        <v>17368</v>
      </c>
      <c r="BJ24" s="116">
        <v>31151</v>
      </c>
      <c r="BK24" s="116">
        <v>32560</v>
      </c>
      <c r="BL24" s="116">
        <v>20706</v>
      </c>
      <c r="BM24" s="116">
        <v>0</v>
      </c>
      <c r="BN24" s="115">
        <v>101785</v>
      </c>
      <c r="BO24" s="118">
        <v>101785</v>
      </c>
      <c r="BP24" s="112">
        <v>21216</v>
      </c>
      <c r="BQ24" s="116">
        <v>20616</v>
      </c>
      <c r="BR24" s="115">
        <v>41832</v>
      </c>
      <c r="BS24" s="112">
        <v>0</v>
      </c>
      <c r="BT24" s="116">
        <v>309008</v>
      </c>
      <c r="BU24" s="116">
        <v>169672</v>
      </c>
      <c r="BV24" s="116">
        <v>148184</v>
      </c>
      <c r="BW24" s="116">
        <v>234200</v>
      </c>
      <c r="BX24" s="116">
        <v>77096</v>
      </c>
      <c r="BY24" s="115">
        <v>938160</v>
      </c>
      <c r="BZ24" s="118">
        <v>979992</v>
      </c>
      <c r="CA24" s="112">
        <v>42316</v>
      </c>
      <c r="CB24" s="116">
        <v>69007</v>
      </c>
      <c r="CC24" s="115">
        <v>111323</v>
      </c>
      <c r="CD24" s="112">
        <v>0</v>
      </c>
      <c r="CE24" s="116">
        <v>1225451</v>
      </c>
      <c r="CF24" s="116">
        <v>1315807</v>
      </c>
      <c r="CG24" s="116">
        <v>784697</v>
      </c>
      <c r="CH24" s="116">
        <v>285249</v>
      </c>
      <c r="CI24" s="116">
        <v>10770</v>
      </c>
      <c r="CJ24" s="115">
        <v>3621974</v>
      </c>
      <c r="CK24" s="118">
        <v>3733297</v>
      </c>
      <c r="CL24" s="112">
        <v>0</v>
      </c>
      <c r="CM24" s="116">
        <v>0</v>
      </c>
      <c r="CN24" s="115">
        <v>0</v>
      </c>
      <c r="CO24" s="113">
        <v>0</v>
      </c>
      <c r="CP24" s="116">
        <v>898761</v>
      </c>
      <c r="CQ24" s="116">
        <v>1014052</v>
      </c>
      <c r="CR24" s="116">
        <v>684733</v>
      </c>
      <c r="CS24" s="116">
        <v>79502</v>
      </c>
      <c r="CT24" s="116">
        <v>10770</v>
      </c>
      <c r="CU24" s="115">
        <v>2687818</v>
      </c>
      <c r="CV24" s="118">
        <v>2687818</v>
      </c>
      <c r="CW24" s="112">
        <v>42316</v>
      </c>
      <c r="CX24" s="116">
        <v>69007</v>
      </c>
      <c r="CY24" s="115">
        <v>111323</v>
      </c>
      <c r="CZ24" s="112">
        <v>0</v>
      </c>
      <c r="DA24" s="116">
        <v>326690</v>
      </c>
      <c r="DB24" s="116">
        <v>301755</v>
      </c>
      <c r="DC24" s="116">
        <v>99964</v>
      </c>
      <c r="DD24" s="116">
        <v>205747</v>
      </c>
      <c r="DE24" s="116">
        <v>0</v>
      </c>
      <c r="DF24" s="115">
        <v>934156</v>
      </c>
      <c r="DG24" s="118">
        <v>1045479</v>
      </c>
      <c r="DH24" s="112">
        <v>0</v>
      </c>
      <c r="DI24" s="116">
        <v>0</v>
      </c>
      <c r="DJ24" s="114">
        <v>0</v>
      </c>
      <c r="DK24" s="113">
        <v>0</v>
      </c>
      <c r="DL24" s="116">
        <v>22257</v>
      </c>
      <c r="DM24" s="116">
        <v>119687</v>
      </c>
      <c r="DN24" s="116">
        <v>26180</v>
      </c>
      <c r="DO24" s="116">
        <v>83867</v>
      </c>
      <c r="DP24" s="116">
        <v>0</v>
      </c>
      <c r="DQ24" s="115">
        <v>251991</v>
      </c>
      <c r="DR24" s="118">
        <v>251991</v>
      </c>
      <c r="DS24" s="112">
        <v>0</v>
      </c>
      <c r="DT24" s="116">
        <v>0</v>
      </c>
      <c r="DU24" s="115">
        <v>0</v>
      </c>
      <c r="DV24" s="112">
        <v>0</v>
      </c>
      <c r="DW24" s="116">
        <v>22257</v>
      </c>
      <c r="DX24" s="116">
        <v>119687</v>
      </c>
      <c r="DY24" s="116">
        <v>26180</v>
      </c>
      <c r="DZ24" s="116">
        <v>0</v>
      </c>
      <c r="EA24" s="116">
        <v>0</v>
      </c>
      <c r="EB24" s="115">
        <v>168124</v>
      </c>
      <c r="EC24" s="118">
        <v>168124</v>
      </c>
      <c r="ED24" s="112">
        <v>0</v>
      </c>
      <c r="EE24" s="114">
        <v>0</v>
      </c>
      <c r="EF24" s="115">
        <v>0</v>
      </c>
      <c r="EG24" s="112">
        <v>0</v>
      </c>
      <c r="EH24" s="116">
        <v>0</v>
      </c>
      <c r="EI24" s="116">
        <v>0</v>
      </c>
      <c r="EJ24" s="116">
        <v>0</v>
      </c>
      <c r="EK24" s="116">
        <v>83867</v>
      </c>
      <c r="EL24" s="116">
        <v>0</v>
      </c>
      <c r="EM24" s="114">
        <v>83867</v>
      </c>
      <c r="EN24" s="118">
        <v>83867</v>
      </c>
      <c r="EO24" s="112">
        <v>0</v>
      </c>
      <c r="EP24" s="116">
        <v>0</v>
      </c>
      <c r="EQ24" s="114">
        <v>0</v>
      </c>
      <c r="ER24" s="113">
        <v>0</v>
      </c>
      <c r="ES24" s="116">
        <v>0</v>
      </c>
      <c r="ET24" s="116">
        <v>0</v>
      </c>
      <c r="EU24" s="116">
        <v>0</v>
      </c>
      <c r="EV24" s="116">
        <v>0</v>
      </c>
      <c r="EW24" s="116">
        <v>0</v>
      </c>
      <c r="EX24" s="115">
        <v>0</v>
      </c>
      <c r="EY24" s="118">
        <v>0</v>
      </c>
      <c r="EZ24" s="112">
        <v>0</v>
      </c>
      <c r="FA24" s="116">
        <v>0</v>
      </c>
      <c r="FB24" s="114">
        <v>0</v>
      </c>
      <c r="FC24" s="390"/>
      <c r="FD24" s="116">
        <v>0</v>
      </c>
      <c r="FE24" s="116">
        <v>0</v>
      </c>
      <c r="FF24" s="116">
        <v>0</v>
      </c>
      <c r="FG24" s="116">
        <v>0</v>
      </c>
      <c r="FH24" s="116">
        <v>0</v>
      </c>
      <c r="FI24" s="115">
        <v>0</v>
      </c>
      <c r="FJ24" s="118">
        <v>0</v>
      </c>
      <c r="FK24" s="112">
        <v>178932</v>
      </c>
      <c r="FL24" s="116">
        <v>47600</v>
      </c>
      <c r="FM24" s="115">
        <v>226532</v>
      </c>
      <c r="FN24" s="112">
        <v>0</v>
      </c>
      <c r="FO24" s="116">
        <v>149768</v>
      </c>
      <c r="FP24" s="116">
        <v>393728</v>
      </c>
      <c r="FQ24" s="116">
        <v>206248</v>
      </c>
      <c r="FR24" s="116">
        <v>285280</v>
      </c>
      <c r="FS24" s="116">
        <v>208640</v>
      </c>
      <c r="FT24" s="115">
        <v>1243664</v>
      </c>
      <c r="FU24" s="118">
        <v>1470196</v>
      </c>
      <c r="FV24" s="117">
        <v>19600</v>
      </c>
      <c r="FW24" s="116">
        <v>47600</v>
      </c>
      <c r="FX24" s="114">
        <v>67200</v>
      </c>
      <c r="FY24" s="113">
        <v>0</v>
      </c>
      <c r="FZ24" s="116">
        <v>149768</v>
      </c>
      <c r="GA24" s="116">
        <v>374720</v>
      </c>
      <c r="GB24" s="116">
        <v>187240</v>
      </c>
      <c r="GC24" s="116">
        <v>285280</v>
      </c>
      <c r="GD24" s="116">
        <v>200976</v>
      </c>
      <c r="GE24" s="115">
        <v>1197984</v>
      </c>
      <c r="GF24" s="354">
        <v>1265184</v>
      </c>
      <c r="GG24" s="117">
        <v>0</v>
      </c>
      <c r="GH24" s="116">
        <v>0</v>
      </c>
      <c r="GI24" s="114">
        <v>0</v>
      </c>
      <c r="GJ24" s="113">
        <v>0</v>
      </c>
      <c r="GK24" s="116">
        <v>0</v>
      </c>
      <c r="GL24" s="116">
        <v>19008</v>
      </c>
      <c r="GM24" s="116">
        <v>19008</v>
      </c>
      <c r="GN24" s="116">
        <v>0</v>
      </c>
      <c r="GO24" s="116">
        <v>0</v>
      </c>
      <c r="GP24" s="115">
        <v>38016</v>
      </c>
      <c r="GQ24" s="118">
        <v>38016</v>
      </c>
      <c r="GR24" s="112">
        <v>159332</v>
      </c>
      <c r="GS24" s="116">
        <v>0</v>
      </c>
      <c r="GT24" s="115">
        <v>159332</v>
      </c>
      <c r="GU24" s="112">
        <v>0</v>
      </c>
      <c r="GV24" s="116">
        <v>0</v>
      </c>
      <c r="GW24" s="116">
        <v>0</v>
      </c>
      <c r="GX24" s="116">
        <v>0</v>
      </c>
      <c r="GY24" s="116">
        <v>0</v>
      </c>
      <c r="GZ24" s="116">
        <v>7664</v>
      </c>
      <c r="HA24" s="114">
        <v>7664</v>
      </c>
      <c r="HB24" s="118">
        <v>166996</v>
      </c>
      <c r="HC24" s="112">
        <v>0</v>
      </c>
      <c r="HD24" s="116">
        <v>278621</v>
      </c>
      <c r="HE24" s="114">
        <v>278621</v>
      </c>
      <c r="HF24" s="113">
        <v>0</v>
      </c>
      <c r="HG24" s="116">
        <v>1113144</v>
      </c>
      <c r="HH24" s="116">
        <v>568583</v>
      </c>
      <c r="HI24" s="116">
        <v>599927</v>
      </c>
      <c r="HJ24" s="116">
        <v>867799</v>
      </c>
      <c r="HK24" s="116">
        <v>234706</v>
      </c>
      <c r="HL24" s="115">
        <v>3384159</v>
      </c>
      <c r="HM24" s="111">
        <v>3662780</v>
      </c>
      <c r="HN24" s="370"/>
      <c r="HO24" s="371"/>
      <c r="HP24" s="372"/>
      <c r="HQ24" s="373"/>
      <c r="HR24" s="371"/>
      <c r="HS24" s="371"/>
      <c r="HT24" s="371"/>
      <c r="HU24" s="371"/>
      <c r="HV24" s="371"/>
      <c r="HW24" s="374"/>
      <c r="HX24" s="375"/>
      <c r="HY24" s="167">
        <v>0</v>
      </c>
      <c r="HZ24" s="152">
        <v>0</v>
      </c>
      <c r="IA24" s="167">
        <v>0</v>
      </c>
      <c r="IB24" s="151">
        <v>0</v>
      </c>
      <c r="IC24" s="152">
        <v>592617</v>
      </c>
      <c r="ID24" s="153">
        <v>1056235</v>
      </c>
      <c r="IE24" s="154">
        <v>409839</v>
      </c>
      <c r="IF24" s="152">
        <v>62489</v>
      </c>
      <c r="IG24" s="154">
        <v>881556</v>
      </c>
      <c r="IH24" s="155">
        <v>3002736</v>
      </c>
      <c r="II24" s="167">
        <v>3002736</v>
      </c>
      <c r="IJ24" s="261">
        <v>0</v>
      </c>
      <c r="IK24" s="268">
        <v>0</v>
      </c>
      <c r="IL24" s="269">
        <v>0</v>
      </c>
      <c r="IM24" s="157"/>
      <c r="IN24" s="122">
        <v>52489</v>
      </c>
      <c r="IO24" s="122">
        <v>0</v>
      </c>
      <c r="IP24" s="122">
        <v>206098</v>
      </c>
      <c r="IQ24" s="122">
        <v>0</v>
      </c>
      <c r="IR24" s="122">
        <v>0</v>
      </c>
      <c r="IS24" s="158">
        <v>258587</v>
      </c>
      <c r="IT24" s="357">
        <v>258587</v>
      </c>
      <c r="IU24" s="159">
        <v>0</v>
      </c>
      <c r="IV24" s="122">
        <v>0</v>
      </c>
      <c r="IW24" s="123">
        <v>0</v>
      </c>
      <c r="IX24" s="161"/>
      <c r="IY24" s="122">
        <v>0</v>
      </c>
      <c r="IZ24" s="122">
        <v>0</v>
      </c>
      <c r="JA24" s="122">
        <v>0</v>
      </c>
      <c r="JB24" s="122">
        <v>0</v>
      </c>
      <c r="JC24" s="122">
        <v>0</v>
      </c>
      <c r="JD24" s="123">
        <v>0</v>
      </c>
      <c r="JE24" s="124">
        <v>0</v>
      </c>
      <c r="JF24" s="159">
        <v>0</v>
      </c>
      <c r="JG24" s="122">
        <v>0</v>
      </c>
      <c r="JH24" s="158">
        <v>0</v>
      </c>
      <c r="JI24" s="121">
        <v>0</v>
      </c>
      <c r="JJ24" s="122">
        <v>163166</v>
      </c>
      <c r="JK24" s="122">
        <v>171878</v>
      </c>
      <c r="JL24" s="122">
        <v>0</v>
      </c>
      <c r="JM24" s="122">
        <v>62489</v>
      </c>
      <c r="JN24" s="122">
        <v>0</v>
      </c>
      <c r="JO24" s="123">
        <v>397533</v>
      </c>
      <c r="JP24" s="357">
        <v>397533</v>
      </c>
      <c r="JQ24" s="159">
        <v>0</v>
      </c>
      <c r="JR24" s="122">
        <v>0</v>
      </c>
      <c r="JS24" s="158">
        <v>0</v>
      </c>
      <c r="JT24" s="121">
        <v>0</v>
      </c>
      <c r="JU24" s="122">
        <v>0</v>
      </c>
      <c r="JV24" s="122">
        <v>343006</v>
      </c>
      <c r="JW24" s="122">
        <v>0</v>
      </c>
      <c r="JX24" s="122">
        <v>0</v>
      </c>
      <c r="JY24" s="122">
        <v>0</v>
      </c>
      <c r="JZ24" s="123">
        <v>343006</v>
      </c>
      <c r="KA24" s="357">
        <v>343006</v>
      </c>
      <c r="KB24" s="264">
        <v>0</v>
      </c>
      <c r="KC24" s="258">
        <v>0</v>
      </c>
      <c r="KD24" s="123">
        <v>0</v>
      </c>
      <c r="KE24" s="121">
        <v>0</v>
      </c>
      <c r="KF24" s="122">
        <v>133056</v>
      </c>
      <c r="KG24" s="122">
        <v>298218</v>
      </c>
      <c r="KH24" s="122">
        <v>203741</v>
      </c>
      <c r="KI24" s="122">
        <v>0</v>
      </c>
      <c r="KJ24" s="122">
        <v>528376</v>
      </c>
      <c r="KK24" s="123">
        <v>1163391</v>
      </c>
      <c r="KL24" s="160">
        <v>1163391</v>
      </c>
      <c r="KM24" s="261">
        <v>0</v>
      </c>
      <c r="KN24" s="268">
        <v>0</v>
      </c>
      <c r="KO24" s="269">
        <v>0</v>
      </c>
      <c r="KP24" s="157"/>
      <c r="KQ24" s="122">
        <v>232842</v>
      </c>
      <c r="KR24" s="122">
        <v>243133</v>
      </c>
      <c r="KS24" s="122">
        <v>0</v>
      </c>
      <c r="KT24" s="122">
        <v>0</v>
      </c>
      <c r="KU24" s="122">
        <v>0</v>
      </c>
      <c r="KV24" s="123">
        <v>475975</v>
      </c>
      <c r="KW24" s="357">
        <v>475975</v>
      </c>
      <c r="KX24" s="159">
        <v>0</v>
      </c>
      <c r="KY24" s="122">
        <v>0</v>
      </c>
      <c r="KZ24" s="123">
        <v>0</v>
      </c>
      <c r="LA24" s="162"/>
      <c r="LB24" s="122">
        <v>0</v>
      </c>
      <c r="LC24" s="122">
        <v>0</v>
      </c>
      <c r="LD24" s="122">
        <v>0</v>
      </c>
      <c r="LE24" s="122">
        <v>0</v>
      </c>
      <c r="LF24" s="122">
        <v>0</v>
      </c>
      <c r="LG24" s="123">
        <v>0</v>
      </c>
      <c r="LH24" s="124">
        <v>0</v>
      </c>
      <c r="LI24" s="159">
        <v>0</v>
      </c>
      <c r="LJ24" s="122">
        <v>0</v>
      </c>
      <c r="LK24" s="123">
        <v>0</v>
      </c>
      <c r="LL24" s="162"/>
      <c r="LM24" s="122">
        <v>0</v>
      </c>
      <c r="LN24" s="122">
        <v>0</v>
      </c>
      <c r="LO24" s="122">
        <v>0</v>
      </c>
      <c r="LP24" s="122">
        <v>0</v>
      </c>
      <c r="LQ24" s="122">
        <v>0</v>
      </c>
      <c r="LR24" s="123">
        <v>0</v>
      </c>
      <c r="LS24" s="357">
        <v>0</v>
      </c>
      <c r="LT24" s="159">
        <v>0</v>
      </c>
      <c r="LU24" s="122">
        <v>0</v>
      </c>
      <c r="LV24" s="123">
        <v>0</v>
      </c>
      <c r="LW24" s="162"/>
      <c r="LX24" s="122">
        <v>11064</v>
      </c>
      <c r="LY24" s="122">
        <v>0</v>
      </c>
      <c r="LZ24" s="122">
        <v>0</v>
      </c>
      <c r="MA24" s="122">
        <v>0</v>
      </c>
      <c r="MB24" s="122">
        <v>353180</v>
      </c>
      <c r="MC24" s="123">
        <v>364244</v>
      </c>
      <c r="MD24" s="124">
        <v>364244</v>
      </c>
      <c r="ME24" s="159">
        <v>0</v>
      </c>
      <c r="MF24" s="122">
        <v>0</v>
      </c>
      <c r="MG24" s="123">
        <v>0</v>
      </c>
      <c r="MH24" s="162"/>
      <c r="MI24" s="122">
        <v>513566</v>
      </c>
      <c r="MJ24" s="122">
        <v>500504</v>
      </c>
      <c r="MK24" s="122">
        <v>1270092</v>
      </c>
      <c r="ML24" s="122">
        <v>2459385</v>
      </c>
      <c r="MM24" s="122">
        <v>1085336</v>
      </c>
      <c r="MN24" s="123">
        <v>5828883</v>
      </c>
      <c r="MO24" s="160">
        <v>5828883</v>
      </c>
      <c r="MP24" s="159">
        <v>0</v>
      </c>
      <c r="MQ24" s="122">
        <v>0</v>
      </c>
      <c r="MR24" s="123">
        <v>0</v>
      </c>
      <c r="MS24" s="162"/>
      <c r="MT24" s="122">
        <v>0</v>
      </c>
      <c r="MU24" s="122">
        <v>0</v>
      </c>
      <c r="MV24" s="122">
        <v>293752</v>
      </c>
      <c r="MW24" s="122">
        <v>1568773</v>
      </c>
      <c r="MX24" s="122">
        <v>1107126</v>
      </c>
      <c r="MY24" s="123">
        <v>2969651</v>
      </c>
      <c r="MZ24" s="160">
        <v>2969651</v>
      </c>
      <c r="NA24" s="159">
        <v>0</v>
      </c>
      <c r="NB24" s="122">
        <v>0</v>
      </c>
      <c r="NC24" s="123">
        <v>0</v>
      </c>
      <c r="ND24" s="162"/>
      <c r="NE24" s="122">
        <v>513566</v>
      </c>
      <c r="NF24" s="122">
        <v>500504</v>
      </c>
      <c r="NG24" s="122">
        <v>978205</v>
      </c>
      <c r="NH24" s="122">
        <v>890612</v>
      </c>
      <c r="NI24" s="122">
        <v>0</v>
      </c>
      <c r="NJ24" s="123">
        <v>2882887</v>
      </c>
      <c r="NK24" s="357">
        <v>2882887</v>
      </c>
      <c r="NL24" s="159">
        <v>0</v>
      </c>
      <c r="NM24" s="122">
        <v>0</v>
      </c>
      <c r="NN24" s="123">
        <v>0</v>
      </c>
      <c r="NO24" s="162"/>
      <c r="NP24" s="122">
        <v>0</v>
      </c>
      <c r="NQ24" s="122">
        <v>0</v>
      </c>
      <c r="NR24" s="122">
        <v>0</v>
      </c>
      <c r="NS24" s="122">
        <v>0</v>
      </c>
      <c r="NT24" s="122">
        <v>0</v>
      </c>
      <c r="NU24" s="123">
        <v>0</v>
      </c>
      <c r="NV24" s="124">
        <v>0</v>
      </c>
      <c r="NW24" s="159">
        <v>0</v>
      </c>
      <c r="NX24" s="122">
        <v>0</v>
      </c>
      <c r="NY24" s="123">
        <v>0</v>
      </c>
      <c r="NZ24" s="162"/>
      <c r="OA24" s="122">
        <v>0</v>
      </c>
      <c r="OB24" s="122">
        <v>0</v>
      </c>
      <c r="OC24" s="122">
        <v>-1865</v>
      </c>
      <c r="OD24" s="122">
        <v>0</v>
      </c>
      <c r="OE24" s="122">
        <v>-21790</v>
      </c>
      <c r="OF24" s="123">
        <v>-23655</v>
      </c>
      <c r="OG24" s="124">
        <v>-23655</v>
      </c>
      <c r="OH24" s="159">
        <v>258076</v>
      </c>
      <c r="OI24" s="122">
        <v>415844</v>
      </c>
      <c r="OJ24" s="158">
        <v>673920</v>
      </c>
      <c r="OK24" s="121">
        <v>0</v>
      </c>
      <c r="OL24" s="122">
        <v>5130636</v>
      </c>
      <c r="OM24" s="122">
        <v>4954585</v>
      </c>
      <c r="ON24" s="122">
        <v>3829735</v>
      </c>
      <c r="OO24" s="122">
        <v>6340042</v>
      </c>
      <c r="OP24" s="122">
        <v>3252352</v>
      </c>
      <c r="OQ24" s="123">
        <v>23507350</v>
      </c>
      <c r="OR24" s="160">
        <v>24181270</v>
      </c>
    </row>
    <row r="25" spans="1:408" ht="20.25" customHeight="1" x14ac:dyDescent="0.2">
      <c r="A25" s="129" t="s">
        <v>20</v>
      </c>
      <c r="B25" s="112">
        <v>436295</v>
      </c>
      <c r="C25" s="116">
        <v>856303</v>
      </c>
      <c r="D25" s="115">
        <v>1292598</v>
      </c>
      <c r="E25" s="112">
        <v>0</v>
      </c>
      <c r="F25" s="116">
        <v>5464796</v>
      </c>
      <c r="G25" s="116">
        <v>5037103</v>
      </c>
      <c r="H25" s="116">
        <v>4912085</v>
      </c>
      <c r="I25" s="116">
        <v>4719514</v>
      </c>
      <c r="J25" s="116">
        <v>1067282</v>
      </c>
      <c r="K25" s="200">
        <v>21200780</v>
      </c>
      <c r="L25" s="118">
        <v>22493378</v>
      </c>
      <c r="M25" s="112">
        <v>116659</v>
      </c>
      <c r="N25" s="116">
        <v>206937</v>
      </c>
      <c r="O25" s="115">
        <v>323596</v>
      </c>
      <c r="P25" s="112">
        <v>0</v>
      </c>
      <c r="Q25" s="116">
        <v>1769266</v>
      </c>
      <c r="R25" s="116">
        <v>1447704</v>
      </c>
      <c r="S25" s="116">
        <v>1143584</v>
      </c>
      <c r="T25" s="116">
        <v>870476</v>
      </c>
      <c r="U25" s="116">
        <v>544316</v>
      </c>
      <c r="V25" s="115">
        <v>5775346</v>
      </c>
      <c r="W25" s="118">
        <v>6098942</v>
      </c>
      <c r="X25" s="112">
        <v>0</v>
      </c>
      <c r="Y25" s="116">
        <v>0</v>
      </c>
      <c r="Z25" s="115">
        <v>0</v>
      </c>
      <c r="AA25" s="112">
        <v>0</v>
      </c>
      <c r="AB25" s="116">
        <v>600991</v>
      </c>
      <c r="AC25" s="116">
        <v>620075</v>
      </c>
      <c r="AD25" s="116">
        <v>366517</v>
      </c>
      <c r="AE25" s="116">
        <v>270332</v>
      </c>
      <c r="AF25" s="116">
        <v>154752</v>
      </c>
      <c r="AG25" s="115">
        <v>2012667</v>
      </c>
      <c r="AH25" s="118">
        <v>2012667</v>
      </c>
      <c r="AI25" s="112">
        <v>0</v>
      </c>
      <c r="AJ25" s="116">
        <v>0</v>
      </c>
      <c r="AK25" s="115">
        <v>0</v>
      </c>
      <c r="AL25" s="112">
        <v>0</v>
      </c>
      <c r="AM25" s="116">
        <v>0</v>
      </c>
      <c r="AN25" s="116">
        <v>0</v>
      </c>
      <c r="AO25" s="116">
        <v>0</v>
      </c>
      <c r="AP25" s="116">
        <v>58307</v>
      </c>
      <c r="AQ25" s="116">
        <v>119108</v>
      </c>
      <c r="AR25" s="115">
        <v>177415</v>
      </c>
      <c r="AS25" s="118">
        <v>177415</v>
      </c>
      <c r="AT25" s="112">
        <v>66773</v>
      </c>
      <c r="AU25" s="116">
        <v>105177</v>
      </c>
      <c r="AV25" s="115">
        <v>171950</v>
      </c>
      <c r="AW25" s="112">
        <v>0</v>
      </c>
      <c r="AX25" s="116">
        <v>811794</v>
      </c>
      <c r="AY25" s="116">
        <v>403247</v>
      </c>
      <c r="AZ25" s="116">
        <v>352329</v>
      </c>
      <c r="BA25" s="116">
        <v>209304</v>
      </c>
      <c r="BB25" s="116">
        <v>198162</v>
      </c>
      <c r="BC25" s="115">
        <v>1974836</v>
      </c>
      <c r="BD25" s="118">
        <v>2146786</v>
      </c>
      <c r="BE25" s="112">
        <v>17038</v>
      </c>
      <c r="BF25" s="116">
        <v>22376</v>
      </c>
      <c r="BG25" s="114">
        <v>39414</v>
      </c>
      <c r="BH25" s="113">
        <v>0</v>
      </c>
      <c r="BI25" s="116">
        <v>104745</v>
      </c>
      <c r="BJ25" s="116">
        <v>94686</v>
      </c>
      <c r="BK25" s="116">
        <v>116682</v>
      </c>
      <c r="BL25" s="116">
        <v>46205</v>
      </c>
      <c r="BM25" s="116">
        <v>25286</v>
      </c>
      <c r="BN25" s="115">
        <v>387604</v>
      </c>
      <c r="BO25" s="118">
        <v>427018</v>
      </c>
      <c r="BP25" s="112">
        <v>32848</v>
      </c>
      <c r="BQ25" s="116">
        <v>79384</v>
      </c>
      <c r="BR25" s="115">
        <v>112232</v>
      </c>
      <c r="BS25" s="112">
        <v>0</v>
      </c>
      <c r="BT25" s="116">
        <v>251736</v>
      </c>
      <c r="BU25" s="116">
        <v>329696</v>
      </c>
      <c r="BV25" s="116">
        <v>308056</v>
      </c>
      <c r="BW25" s="116">
        <v>286328</v>
      </c>
      <c r="BX25" s="116">
        <v>47008</v>
      </c>
      <c r="BY25" s="115">
        <v>1222824</v>
      </c>
      <c r="BZ25" s="118">
        <v>1335056</v>
      </c>
      <c r="CA25" s="112">
        <v>121228</v>
      </c>
      <c r="CB25" s="116">
        <v>72944</v>
      </c>
      <c r="CC25" s="115">
        <v>194172</v>
      </c>
      <c r="CD25" s="112">
        <v>0</v>
      </c>
      <c r="CE25" s="116">
        <v>1663035</v>
      </c>
      <c r="CF25" s="116">
        <v>870737</v>
      </c>
      <c r="CG25" s="116">
        <v>1426409</v>
      </c>
      <c r="CH25" s="116">
        <v>1154504</v>
      </c>
      <c r="CI25" s="116">
        <v>155249</v>
      </c>
      <c r="CJ25" s="115">
        <v>5269934</v>
      </c>
      <c r="CK25" s="118">
        <v>5464106</v>
      </c>
      <c r="CL25" s="112">
        <v>0</v>
      </c>
      <c r="CM25" s="116">
        <v>0</v>
      </c>
      <c r="CN25" s="115">
        <v>0</v>
      </c>
      <c r="CO25" s="113">
        <v>0</v>
      </c>
      <c r="CP25" s="116">
        <v>1164105</v>
      </c>
      <c r="CQ25" s="116">
        <v>411697</v>
      </c>
      <c r="CR25" s="116">
        <v>1078650</v>
      </c>
      <c r="CS25" s="116">
        <v>389733</v>
      </c>
      <c r="CT25" s="116">
        <v>106589</v>
      </c>
      <c r="CU25" s="115">
        <v>3150774</v>
      </c>
      <c r="CV25" s="118">
        <v>3150774</v>
      </c>
      <c r="CW25" s="112">
        <v>121228</v>
      </c>
      <c r="CX25" s="116">
        <v>72944</v>
      </c>
      <c r="CY25" s="115">
        <v>194172</v>
      </c>
      <c r="CZ25" s="112">
        <v>0</v>
      </c>
      <c r="DA25" s="116">
        <v>498930</v>
      </c>
      <c r="DB25" s="116">
        <v>459040</v>
      </c>
      <c r="DC25" s="116">
        <v>347759</v>
      </c>
      <c r="DD25" s="116">
        <v>764771</v>
      </c>
      <c r="DE25" s="116">
        <v>48660</v>
      </c>
      <c r="DF25" s="115">
        <v>2119160</v>
      </c>
      <c r="DG25" s="118">
        <v>2313332</v>
      </c>
      <c r="DH25" s="112">
        <v>20720</v>
      </c>
      <c r="DI25" s="116">
        <v>70534</v>
      </c>
      <c r="DJ25" s="114">
        <v>91254</v>
      </c>
      <c r="DK25" s="113">
        <v>0</v>
      </c>
      <c r="DL25" s="116">
        <v>136165</v>
      </c>
      <c r="DM25" s="116">
        <v>227525</v>
      </c>
      <c r="DN25" s="116">
        <v>638603</v>
      </c>
      <c r="DO25" s="116">
        <v>587780</v>
      </c>
      <c r="DP25" s="116">
        <v>0</v>
      </c>
      <c r="DQ25" s="115">
        <v>1590073</v>
      </c>
      <c r="DR25" s="118">
        <v>1681327</v>
      </c>
      <c r="DS25" s="112">
        <v>20720</v>
      </c>
      <c r="DT25" s="116">
        <v>70534</v>
      </c>
      <c r="DU25" s="115">
        <v>91254</v>
      </c>
      <c r="DV25" s="112">
        <v>0</v>
      </c>
      <c r="DW25" s="116">
        <v>136165</v>
      </c>
      <c r="DX25" s="116">
        <v>208705</v>
      </c>
      <c r="DY25" s="116">
        <v>638603</v>
      </c>
      <c r="DZ25" s="116">
        <v>434707</v>
      </c>
      <c r="EA25" s="116">
        <v>0</v>
      </c>
      <c r="EB25" s="115">
        <v>1418180</v>
      </c>
      <c r="EC25" s="118">
        <v>1509434</v>
      </c>
      <c r="ED25" s="112">
        <v>0</v>
      </c>
      <c r="EE25" s="114">
        <v>0</v>
      </c>
      <c r="EF25" s="115">
        <v>0</v>
      </c>
      <c r="EG25" s="112">
        <v>0</v>
      </c>
      <c r="EH25" s="116">
        <v>0</v>
      </c>
      <c r="EI25" s="116">
        <v>18820</v>
      </c>
      <c r="EJ25" s="116">
        <v>0</v>
      </c>
      <c r="EK25" s="116">
        <v>153073</v>
      </c>
      <c r="EL25" s="116">
        <v>0</v>
      </c>
      <c r="EM25" s="114">
        <v>171893</v>
      </c>
      <c r="EN25" s="118">
        <v>171893</v>
      </c>
      <c r="EO25" s="112">
        <v>0</v>
      </c>
      <c r="EP25" s="116">
        <v>0</v>
      </c>
      <c r="EQ25" s="114">
        <v>0</v>
      </c>
      <c r="ER25" s="113">
        <v>0</v>
      </c>
      <c r="ES25" s="116">
        <v>0</v>
      </c>
      <c r="ET25" s="116">
        <v>0</v>
      </c>
      <c r="EU25" s="116">
        <v>0</v>
      </c>
      <c r="EV25" s="116">
        <v>0</v>
      </c>
      <c r="EW25" s="116">
        <v>0</v>
      </c>
      <c r="EX25" s="115">
        <v>0</v>
      </c>
      <c r="EY25" s="118">
        <v>0</v>
      </c>
      <c r="EZ25" s="112">
        <v>0</v>
      </c>
      <c r="FA25" s="116">
        <v>0</v>
      </c>
      <c r="FB25" s="114">
        <v>0</v>
      </c>
      <c r="FC25" s="390"/>
      <c r="FD25" s="116">
        <v>0</v>
      </c>
      <c r="FE25" s="116">
        <v>0</v>
      </c>
      <c r="FF25" s="116">
        <v>0</v>
      </c>
      <c r="FG25" s="116">
        <v>0</v>
      </c>
      <c r="FH25" s="116">
        <v>0</v>
      </c>
      <c r="FI25" s="115">
        <v>0</v>
      </c>
      <c r="FJ25" s="118">
        <v>0</v>
      </c>
      <c r="FK25" s="112">
        <v>73992</v>
      </c>
      <c r="FL25" s="116">
        <v>145336</v>
      </c>
      <c r="FM25" s="115">
        <v>219328</v>
      </c>
      <c r="FN25" s="112">
        <v>0</v>
      </c>
      <c r="FO25" s="116">
        <v>574224</v>
      </c>
      <c r="FP25" s="116">
        <v>531408</v>
      </c>
      <c r="FQ25" s="116">
        <v>306336</v>
      </c>
      <c r="FR25" s="116">
        <v>394496</v>
      </c>
      <c r="FS25" s="116">
        <v>128672</v>
      </c>
      <c r="FT25" s="115">
        <v>1935136</v>
      </c>
      <c r="FU25" s="118">
        <v>2154464</v>
      </c>
      <c r="FV25" s="117">
        <v>73992</v>
      </c>
      <c r="FW25" s="116">
        <v>95336</v>
      </c>
      <c r="FX25" s="114">
        <v>169328</v>
      </c>
      <c r="FY25" s="113">
        <v>0</v>
      </c>
      <c r="FZ25" s="116">
        <v>471144</v>
      </c>
      <c r="GA25" s="116">
        <v>335808</v>
      </c>
      <c r="GB25" s="116">
        <v>282976</v>
      </c>
      <c r="GC25" s="116">
        <v>394496</v>
      </c>
      <c r="GD25" s="116">
        <v>128672</v>
      </c>
      <c r="GE25" s="115">
        <v>1613096</v>
      </c>
      <c r="GF25" s="354">
        <v>1782424</v>
      </c>
      <c r="GG25" s="117">
        <v>0</v>
      </c>
      <c r="GH25" s="116">
        <v>0</v>
      </c>
      <c r="GI25" s="114">
        <v>0</v>
      </c>
      <c r="GJ25" s="113">
        <v>0</v>
      </c>
      <c r="GK25" s="116">
        <v>44680</v>
      </c>
      <c r="GL25" s="116">
        <v>35600</v>
      </c>
      <c r="GM25" s="116">
        <v>23360</v>
      </c>
      <c r="GN25" s="116">
        <v>0</v>
      </c>
      <c r="GO25" s="116">
        <v>0</v>
      </c>
      <c r="GP25" s="115">
        <v>103640</v>
      </c>
      <c r="GQ25" s="118">
        <v>103640</v>
      </c>
      <c r="GR25" s="112">
        <v>0</v>
      </c>
      <c r="GS25" s="116">
        <v>50000</v>
      </c>
      <c r="GT25" s="115">
        <v>50000</v>
      </c>
      <c r="GU25" s="112">
        <v>0</v>
      </c>
      <c r="GV25" s="116">
        <v>58400</v>
      </c>
      <c r="GW25" s="116">
        <v>160000</v>
      </c>
      <c r="GX25" s="116">
        <v>0</v>
      </c>
      <c r="GY25" s="116">
        <v>0</v>
      </c>
      <c r="GZ25" s="116">
        <v>0</v>
      </c>
      <c r="HA25" s="114">
        <v>218400</v>
      </c>
      <c r="HB25" s="118">
        <v>268400</v>
      </c>
      <c r="HC25" s="112">
        <v>103696</v>
      </c>
      <c r="HD25" s="116">
        <v>360552</v>
      </c>
      <c r="HE25" s="114">
        <v>464248</v>
      </c>
      <c r="HF25" s="113">
        <v>0</v>
      </c>
      <c r="HG25" s="116">
        <v>1322106</v>
      </c>
      <c r="HH25" s="116">
        <v>1959729</v>
      </c>
      <c r="HI25" s="116">
        <v>1397153</v>
      </c>
      <c r="HJ25" s="116">
        <v>1712258</v>
      </c>
      <c r="HK25" s="116">
        <v>239045</v>
      </c>
      <c r="HL25" s="115">
        <v>6630291</v>
      </c>
      <c r="HM25" s="111">
        <v>7094539</v>
      </c>
      <c r="HN25" s="370"/>
      <c r="HO25" s="371"/>
      <c r="HP25" s="372"/>
      <c r="HQ25" s="373"/>
      <c r="HR25" s="371"/>
      <c r="HS25" s="371"/>
      <c r="HT25" s="371"/>
      <c r="HU25" s="371"/>
      <c r="HV25" s="371"/>
      <c r="HW25" s="374"/>
      <c r="HX25" s="375"/>
      <c r="HY25" s="148">
        <v>0</v>
      </c>
      <c r="HZ25" s="149">
        <v>0</v>
      </c>
      <c r="IA25" s="150">
        <v>0</v>
      </c>
      <c r="IB25" s="163">
        <v>0</v>
      </c>
      <c r="IC25" s="149">
        <v>863154</v>
      </c>
      <c r="ID25" s="164">
        <v>914064</v>
      </c>
      <c r="IE25" s="150">
        <v>576854</v>
      </c>
      <c r="IF25" s="149">
        <v>779258</v>
      </c>
      <c r="IG25" s="150">
        <v>0</v>
      </c>
      <c r="IH25" s="165">
        <v>3133330</v>
      </c>
      <c r="II25" s="156">
        <v>3133330</v>
      </c>
      <c r="IJ25" s="261">
        <v>0</v>
      </c>
      <c r="IK25" s="268">
        <v>0</v>
      </c>
      <c r="IL25" s="269">
        <v>0</v>
      </c>
      <c r="IM25" s="157"/>
      <c r="IN25" s="122">
        <v>0</v>
      </c>
      <c r="IO25" s="122">
        <v>0</v>
      </c>
      <c r="IP25" s="122">
        <v>0</v>
      </c>
      <c r="IQ25" s="122">
        <v>0</v>
      </c>
      <c r="IR25" s="122">
        <v>0</v>
      </c>
      <c r="IS25" s="158">
        <v>0</v>
      </c>
      <c r="IT25" s="357">
        <v>0</v>
      </c>
      <c r="IU25" s="159">
        <v>0</v>
      </c>
      <c r="IV25" s="122">
        <v>0</v>
      </c>
      <c r="IW25" s="123">
        <v>0</v>
      </c>
      <c r="IX25" s="161"/>
      <c r="IY25" s="122">
        <v>0</v>
      </c>
      <c r="IZ25" s="122">
        <v>0</v>
      </c>
      <c r="JA25" s="122">
        <v>0</v>
      </c>
      <c r="JB25" s="122">
        <v>0</v>
      </c>
      <c r="JC25" s="122">
        <v>0</v>
      </c>
      <c r="JD25" s="123">
        <v>0</v>
      </c>
      <c r="JE25" s="124">
        <v>0</v>
      </c>
      <c r="JF25" s="159">
        <v>0</v>
      </c>
      <c r="JG25" s="122">
        <v>0</v>
      </c>
      <c r="JH25" s="158">
        <v>0</v>
      </c>
      <c r="JI25" s="121">
        <v>0</v>
      </c>
      <c r="JJ25" s="122">
        <v>621274</v>
      </c>
      <c r="JK25" s="122">
        <v>423998</v>
      </c>
      <c r="JL25" s="122">
        <v>184324</v>
      </c>
      <c r="JM25" s="122">
        <v>0</v>
      </c>
      <c r="JN25" s="122">
        <v>0</v>
      </c>
      <c r="JO25" s="123">
        <v>1229596</v>
      </c>
      <c r="JP25" s="357">
        <v>1229596</v>
      </c>
      <c r="JQ25" s="159">
        <v>0</v>
      </c>
      <c r="JR25" s="122">
        <v>0</v>
      </c>
      <c r="JS25" s="158">
        <v>0</v>
      </c>
      <c r="JT25" s="121">
        <v>0</v>
      </c>
      <c r="JU25" s="122">
        <v>0</v>
      </c>
      <c r="JV25" s="122">
        <v>0</v>
      </c>
      <c r="JW25" s="122">
        <v>131560</v>
      </c>
      <c r="JX25" s="122">
        <v>0</v>
      </c>
      <c r="JY25" s="122">
        <v>0</v>
      </c>
      <c r="JZ25" s="123">
        <v>131560</v>
      </c>
      <c r="KA25" s="357">
        <v>131560</v>
      </c>
      <c r="KB25" s="264">
        <v>0</v>
      </c>
      <c r="KC25" s="258">
        <v>0</v>
      </c>
      <c r="KD25" s="123">
        <v>0</v>
      </c>
      <c r="KE25" s="121">
        <v>0</v>
      </c>
      <c r="KF25" s="122">
        <v>0</v>
      </c>
      <c r="KG25" s="122">
        <v>0</v>
      </c>
      <c r="KH25" s="122">
        <v>0</v>
      </c>
      <c r="KI25" s="122">
        <v>0</v>
      </c>
      <c r="KJ25" s="122">
        <v>0</v>
      </c>
      <c r="KK25" s="123">
        <v>0</v>
      </c>
      <c r="KL25" s="160">
        <v>0</v>
      </c>
      <c r="KM25" s="261">
        <v>0</v>
      </c>
      <c r="KN25" s="268">
        <v>0</v>
      </c>
      <c r="KO25" s="269">
        <v>0</v>
      </c>
      <c r="KP25" s="157"/>
      <c r="KQ25" s="122">
        <v>241880</v>
      </c>
      <c r="KR25" s="122">
        <v>490066</v>
      </c>
      <c r="KS25" s="122">
        <v>260970</v>
      </c>
      <c r="KT25" s="122">
        <v>779258</v>
      </c>
      <c r="KU25" s="122">
        <v>0</v>
      </c>
      <c r="KV25" s="123">
        <v>1772174</v>
      </c>
      <c r="KW25" s="357">
        <v>1772174</v>
      </c>
      <c r="KX25" s="159">
        <v>0</v>
      </c>
      <c r="KY25" s="122">
        <v>0</v>
      </c>
      <c r="KZ25" s="123">
        <v>0</v>
      </c>
      <c r="LA25" s="162"/>
      <c r="LB25" s="122">
        <v>0</v>
      </c>
      <c r="LC25" s="122">
        <v>0</v>
      </c>
      <c r="LD25" s="122">
        <v>0</v>
      </c>
      <c r="LE25" s="122">
        <v>0</v>
      </c>
      <c r="LF25" s="122">
        <v>0</v>
      </c>
      <c r="LG25" s="123">
        <v>0</v>
      </c>
      <c r="LH25" s="124">
        <v>0</v>
      </c>
      <c r="LI25" s="159">
        <v>0</v>
      </c>
      <c r="LJ25" s="122">
        <v>0</v>
      </c>
      <c r="LK25" s="123">
        <v>0</v>
      </c>
      <c r="LL25" s="162"/>
      <c r="LM25" s="122">
        <v>0</v>
      </c>
      <c r="LN25" s="122">
        <v>0</v>
      </c>
      <c r="LO25" s="122">
        <v>0</v>
      </c>
      <c r="LP25" s="122">
        <v>0</v>
      </c>
      <c r="LQ25" s="122">
        <v>0</v>
      </c>
      <c r="LR25" s="123">
        <v>0</v>
      </c>
      <c r="LS25" s="357">
        <v>0</v>
      </c>
      <c r="LT25" s="159">
        <v>0</v>
      </c>
      <c r="LU25" s="122">
        <v>0</v>
      </c>
      <c r="LV25" s="123">
        <v>0</v>
      </c>
      <c r="LW25" s="162"/>
      <c r="LX25" s="122">
        <v>0</v>
      </c>
      <c r="LY25" s="122">
        <v>0</v>
      </c>
      <c r="LZ25" s="122">
        <v>0</v>
      </c>
      <c r="MA25" s="122">
        <v>0</v>
      </c>
      <c r="MB25" s="122">
        <v>0</v>
      </c>
      <c r="MC25" s="123">
        <v>0</v>
      </c>
      <c r="MD25" s="124">
        <v>0</v>
      </c>
      <c r="ME25" s="159">
        <v>0</v>
      </c>
      <c r="MF25" s="122">
        <v>0</v>
      </c>
      <c r="MG25" s="123">
        <v>0</v>
      </c>
      <c r="MH25" s="162"/>
      <c r="MI25" s="122">
        <v>223448</v>
      </c>
      <c r="MJ25" s="122">
        <v>746637</v>
      </c>
      <c r="MK25" s="122">
        <v>2651619</v>
      </c>
      <c r="ML25" s="122">
        <v>3048914</v>
      </c>
      <c r="MM25" s="122">
        <v>2820051</v>
      </c>
      <c r="MN25" s="123">
        <v>9490669</v>
      </c>
      <c r="MO25" s="160">
        <v>9490669</v>
      </c>
      <c r="MP25" s="159">
        <v>0</v>
      </c>
      <c r="MQ25" s="122">
        <v>0</v>
      </c>
      <c r="MR25" s="123">
        <v>0</v>
      </c>
      <c r="MS25" s="162"/>
      <c r="MT25" s="122">
        <v>0</v>
      </c>
      <c r="MU25" s="122">
        <v>0</v>
      </c>
      <c r="MV25" s="122">
        <v>1233042</v>
      </c>
      <c r="MW25" s="122">
        <v>2758587</v>
      </c>
      <c r="MX25" s="122">
        <v>1583449</v>
      </c>
      <c r="MY25" s="123">
        <v>5575078</v>
      </c>
      <c r="MZ25" s="160">
        <v>5575078</v>
      </c>
      <c r="NA25" s="159">
        <v>0</v>
      </c>
      <c r="NB25" s="122">
        <v>0</v>
      </c>
      <c r="NC25" s="123">
        <v>0</v>
      </c>
      <c r="ND25" s="162"/>
      <c r="NE25" s="122">
        <v>223448</v>
      </c>
      <c r="NF25" s="122">
        <v>746637</v>
      </c>
      <c r="NG25" s="122">
        <v>1418577</v>
      </c>
      <c r="NH25" s="122">
        <v>290327</v>
      </c>
      <c r="NI25" s="122">
        <v>501046</v>
      </c>
      <c r="NJ25" s="123">
        <v>3180035</v>
      </c>
      <c r="NK25" s="357">
        <v>3180035</v>
      </c>
      <c r="NL25" s="159">
        <v>0</v>
      </c>
      <c r="NM25" s="122">
        <v>0</v>
      </c>
      <c r="NN25" s="123">
        <v>0</v>
      </c>
      <c r="NO25" s="162"/>
      <c r="NP25" s="122">
        <v>0</v>
      </c>
      <c r="NQ25" s="122">
        <v>0</v>
      </c>
      <c r="NR25" s="122">
        <v>0</v>
      </c>
      <c r="NS25" s="122">
        <v>0</v>
      </c>
      <c r="NT25" s="122">
        <v>0</v>
      </c>
      <c r="NU25" s="123">
        <v>0</v>
      </c>
      <c r="NV25" s="124">
        <v>0</v>
      </c>
      <c r="NW25" s="159">
        <v>0</v>
      </c>
      <c r="NX25" s="122">
        <v>0</v>
      </c>
      <c r="NY25" s="123">
        <v>0</v>
      </c>
      <c r="NZ25" s="162"/>
      <c r="OA25" s="122">
        <v>0</v>
      </c>
      <c r="OB25" s="122">
        <v>0</v>
      </c>
      <c r="OC25" s="122">
        <v>0</v>
      </c>
      <c r="OD25" s="122">
        <v>0</v>
      </c>
      <c r="OE25" s="122">
        <v>735556</v>
      </c>
      <c r="OF25" s="123">
        <v>735556</v>
      </c>
      <c r="OG25" s="124">
        <v>735556</v>
      </c>
      <c r="OH25" s="159">
        <v>436295</v>
      </c>
      <c r="OI25" s="122">
        <v>856303</v>
      </c>
      <c r="OJ25" s="158">
        <v>1292598</v>
      </c>
      <c r="OK25" s="121">
        <v>0</v>
      </c>
      <c r="OL25" s="122">
        <v>6551398</v>
      </c>
      <c r="OM25" s="122">
        <v>6697804</v>
      </c>
      <c r="ON25" s="122">
        <v>8140558</v>
      </c>
      <c r="OO25" s="122">
        <v>8547686</v>
      </c>
      <c r="OP25" s="122">
        <v>3887333</v>
      </c>
      <c r="OQ25" s="123">
        <v>33824779</v>
      </c>
      <c r="OR25" s="160">
        <v>35117377</v>
      </c>
    </row>
    <row r="26" spans="1:408" ht="20.25" customHeight="1" x14ac:dyDescent="0.2">
      <c r="A26" s="129" t="s">
        <v>21</v>
      </c>
      <c r="B26" s="112">
        <v>252778</v>
      </c>
      <c r="C26" s="116">
        <v>367990</v>
      </c>
      <c r="D26" s="115">
        <v>620768</v>
      </c>
      <c r="E26" s="111">
        <v>0</v>
      </c>
      <c r="F26" s="116">
        <v>3861763</v>
      </c>
      <c r="G26" s="116">
        <v>4469095</v>
      </c>
      <c r="H26" s="116">
        <v>4369525</v>
      </c>
      <c r="I26" s="116">
        <v>4094292</v>
      </c>
      <c r="J26" s="116">
        <v>2627357</v>
      </c>
      <c r="K26" s="200">
        <v>19422032</v>
      </c>
      <c r="L26" s="118">
        <v>20042800</v>
      </c>
      <c r="M26" s="112">
        <v>131758</v>
      </c>
      <c r="N26" s="116">
        <v>139952</v>
      </c>
      <c r="O26" s="115">
        <v>271710</v>
      </c>
      <c r="P26" s="112">
        <v>0</v>
      </c>
      <c r="Q26" s="116">
        <v>1347208</v>
      </c>
      <c r="R26" s="116">
        <v>1666565</v>
      </c>
      <c r="S26" s="116">
        <v>1308662</v>
      </c>
      <c r="T26" s="116">
        <v>2020426</v>
      </c>
      <c r="U26" s="116">
        <v>1800998</v>
      </c>
      <c r="V26" s="115">
        <v>8143859</v>
      </c>
      <c r="W26" s="118">
        <v>8415569</v>
      </c>
      <c r="X26" s="112">
        <v>0</v>
      </c>
      <c r="Y26" s="116">
        <v>0</v>
      </c>
      <c r="Z26" s="115">
        <v>0</v>
      </c>
      <c r="AA26" s="112">
        <v>0</v>
      </c>
      <c r="AB26" s="116">
        <v>527912</v>
      </c>
      <c r="AC26" s="116">
        <v>480511</v>
      </c>
      <c r="AD26" s="116">
        <v>798944</v>
      </c>
      <c r="AE26" s="116">
        <v>1363727</v>
      </c>
      <c r="AF26" s="116">
        <v>1499825</v>
      </c>
      <c r="AG26" s="115">
        <v>4670919</v>
      </c>
      <c r="AH26" s="118">
        <v>4670919</v>
      </c>
      <c r="AI26" s="112">
        <v>0</v>
      </c>
      <c r="AJ26" s="116">
        <v>0</v>
      </c>
      <c r="AK26" s="115">
        <v>0</v>
      </c>
      <c r="AL26" s="112">
        <v>0</v>
      </c>
      <c r="AM26" s="116">
        <v>0</v>
      </c>
      <c r="AN26" s="116">
        <v>0</v>
      </c>
      <c r="AO26" s="116">
        <v>0</v>
      </c>
      <c r="AP26" s="116">
        <v>23448</v>
      </c>
      <c r="AQ26" s="116">
        <v>46292</v>
      </c>
      <c r="AR26" s="115">
        <v>69740</v>
      </c>
      <c r="AS26" s="118">
        <v>69740</v>
      </c>
      <c r="AT26" s="112">
        <v>81250</v>
      </c>
      <c r="AU26" s="116">
        <v>117886</v>
      </c>
      <c r="AV26" s="115">
        <v>199136</v>
      </c>
      <c r="AW26" s="112">
        <v>0</v>
      </c>
      <c r="AX26" s="116">
        <v>487936</v>
      </c>
      <c r="AY26" s="116">
        <v>872456</v>
      </c>
      <c r="AZ26" s="116">
        <v>363158</v>
      </c>
      <c r="BA26" s="116">
        <v>401043</v>
      </c>
      <c r="BB26" s="116">
        <v>144353</v>
      </c>
      <c r="BC26" s="115">
        <v>2268946</v>
      </c>
      <c r="BD26" s="118">
        <v>2468082</v>
      </c>
      <c r="BE26" s="112">
        <v>24788</v>
      </c>
      <c r="BF26" s="116">
        <v>15546</v>
      </c>
      <c r="BG26" s="114">
        <v>40334</v>
      </c>
      <c r="BH26" s="113">
        <v>0</v>
      </c>
      <c r="BI26" s="116">
        <v>126016</v>
      </c>
      <c r="BJ26" s="116">
        <v>125566</v>
      </c>
      <c r="BK26" s="116">
        <v>0</v>
      </c>
      <c r="BL26" s="116">
        <v>0</v>
      </c>
      <c r="BM26" s="116">
        <v>0</v>
      </c>
      <c r="BN26" s="115">
        <v>251582</v>
      </c>
      <c r="BO26" s="118">
        <v>291916</v>
      </c>
      <c r="BP26" s="112">
        <v>25720</v>
      </c>
      <c r="BQ26" s="116">
        <v>6520</v>
      </c>
      <c r="BR26" s="115">
        <v>32240</v>
      </c>
      <c r="BS26" s="112">
        <v>0</v>
      </c>
      <c r="BT26" s="116">
        <v>205344</v>
      </c>
      <c r="BU26" s="116">
        <v>188032</v>
      </c>
      <c r="BV26" s="116">
        <v>146560</v>
      </c>
      <c r="BW26" s="116">
        <v>232208</v>
      </c>
      <c r="BX26" s="116">
        <v>110528</v>
      </c>
      <c r="BY26" s="115">
        <v>882672</v>
      </c>
      <c r="BZ26" s="118">
        <v>914912</v>
      </c>
      <c r="CA26" s="112">
        <v>0</v>
      </c>
      <c r="CB26" s="116">
        <v>75537</v>
      </c>
      <c r="CC26" s="115">
        <v>75537</v>
      </c>
      <c r="CD26" s="112">
        <v>0</v>
      </c>
      <c r="CE26" s="116">
        <v>1114953</v>
      </c>
      <c r="CF26" s="116">
        <v>1159520</v>
      </c>
      <c r="CG26" s="116">
        <v>1036807</v>
      </c>
      <c r="CH26" s="116">
        <v>156279</v>
      </c>
      <c r="CI26" s="116">
        <v>186629</v>
      </c>
      <c r="CJ26" s="115">
        <v>3654188</v>
      </c>
      <c r="CK26" s="118">
        <v>3729725</v>
      </c>
      <c r="CL26" s="112">
        <v>0</v>
      </c>
      <c r="CM26" s="116">
        <v>0</v>
      </c>
      <c r="CN26" s="115">
        <v>0</v>
      </c>
      <c r="CO26" s="113">
        <v>0</v>
      </c>
      <c r="CP26" s="116">
        <v>870103</v>
      </c>
      <c r="CQ26" s="116">
        <v>626931</v>
      </c>
      <c r="CR26" s="116">
        <v>746645</v>
      </c>
      <c r="CS26" s="116">
        <v>156279</v>
      </c>
      <c r="CT26" s="116">
        <v>186629</v>
      </c>
      <c r="CU26" s="115">
        <v>2586587</v>
      </c>
      <c r="CV26" s="118">
        <v>2586587</v>
      </c>
      <c r="CW26" s="112">
        <v>0</v>
      </c>
      <c r="CX26" s="116">
        <v>75537</v>
      </c>
      <c r="CY26" s="115">
        <v>75537</v>
      </c>
      <c r="CZ26" s="112">
        <v>0</v>
      </c>
      <c r="DA26" s="116">
        <v>244850</v>
      </c>
      <c r="DB26" s="116">
        <v>532589</v>
      </c>
      <c r="DC26" s="116">
        <v>290162</v>
      </c>
      <c r="DD26" s="116">
        <v>0</v>
      </c>
      <c r="DE26" s="116">
        <v>0</v>
      </c>
      <c r="DF26" s="115">
        <v>1067601</v>
      </c>
      <c r="DG26" s="118">
        <v>1143138</v>
      </c>
      <c r="DH26" s="112">
        <v>22376</v>
      </c>
      <c r="DI26" s="116">
        <v>26188</v>
      </c>
      <c r="DJ26" s="114">
        <v>48564</v>
      </c>
      <c r="DK26" s="113">
        <v>0</v>
      </c>
      <c r="DL26" s="116">
        <v>71924</v>
      </c>
      <c r="DM26" s="116">
        <v>263149</v>
      </c>
      <c r="DN26" s="116">
        <v>1111623</v>
      </c>
      <c r="DO26" s="116">
        <v>691337</v>
      </c>
      <c r="DP26" s="116">
        <v>12929</v>
      </c>
      <c r="DQ26" s="115">
        <v>2150962</v>
      </c>
      <c r="DR26" s="118">
        <v>2199526</v>
      </c>
      <c r="DS26" s="112">
        <v>22376</v>
      </c>
      <c r="DT26" s="116">
        <v>26188</v>
      </c>
      <c r="DU26" s="115">
        <v>48564</v>
      </c>
      <c r="DV26" s="112">
        <v>0</v>
      </c>
      <c r="DW26" s="116">
        <v>71924</v>
      </c>
      <c r="DX26" s="116">
        <v>263149</v>
      </c>
      <c r="DY26" s="116">
        <v>1111623</v>
      </c>
      <c r="DZ26" s="116">
        <v>691337</v>
      </c>
      <c r="EA26" s="116">
        <v>12929</v>
      </c>
      <c r="EB26" s="115">
        <v>2150962</v>
      </c>
      <c r="EC26" s="118">
        <v>2199526</v>
      </c>
      <c r="ED26" s="112">
        <v>0</v>
      </c>
      <c r="EE26" s="114">
        <v>0</v>
      </c>
      <c r="EF26" s="115">
        <v>0</v>
      </c>
      <c r="EG26" s="112">
        <v>0</v>
      </c>
      <c r="EH26" s="116">
        <v>0</v>
      </c>
      <c r="EI26" s="116">
        <v>0</v>
      </c>
      <c r="EJ26" s="116">
        <v>0</v>
      </c>
      <c r="EK26" s="116">
        <v>0</v>
      </c>
      <c r="EL26" s="116">
        <v>0</v>
      </c>
      <c r="EM26" s="114">
        <v>0</v>
      </c>
      <c r="EN26" s="118">
        <v>0</v>
      </c>
      <c r="EO26" s="112">
        <v>0</v>
      </c>
      <c r="EP26" s="116">
        <v>0</v>
      </c>
      <c r="EQ26" s="114">
        <v>0</v>
      </c>
      <c r="ER26" s="113">
        <v>0</v>
      </c>
      <c r="ES26" s="116">
        <v>0</v>
      </c>
      <c r="ET26" s="116">
        <v>0</v>
      </c>
      <c r="EU26" s="116">
        <v>0</v>
      </c>
      <c r="EV26" s="116">
        <v>0</v>
      </c>
      <c r="EW26" s="116">
        <v>0</v>
      </c>
      <c r="EX26" s="115">
        <v>0</v>
      </c>
      <c r="EY26" s="118">
        <v>0</v>
      </c>
      <c r="EZ26" s="112">
        <v>0</v>
      </c>
      <c r="FA26" s="116">
        <v>0</v>
      </c>
      <c r="FB26" s="114">
        <v>0</v>
      </c>
      <c r="FC26" s="390"/>
      <c r="FD26" s="116">
        <v>0</v>
      </c>
      <c r="FE26" s="116">
        <v>0</v>
      </c>
      <c r="FF26" s="116">
        <v>0</v>
      </c>
      <c r="FG26" s="116">
        <v>0</v>
      </c>
      <c r="FH26" s="116">
        <v>0</v>
      </c>
      <c r="FI26" s="115">
        <v>0</v>
      </c>
      <c r="FJ26" s="118">
        <v>0</v>
      </c>
      <c r="FK26" s="112">
        <v>38592</v>
      </c>
      <c r="FL26" s="116">
        <v>35792</v>
      </c>
      <c r="FM26" s="115">
        <v>74384</v>
      </c>
      <c r="FN26" s="112">
        <v>0</v>
      </c>
      <c r="FO26" s="116">
        <v>139816</v>
      </c>
      <c r="FP26" s="116">
        <v>808336</v>
      </c>
      <c r="FQ26" s="116">
        <v>315952</v>
      </c>
      <c r="FR26" s="116">
        <v>363120</v>
      </c>
      <c r="FS26" s="116">
        <v>153744</v>
      </c>
      <c r="FT26" s="115">
        <v>1780968</v>
      </c>
      <c r="FU26" s="118">
        <v>1855352</v>
      </c>
      <c r="FV26" s="117">
        <v>20192</v>
      </c>
      <c r="FW26" s="116">
        <v>35792</v>
      </c>
      <c r="FX26" s="114">
        <v>55984</v>
      </c>
      <c r="FY26" s="113">
        <v>0</v>
      </c>
      <c r="FZ26" s="116">
        <v>130136</v>
      </c>
      <c r="GA26" s="116">
        <v>618096</v>
      </c>
      <c r="GB26" s="116">
        <v>315952</v>
      </c>
      <c r="GC26" s="116">
        <v>363120</v>
      </c>
      <c r="GD26" s="116">
        <v>153744</v>
      </c>
      <c r="GE26" s="115">
        <v>1581048</v>
      </c>
      <c r="GF26" s="354">
        <v>1637032</v>
      </c>
      <c r="GG26" s="117">
        <v>18400</v>
      </c>
      <c r="GH26" s="116">
        <v>0</v>
      </c>
      <c r="GI26" s="114">
        <v>18400</v>
      </c>
      <c r="GJ26" s="113">
        <v>0</v>
      </c>
      <c r="GK26" s="116">
        <v>0</v>
      </c>
      <c r="GL26" s="116">
        <v>16000</v>
      </c>
      <c r="GM26" s="116">
        <v>0</v>
      </c>
      <c r="GN26" s="116">
        <v>0</v>
      </c>
      <c r="GO26" s="116">
        <v>0</v>
      </c>
      <c r="GP26" s="115">
        <v>16000</v>
      </c>
      <c r="GQ26" s="118">
        <v>34400</v>
      </c>
      <c r="GR26" s="112">
        <v>0</v>
      </c>
      <c r="GS26" s="116">
        <v>0</v>
      </c>
      <c r="GT26" s="115">
        <v>0</v>
      </c>
      <c r="GU26" s="112">
        <v>0</v>
      </c>
      <c r="GV26" s="116">
        <v>9680</v>
      </c>
      <c r="GW26" s="116">
        <v>174240</v>
      </c>
      <c r="GX26" s="116">
        <v>0</v>
      </c>
      <c r="GY26" s="116">
        <v>0</v>
      </c>
      <c r="GZ26" s="116">
        <v>0</v>
      </c>
      <c r="HA26" s="114">
        <v>183920</v>
      </c>
      <c r="HB26" s="118">
        <v>183920</v>
      </c>
      <c r="HC26" s="112">
        <v>60052</v>
      </c>
      <c r="HD26" s="116">
        <v>90521</v>
      </c>
      <c r="HE26" s="114">
        <v>150573</v>
      </c>
      <c r="HF26" s="113">
        <v>0</v>
      </c>
      <c r="HG26" s="116">
        <v>1187862</v>
      </c>
      <c r="HH26" s="116">
        <v>571525</v>
      </c>
      <c r="HI26" s="116">
        <v>596481</v>
      </c>
      <c r="HJ26" s="116">
        <v>863130</v>
      </c>
      <c r="HK26" s="116">
        <v>473057</v>
      </c>
      <c r="HL26" s="115">
        <v>3692055</v>
      </c>
      <c r="HM26" s="111">
        <v>3842628</v>
      </c>
      <c r="HN26" s="370"/>
      <c r="HO26" s="371"/>
      <c r="HP26" s="372"/>
      <c r="HQ26" s="373"/>
      <c r="HR26" s="371"/>
      <c r="HS26" s="371"/>
      <c r="HT26" s="371"/>
      <c r="HU26" s="371"/>
      <c r="HV26" s="371"/>
      <c r="HW26" s="374"/>
      <c r="HX26" s="375"/>
      <c r="HY26" s="167">
        <v>0</v>
      </c>
      <c r="HZ26" s="152">
        <v>0</v>
      </c>
      <c r="IA26" s="167">
        <v>0</v>
      </c>
      <c r="IB26" s="151">
        <v>0</v>
      </c>
      <c r="IC26" s="152">
        <v>744496</v>
      </c>
      <c r="ID26" s="153">
        <v>641124</v>
      </c>
      <c r="IE26" s="154">
        <v>1332825</v>
      </c>
      <c r="IF26" s="152">
        <v>386470</v>
      </c>
      <c r="IG26" s="154">
        <v>244194</v>
      </c>
      <c r="IH26" s="155">
        <v>3349109</v>
      </c>
      <c r="II26" s="167">
        <v>3349109</v>
      </c>
      <c r="IJ26" s="261">
        <v>0</v>
      </c>
      <c r="IK26" s="268">
        <v>0</v>
      </c>
      <c r="IL26" s="269">
        <v>0</v>
      </c>
      <c r="IM26" s="157"/>
      <c r="IN26" s="122">
        <v>0</v>
      </c>
      <c r="IO26" s="122">
        <v>0</v>
      </c>
      <c r="IP26" s="122">
        <v>0</v>
      </c>
      <c r="IQ26" s="122">
        <v>0</v>
      </c>
      <c r="IR26" s="122">
        <v>0</v>
      </c>
      <c r="IS26" s="158">
        <v>0</v>
      </c>
      <c r="IT26" s="357">
        <v>0</v>
      </c>
      <c r="IU26" s="159">
        <v>0</v>
      </c>
      <c r="IV26" s="122">
        <v>0</v>
      </c>
      <c r="IW26" s="123">
        <v>0</v>
      </c>
      <c r="IX26" s="161"/>
      <c r="IY26" s="122">
        <v>0</v>
      </c>
      <c r="IZ26" s="122">
        <v>0</v>
      </c>
      <c r="JA26" s="122">
        <v>0</v>
      </c>
      <c r="JB26" s="122">
        <v>0</v>
      </c>
      <c r="JC26" s="122">
        <v>0</v>
      </c>
      <c r="JD26" s="123">
        <v>0</v>
      </c>
      <c r="JE26" s="124">
        <v>0</v>
      </c>
      <c r="JF26" s="159">
        <v>0</v>
      </c>
      <c r="JG26" s="122">
        <v>0</v>
      </c>
      <c r="JH26" s="158">
        <v>0</v>
      </c>
      <c r="JI26" s="121">
        <v>0</v>
      </c>
      <c r="JJ26" s="122">
        <v>274298</v>
      </c>
      <c r="JK26" s="122">
        <v>591148</v>
      </c>
      <c r="JL26" s="122">
        <v>429984</v>
      </c>
      <c r="JM26" s="122">
        <v>386470</v>
      </c>
      <c r="JN26" s="122">
        <v>244194</v>
      </c>
      <c r="JO26" s="123">
        <v>1926094</v>
      </c>
      <c r="JP26" s="357">
        <v>1926094</v>
      </c>
      <c r="JQ26" s="159">
        <v>0</v>
      </c>
      <c r="JR26" s="122">
        <v>0</v>
      </c>
      <c r="JS26" s="158">
        <v>0</v>
      </c>
      <c r="JT26" s="121">
        <v>0</v>
      </c>
      <c r="JU26" s="122">
        <v>0</v>
      </c>
      <c r="JV26" s="122">
        <v>0</v>
      </c>
      <c r="JW26" s="122">
        <v>0</v>
      </c>
      <c r="JX26" s="122">
        <v>0</v>
      </c>
      <c r="JY26" s="122">
        <v>0</v>
      </c>
      <c r="JZ26" s="123">
        <v>0</v>
      </c>
      <c r="KA26" s="357">
        <v>0</v>
      </c>
      <c r="KB26" s="264">
        <v>0</v>
      </c>
      <c r="KC26" s="258">
        <v>0</v>
      </c>
      <c r="KD26" s="123">
        <v>0</v>
      </c>
      <c r="KE26" s="121">
        <v>0</v>
      </c>
      <c r="KF26" s="122">
        <v>0</v>
      </c>
      <c r="KG26" s="122">
        <v>0</v>
      </c>
      <c r="KH26" s="122">
        <v>902841</v>
      </c>
      <c r="KI26" s="122">
        <v>0</v>
      </c>
      <c r="KJ26" s="122">
        <v>0</v>
      </c>
      <c r="KK26" s="123">
        <v>902841</v>
      </c>
      <c r="KL26" s="160">
        <v>902841</v>
      </c>
      <c r="KM26" s="261">
        <v>0</v>
      </c>
      <c r="KN26" s="268">
        <v>0</v>
      </c>
      <c r="KO26" s="269">
        <v>0</v>
      </c>
      <c r="KP26" s="157"/>
      <c r="KQ26" s="122">
        <v>470198</v>
      </c>
      <c r="KR26" s="122">
        <v>49976</v>
      </c>
      <c r="KS26" s="122">
        <v>0</v>
      </c>
      <c r="KT26" s="122">
        <v>0</v>
      </c>
      <c r="KU26" s="122">
        <v>0</v>
      </c>
      <c r="KV26" s="123">
        <v>520174</v>
      </c>
      <c r="KW26" s="357">
        <v>520174</v>
      </c>
      <c r="KX26" s="159">
        <v>0</v>
      </c>
      <c r="KY26" s="122">
        <v>0</v>
      </c>
      <c r="KZ26" s="123">
        <v>0</v>
      </c>
      <c r="LA26" s="162"/>
      <c r="LB26" s="122">
        <v>0</v>
      </c>
      <c r="LC26" s="122">
        <v>0</v>
      </c>
      <c r="LD26" s="122">
        <v>0</v>
      </c>
      <c r="LE26" s="122">
        <v>0</v>
      </c>
      <c r="LF26" s="122">
        <v>0</v>
      </c>
      <c r="LG26" s="123">
        <v>0</v>
      </c>
      <c r="LH26" s="124">
        <v>0</v>
      </c>
      <c r="LI26" s="159">
        <v>0</v>
      </c>
      <c r="LJ26" s="122">
        <v>0</v>
      </c>
      <c r="LK26" s="123">
        <v>0</v>
      </c>
      <c r="LL26" s="162"/>
      <c r="LM26" s="122">
        <v>0</v>
      </c>
      <c r="LN26" s="122">
        <v>0</v>
      </c>
      <c r="LO26" s="122">
        <v>0</v>
      </c>
      <c r="LP26" s="122">
        <v>0</v>
      </c>
      <c r="LQ26" s="122">
        <v>0</v>
      </c>
      <c r="LR26" s="123">
        <v>0</v>
      </c>
      <c r="LS26" s="357">
        <v>0</v>
      </c>
      <c r="LT26" s="159">
        <v>0</v>
      </c>
      <c r="LU26" s="122">
        <v>0</v>
      </c>
      <c r="LV26" s="123">
        <v>0</v>
      </c>
      <c r="LW26" s="162"/>
      <c r="LX26" s="122">
        <v>0</v>
      </c>
      <c r="LY26" s="122">
        <v>0</v>
      </c>
      <c r="LZ26" s="122">
        <v>0</v>
      </c>
      <c r="MA26" s="122">
        <v>0</v>
      </c>
      <c r="MB26" s="122">
        <v>0</v>
      </c>
      <c r="MC26" s="123">
        <v>0</v>
      </c>
      <c r="MD26" s="124">
        <v>0</v>
      </c>
      <c r="ME26" s="159">
        <v>0</v>
      </c>
      <c r="MF26" s="122">
        <v>0</v>
      </c>
      <c r="MG26" s="123">
        <v>0</v>
      </c>
      <c r="MH26" s="162"/>
      <c r="MI26" s="122">
        <v>0</v>
      </c>
      <c r="MJ26" s="122">
        <v>207946</v>
      </c>
      <c r="MK26" s="122">
        <v>2321067</v>
      </c>
      <c r="ML26" s="122">
        <v>3433857</v>
      </c>
      <c r="MM26" s="122">
        <v>2659200</v>
      </c>
      <c r="MN26" s="123">
        <v>8622070</v>
      </c>
      <c r="MO26" s="160">
        <v>8622070</v>
      </c>
      <c r="MP26" s="159">
        <v>0</v>
      </c>
      <c r="MQ26" s="122">
        <v>0</v>
      </c>
      <c r="MR26" s="123">
        <v>0</v>
      </c>
      <c r="MS26" s="162"/>
      <c r="MT26" s="122">
        <v>0</v>
      </c>
      <c r="MU26" s="122">
        <v>0</v>
      </c>
      <c r="MV26" s="122">
        <v>2090591</v>
      </c>
      <c r="MW26" s="122">
        <v>2150850</v>
      </c>
      <c r="MX26" s="122">
        <v>1951750</v>
      </c>
      <c r="MY26" s="123">
        <v>6193191</v>
      </c>
      <c r="MZ26" s="160">
        <v>6193191</v>
      </c>
      <c r="NA26" s="159">
        <v>0</v>
      </c>
      <c r="NB26" s="122">
        <v>0</v>
      </c>
      <c r="NC26" s="123">
        <v>0</v>
      </c>
      <c r="ND26" s="162"/>
      <c r="NE26" s="122">
        <v>0</v>
      </c>
      <c r="NF26" s="122">
        <v>207946</v>
      </c>
      <c r="NG26" s="122">
        <v>230476</v>
      </c>
      <c r="NH26" s="122">
        <v>935644</v>
      </c>
      <c r="NI26" s="122">
        <v>0</v>
      </c>
      <c r="NJ26" s="123">
        <v>1374066</v>
      </c>
      <c r="NK26" s="357">
        <v>1374066</v>
      </c>
      <c r="NL26" s="159">
        <v>0</v>
      </c>
      <c r="NM26" s="122">
        <v>0</v>
      </c>
      <c r="NN26" s="123">
        <v>0</v>
      </c>
      <c r="NO26" s="162"/>
      <c r="NP26" s="122">
        <v>0</v>
      </c>
      <c r="NQ26" s="122">
        <v>0</v>
      </c>
      <c r="NR26" s="122">
        <v>0</v>
      </c>
      <c r="NS26" s="122">
        <v>0</v>
      </c>
      <c r="NT26" s="122">
        <v>311156</v>
      </c>
      <c r="NU26" s="123">
        <v>311156</v>
      </c>
      <c r="NV26" s="124">
        <v>311156</v>
      </c>
      <c r="NW26" s="159">
        <v>0</v>
      </c>
      <c r="NX26" s="122">
        <v>0</v>
      </c>
      <c r="NY26" s="123">
        <v>0</v>
      </c>
      <c r="NZ26" s="162"/>
      <c r="OA26" s="122">
        <v>0</v>
      </c>
      <c r="OB26" s="122">
        <v>0</v>
      </c>
      <c r="OC26" s="122">
        <v>0</v>
      </c>
      <c r="OD26" s="122">
        <v>347363</v>
      </c>
      <c r="OE26" s="122">
        <v>396294</v>
      </c>
      <c r="OF26" s="123">
        <v>743657</v>
      </c>
      <c r="OG26" s="124">
        <v>743657</v>
      </c>
      <c r="OH26" s="159">
        <v>252778</v>
      </c>
      <c r="OI26" s="122">
        <v>367990</v>
      </c>
      <c r="OJ26" s="158">
        <v>620768</v>
      </c>
      <c r="OK26" s="121">
        <v>0</v>
      </c>
      <c r="OL26" s="122">
        <v>4606259</v>
      </c>
      <c r="OM26" s="122">
        <v>5318165</v>
      </c>
      <c r="ON26" s="122">
        <v>8023417</v>
      </c>
      <c r="OO26" s="122">
        <v>7914619</v>
      </c>
      <c r="OP26" s="122">
        <v>5530751</v>
      </c>
      <c r="OQ26" s="123">
        <v>31393211</v>
      </c>
      <c r="OR26" s="160">
        <v>32013979</v>
      </c>
    </row>
    <row r="27" spans="1:408" ht="20.25" customHeight="1" x14ac:dyDescent="0.2">
      <c r="A27" s="129" t="s">
        <v>22</v>
      </c>
      <c r="B27" s="112">
        <v>48297</v>
      </c>
      <c r="C27" s="116">
        <v>118384</v>
      </c>
      <c r="D27" s="115">
        <v>166681</v>
      </c>
      <c r="E27" s="111">
        <v>0</v>
      </c>
      <c r="F27" s="116">
        <v>1284721</v>
      </c>
      <c r="G27" s="116">
        <v>1853872</v>
      </c>
      <c r="H27" s="116">
        <v>1254532</v>
      </c>
      <c r="I27" s="116">
        <v>2224945</v>
      </c>
      <c r="J27" s="116">
        <v>1068644</v>
      </c>
      <c r="K27" s="200">
        <v>7686714</v>
      </c>
      <c r="L27" s="118">
        <v>7853395</v>
      </c>
      <c r="M27" s="112">
        <v>39737</v>
      </c>
      <c r="N27" s="116">
        <v>0</v>
      </c>
      <c r="O27" s="115">
        <v>39737</v>
      </c>
      <c r="P27" s="112">
        <v>0</v>
      </c>
      <c r="Q27" s="116">
        <v>237078</v>
      </c>
      <c r="R27" s="116">
        <v>345379</v>
      </c>
      <c r="S27" s="116">
        <v>150624</v>
      </c>
      <c r="T27" s="116">
        <v>487181</v>
      </c>
      <c r="U27" s="116">
        <v>623820</v>
      </c>
      <c r="V27" s="115">
        <v>1844082</v>
      </c>
      <c r="W27" s="118">
        <v>1883819</v>
      </c>
      <c r="X27" s="112">
        <v>0</v>
      </c>
      <c r="Y27" s="116">
        <v>0</v>
      </c>
      <c r="Z27" s="115">
        <v>0</v>
      </c>
      <c r="AA27" s="112">
        <v>0</v>
      </c>
      <c r="AB27" s="116">
        <v>108078</v>
      </c>
      <c r="AC27" s="116">
        <v>163214</v>
      </c>
      <c r="AD27" s="116">
        <v>0</v>
      </c>
      <c r="AE27" s="116">
        <v>203011</v>
      </c>
      <c r="AF27" s="116">
        <v>351637</v>
      </c>
      <c r="AG27" s="115">
        <v>825940</v>
      </c>
      <c r="AH27" s="118">
        <v>825940</v>
      </c>
      <c r="AI27" s="112">
        <v>0</v>
      </c>
      <c r="AJ27" s="116">
        <v>0</v>
      </c>
      <c r="AK27" s="115">
        <v>0</v>
      </c>
      <c r="AL27" s="112">
        <v>0</v>
      </c>
      <c r="AM27" s="116">
        <v>0</v>
      </c>
      <c r="AN27" s="116">
        <v>0</v>
      </c>
      <c r="AO27" s="116">
        <v>32448</v>
      </c>
      <c r="AP27" s="116">
        <v>0</v>
      </c>
      <c r="AQ27" s="116">
        <v>97344</v>
      </c>
      <c r="AR27" s="115">
        <v>129792</v>
      </c>
      <c r="AS27" s="118">
        <v>129792</v>
      </c>
      <c r="AT27" s="112">
        <v>9689</v>
      </c>
      <c r="AU27" s="116">
        <v>0</v>
      </c>
      <c r="AV27" s="115">
        <v>9689</v>
      </c>
      <c r="AW27" s="112">
        <v>0</v>
      </c>
      <c r="AX27" s="116">
        <v>27440</v>
      </c>
      <c r="AY27" s="116">
        <v>99253</v>
      </c>
      <c r="AZ27" s="116">
        <v>74776</v>
      </c>
      <c r="BA27" s="116">
        <v>204122</v>
      </c>
      <c r="BB27" s="116">
        <v>113712</v>
      </c>
      <c r="BC27" s="115">
        <v>519303</v>
      </c>
      <c r="BD27" s="118">
        <v>528992</v>
      </c>
      <c r="BE27" s="112">
        <v>30048</v>
      </c>
      <c r="BF27" s="116">
        <v>0</v>
      </c>
      <c r="BG27" s="114">
        <v>30048</v>
      </c>
      <c r="BH27" s="113">
        <v>0</v>
      </c>
      <c r="BI27" s="116">
        <v>58136</v>
      </c>
      <c r="BJ27" s="116">
        <v>0</v>
      </c>
      <c r="BK27" s="116">
        <v>0</v>
      </c>
      <c r="BL27" s="116">
        <v>30592</v>
      </c>
      <c r="BM27" s="116">
        <v>47095</v>
      </c>
      <c r="BN27" s="115">
        <v>135823</v>
      </c>
      <c r="BO27" s="118">
        <v>165871</v>
      </c>
      <c r="BP27" s="112">
        <v>0</v>
      </c>
      <c r="BQ27" s="116">
        <v>0</v>
      </c>
      <c r="BR27" s="115">
        <v>0</v>
      </c>
      <c r="BS27" s="112">
        <v>0</v>
      </c>
      <c r="BT27" s="116">
        <v>43424</v>
      </c>
      <c r="BU27" s="116">
        <v>82912</v>
      </c>
      <c r="BV27" s="116">
        <v>43400</v>
      </c>
      <c r="BW27" s="116">
        <v>49456</v>
      </c>
      <c r="BX27" s="116">
        <v>14032</v>
      </c>
      <c r="BY27" s="115">
        <v>233224</v>
      </c>
      <c r="BZ27" s="118">
        <v>233224</v>
      </c>
      <c r="CA27" s="112">
        <v>0</v>
      </c>
      <c r="CB27" s="116">
        <v>0</v>
      </c>
      <c r="CC27" s="115">
        <v>0</v>
      </c>
      <c r="CD27" s="112">
        <v>0</v>
      </c>
      <c r="CE27" s="116">
        <v>659279</v>
      </c>
      <c r="CF27" s="116">
        <v>843637</v>
      </c>
      <c r="CG27" s="116">
        <v>264748</v>
      </c>
      <c r="CH27" s="116">
        <v>403208</v>
      </c>
      <c r="CI27" s="116">
        <v>264784</v>
      </c>
      <c r="CJ27" s="115">
        <v>2435656</v>
      </c>
      <c r="CK27" s="118">
        <v>2435656</v>
      </c>
      <c r="CL27" s="112">
        <v>0</v>
      </c>
      <c r="CM27" s="116">
        <v>0</v>
      </c>
      <c r="CN27" s="115">
        <v>0</v>
      </c>
      <c r="CO27" s="113">
        <v>0</v>
      </c>
      <c r="CP27" s="116">
        <v>489418</v>
      </c>
      <c r="CQ27" s="116">
        <v>799949</v>
      </c>
      <c r="CR27" s="116">
        <v>224260</v>
      </c>
      <c r="CS27" s="116">
        <v>356744</v>
      </c>
      <c r="CT27" s="116">
        <v>137240</v>
      </c>
      <c r="CU27" s="115">
        <v>2007611</v>
      </c>
      <c r="CV27" s="118">
        <v>2007611</v>
      </c>
      <c r="CW27" s="112">
        <v>0</v>
      </c>
      <c r="CX27" s="116">
        <v>0</v>
      </c>
      <c r="CY27" s="115">
        <v>0</v>
      </c>
      <c r="CZ27" s="112">
        <v>0</v>
      </c>
      <c r="DA27" s="116">
        <v>169861</v>
      </c>
      <c r="DB27" s="116">
        <v>43688</v>
      </c>
      <c r="DC27" s="116">
        <v>40488</v>
      </c>
      <c r="DD27" s="116">
        <v>46464</v>
      </c>
      <c r="DE27" s="116">
        <v>127544</v>
      </c>
      <c r="DF27" s="115">
        <v>428045</v>
      </c>
      <c r="DG27" s="118">
        <v>428045</v>
      </c>
      <c r="DH27" s="112">
        <v>0</v>
      </c>
      <c r="DI27" s="116">
        <v>0</v>
      </c>
      <c r="DJ27" s="114">
        <v>0</v>
      </c>
      <c r="DK27" s="113">
        <v>0</v>
      </c>
      <c r="DL27" s="116">
        <v>41395</v>
      </c>
      <c r="DM27" s="116">
        <v>0</v>
      </c>
      <c r="DN27" s="116">
        <v>537256</v>
      </c>
      <c r="DO27" s="116">
        <v>260569</v>
      </c>
      <c r="DP27" s="116">
        <v>46360</v>
      </c>
      <c r="DQ27" s="115">
        <v>885580</v>
      </c>
      <c r="DR27" s="118">
        <v>885580</v>
      </c>
      <c r="DS27" s="112">
        <v>0</v>
      </c>
      <c r="DT27" s="116">
        <v>0</v>
      </c>
      <c r="DU27" s="115">
        <v>0</v>
      </c>
      <c r="DV27" s="112">
        <v>0</v>
      </c>
      <c r="DW27" s="116">
        <v>41395</v>
      </c>
      <c r="DX27" s="116">
        <v>0</v>
      </c>
      <c r="DY27" s="116">
        <v>496100</v>
      </c>
      <c r="DZ27" s="116">
        <v>260569</v>
      </c>
      <c r="EA27" s="116">
        <v>46360</v>
      </c>
      <c r="EB27" s="115">
        <v>844424</v>
      </c>
      <c r="EC27" s="118">
        <v>844424</v>
      </c>
      <c r="ED27" s="112">
        <v>0</v>
      </c>
      <c r="EE27" s="114">
        <v>0</v>
      </c>
      <c r="EF27" s="115">
        <v>0</v>
      </c>
      <c r="EG27" s="112">
        <v>0</v>
      </c>
      <c r="EH27" s="116">
        <v>0</v>
      </c>
      <c r="EI27" s="116">
        <v>0</v>
      </c>
      <c r="EJ27" s="116">
        <v>41156</v>
      </c>
      <c r="EK27" s="116">
        <v>0</v>
      </c>
      <c r="EL27" s="116">
        <v>0</v>
      </c>
      <c r="EM27" s="114">
        <v>41156</v>
      </c>
      <c r="EN27" s="118">
        <v>41156</v>
      </c>
      <c r="EO27" s="112">
        <v>0</v>
      </c>
      <c r="EP27" s="116">
        <v>0</v>
      </c>
      <c r="EQ27" s="114">
        <v>0</v>
      </c>
      <c r="ER27" s="113">
        <v>0</v>
      </c>
      <c r="ES27" s="116">
        <v>0</v>
      </c>
      <c r="ET27" s="116">
        <v>0</v>
      </c>
      <c r="EU27" s="116">
        <v>0</v>
      </c>
      <c r="EV27" s="116">
        <v>0</v>
      </c>
      <c r="EW27" s="116">
        <v>0</v>
      </c>
      <c r="EX27" s="115">
        <v>0</v>
      </c>
      <c r="EY27" s="118">
        <v>0</v>
      </c>
      <c r="EZ27" s="112">
        <v>0</v>
      </c>
      <c r="FA27" s="116">
        <v>0</v>
      </c>
      <c r="FB27" s="114">
        <v>0</v>
      </c>
      <c r="FC27" s="390"/>
      <c r="FD27" s="116">
        <v>0</v>
      </c>
      <c r="FE27" s="116">
        <v>0</v>
      </c>
      <c r="FF27" s="116">
        <v>0</v>
      </c>
      <c r="FG27" s="116">
        <v>0</v>
      </c>
      <c r="FH27" s="116">
        <v>0</v>
      </c>
      <c r="FI27" s="115">
        <v>0</v>
      </c>
      <c r="FJ27" s="118">
        <v>0</v>
      </c>
      <c r="FK27" s="112">
        <v>8560</v>
      </c>
      <c r="FL27" s="116">
        <v>31680</v>
      </c>
      <c r="FM27" s="115">
        <v>40240</v>
      </c>
      <c r="FN27" s="112">
        <v>0</v>
      </c>
      <c r="FO27" s="116">
        <v>52940</v>
      </c>
      <c r="FP27" s="116">
        <v>153736</v>
      </c>
      <c r="FQ27" s="116">
        <v>109424</v>
      </c>
      <c r="FR27" s="116">
        <v>115904</v>
      </c>
      <c r="FS27" s="116">
        <v>133680</v>
      </c>
      <c r="FT27" s="115">
        <v>565684</v>
      </c>
      <c r="FU27" s="118">
        <v>605924</v>
      </c>
      <c r="FV27" s="117">
        <v>8560</v>
      </c>
      <c r="FW27" s="116">
        <v>31680</v>
      </c>
      <c r="FX27" s="114">
        <v>40240</v>
      </c>
      <c r="FY27" s="113">
        <v>0</v>
      </c>
      <c r="FZ27" s="116">
        <v>47520</v>
      </c>
      <c r="GA27" s="116">
        <v>153736</v>
      </c>
      <c r="GB27" s="116">
        <v>109424</v>
      </c>
      <c r="GC27" s="116">
        <v>115904</v>
      </c>
      <c r="GD27" s="116">
        <v>133680</v>
      </c>
      <c r="GE27" s="115">
        <v>560264</v>
      </c>
      <c r="GF27" s="354">
        <v>600504</v>
      </c>
      <c r="GG27" s="117">
        <v>0</v>
      </c>
      <c r="GH27" s="116">
        <v>0</v>
      </c>
      <c r="GI27" s="114">
        <v>0</v>
      </c>
      <c r="GJ27" s="113">
        <v>0</v>
      </c>
      <c r="GK27" s="116">
        <v>5420</v>
      </c>
      <c r="GL27" s="116">
        <v>0</v>
      </c>
      <c r="GM27" s="116">
        <v>0</v>
      </c>
      <c r="GN27" s="116">
        <v>0</v>
      </c>
      <c r="GO27" s="116">
        <v>0</v>
      </c>
      <c r="GP27" s="115">
        <v>5420</v>
      </c>
      <c r="GQ27" s="118">
        <v>5420</v>
      </c>
      <c r="GR27" s="112">
        <v>0</v>
      </c>
      <c r="GS27" s="116">
        <v>0</v>
      </c>
      <c r="GT27" s="115">
        <v>0</v>
      </c>
      <c r="GU27" s="112">
        <v>0</v>
      </c>
      <c r="GV27" s="116">
        <v>0</v>
      </c>
      <c r="GW27" s="116">
        <v>0</v>
      </c>
      <c r="GX27" s="116">
        <v>0</v>
      </c>
      <c r="GY27" s="116">
        <v>0</v>
      </c>
      <c r="GZ27" s="116">
        <v>0</v>
      </c>
      <c r="HA27" s="114">
        <v>0</v>
      </c>
      <c r="HB27" s="118">
        <v>0</v>
      </c>
      <c r="HC27" s="112">
        <v>0</v>
      </c>
      <c r="HD27" s="116">
        <v>86704</v>
      </c>
      <c r="HE27" s="114">
        <v>86704</v>
      </c>
      <c r="HF27" s="113">
        <v>0</v>
      </c>
      <c r="HG27" s="116">
        <v>294029</v>
      </c>
      <c r="HH27" s="116">
        <v>511120</v>
      </c>
      <c r="HI27" s="116">
        <v>192480</v>
      </c>
      <c r="HJ27" s="116">
        <v>958083</v>
      </c>
      <c r="HK27" s="116">
        <v>0</v>
      </c>
      <c r="HL27" s="115">
        <v>1955712</v>
      </c>
      <c r="HM27" s="111">
        <v>2042416</v>
      </c>
      <c r="HN27" s="370"/>
      <c r="HO27" s="371"/>
      <c r="HP27" s="372"/>
      <c r="HQ27" s="373"/>
      <c r="HR27" s="371"/>
      <c r="HS27" s="371"/>
      <c r="HT27" s="371"/>
      <c r="HU27" s="371"/>
      <c r="HV27" s="371"/>
      <c r="HW27" s="374"/>
      <c r="HX27" s="375"/>
      <c r="HY27" s="148">
        <v>0</v>
      </c>
      <c r="HZ27" s="149">
        <v>0</v>
      </c>
      <c r="IA27" s="150">
        <v>0</v>
      </c>
      <c r="IB27" s="163">
        <v>0</v>
      </c>
      <c r="IC27" s="149">
        <v>924799</v>
      </c>
      <c r="ID27" s="164">
        <v>755208</v>
      </c>
      <c r="IE27" s="150">
        <v>304884</v>
      </c>
      <c r="IF27" s="149">
        <v>1027704</v>
      </c>
      <c r="IG27" s="150">
        <v>244880</v>
      </c>
      <c r="IH27" s="165">
        <v>3257475</v>
      </c>
      <c r="II27" s="156">
        <v>3257475</v>
      </c>
      <c r="IJ27" s="261">
        <v>0</v>
      </c>
      <c r="IK27" s="268">
        <v>0</v>
      </c>
      <c r="IL27" s="269">
        <v>0</v>
      </c>
      <c r="IM27" s="157"/>
      <c r="IN27" s="122">
        <v>0</v>
      </c>
      <c r="IO27" s="122">
        <v>0</v>
      </c>
      <c r="IP27" s="122">
        <v>156168</v>
      </c>
      <c r="IQ27" s="122">
        <v>0</v>
      </c>
      <c r="IR27" s="122">
        <v>0</v>
      </c>
      <c r="IS27" s="158">
        <v>156168</v>
      </c>
      <c r="IT27" s="357">
        <v>156168</v>
      </c>
      <c r="IU27" s="159">
        <v>0</v>
      </c>
      <c r="IV27" s="122">
        <v>0</v>
      </c>
      <c r="IW27" s="123">
        <v>0</v>
      </c>
      <c r="IX27" s="161"/>
      <c r="IY27" s="122">
        <v>0</v>
      </c>
      <c r="IZ27" s="122">
        <v>0</v>
      </c>
      <c r="JA27" s="122">
        <v>0</v>
      </c>
      <c r="JB27" s="122">
        <v>0</v>
      </c>
      <c r="JC27" s="122">
        <v>0</v>
      </c>
      <c r="JD27" s="123">
        <v>0</v>
      </c>
      <c r="JE27" s="124">
        <v>0</v>
      </c>
      <c r="JF27" s="159">
        <v>0</v>
      </c>
      <c r="JG27" s="122">
        <v>0</v>
      </c>
      <c r="JH27" s="158">
        <v>0</v>
      </c>
      <c r="JI27" s="121">
        <v>0</v>
      </c>
      <c r="JJ27" s="122">
        <v>97808</v>
      </c>
      <c r="JK27" s="122">
        <v>140568</v>
      </c>
      <c r="JL27" s="122">
        <v>93316</v>
      </c>
      <c r="JM27" s="122">
        <v>120768</v>
      </c>
      <c r="JN27" s="122">
        <v>0</v>
      </c>
      <c r="JO27" s="123">
        <v>452460</v>
      </c>
      <c r="JP27" s="357">
        <v>452460</v>
      </c>
      <c r="JQ27" s="159">
        <v>0</v>
      </c>
      <c r="JR27" s="122">
        <v>0</v>
      </c>
      <c r="JS27" s="158">
        <v>0</v>
      </c>
      <c r="JT27" s="121">
        <v>0</v>
      </c>
      <c r="JU27" s="122">
        <v>93056</v>
      </c>
      <c r="JV27" s="122">
        <v>0</v>
      </c>
      <c r="JW27" s="122">
        <v>55400</v>
      </c>
      <c r="JX27" s="122">
        <v>126720</v>
      </c>
      <c r="JY27" s="122">
        <v>0</v>
      </c>
      <c r="JZ27" s="123">
        <v>275176</v>
      </c>
      <c r="KA27" s="357">
        <v>275176</v>
      </c>
      <c r="KB27" s="264">
        <v>0</v>
      </c>
      <c r="KC27" s="258">
        <v>0</v>
      </c>
      <c r="KD27" s="123">
        <v>0</v>
      </c>
      <c r="KE27" s="121">
        <v>0</v>
      </c>
      <c r="KF27" s="122">
        <v>508000</v>
      </c>
      <c r="KG27" s="122">
        <v>145784</v>
      </c>
      <c r="KH27" s="122">
        <v>0</v>
      </c>
      <c r="KI27" s="122">
        <v>0</v>
      </c>
      <c r="KJ27" s="122">
        <v>0</v>
      </c>
      <c r="KK27" s="123">
        <v>653784</v>
      </c>
      <c r="KL27" s="160">
        <v>653784</v>
      </c>
      <c r="KM27" s="261">
        <v>0</v>
      </c>
      <c r="KN27" s="268">
        <v>0</v>
      </c>
      <c r="KO27" s="269">
        <v>0</v>
      </c>
      <c r="KP27" s="157"/>
      <c r="KQ27" s="122">
        <v>225935</v>
      </c>
      <c r="KR27" s="122">
        <v>468856</v>
      </c>
      <c r="KS27" s="122">
        <v>0</v>
      </c>
      <c r="KT27" s="122">
        <v>0</v>
      </c>
      <c r="KU27" s="122">
        <v>0</v>
      </c>
      <c r="KV27" s="123">
        <v>694791</v>
      </c>
      <c r="KW27" s="357">
        <v>694791</v>
      </c>
      <c r="KX27" s="159">
        <v>0</v>
      </c>
      <c r="KY27" s="122">
        <v>0</v>
      </c>
      <c r="KZ27" s="123">
        <v>0</v>
      </c>
      <c r="LA27" s="162"/>
      <c r="LB27" s="122">
        <v>0</v>
      </c>
      <c r="LC27" s="122">
        <v>0</v>
      </c>
      <c r="LD27" s="122">
        <v>0</v>
      </c>
      <c r="LE27" s="122">
        <v>0</v>
      </c>
      <c r="LF27" s="122">
        <v>0</v>
      </c>
      <c r="LG27" s="123">
        <v>0</v>
      </c>
      <c r="LH27" s="124">
        <v>0</v>
      </c>
      <c r="LI27" s="159">
        <v>0</v>
      </c>
      <c r="LJ27" s="122">
        <v>0</v>
      </c>
      <c r="LK27" s="123">
        <v>0</v>
      </c>
      <c r="LL27" s="162"/>
      <c r="LM27" s="122">
        <v>0</v>
      </c>
      <c r="LN27" s="122">
        <v>0</v>
      </c>
      <c r="LO27" s="122">
        <v>0</v>
      </c>
      <c r="LP27" s="122">
        <v>780216</v>
      </c>
      <c r="LQ27" s="122">
        <v>244880</v>
      </c>
      <c r="LR27" s="123">
        <v>1025096</v>
      </c>
      <c r="LS27" s="357">
        <v>1025096</v>
      </c>
      <c r="LT27" s="159">
        <v>0</v>
      </c>
      <c r="LU27" s="122">
        <v>0</v>
      </c>
      <c r="LV27" s="123">
        <v>0</v>
      </c>
      <c r="LW27" s="162"/>
      <c r="LX27" s="122">
        <v>0</v>
      </c>
      <c r="LY27" s="122">
        <v>0</v>
      </c>
      <c r="LZ27" s="122">
        <v>0</v>
      </c>
      <c r="MA27" s="122">
        <v>0</v>
      </c>
      <c r="MB27" s="122">
        <v>0</v>
      </c>
      <c r="MC27" s="123">
        <v>0</v>
      </c>
      <c r="MD27" s="124">
        <v>0</v>
      </c>
      <c r="ME27" s="159">
        <v>0</v>
      </c>
      <c r="MF27" s="122">
        <v>0</v>
      </c>
      <c r="MG27" s="123">
        <v>0</v>
      </c>
      <c r="MH27" s="162"/>
      <c r="MI27" s="122">
        <v>0</v>
      </c>
      <c r="MJ27" s="122">
        <v>413352</v>
      </c>
      <c r="MK27" s="122">
        <v>682384</v>
      </c>
      <c r="ML27" s="122">
        <v>452286</v>
      </c>
      <c r="MM27" s="122">
        <v>0</v>
      </c>
      <c r="MN27" s="123">
        <v>1548022</v>
      </c>
      <c r="MO27" s="160">
        <v>1548022</v>
      </c>
      <c r="MP27" s="159">
        <v>0</v>
      </c>
      <c r="MQ27" s="122">
        <v>0</v>
      </c>
      <c r="MR27" s="123">
        <v>0</v>
      </c>
      <c r="MS27" s="162"/>
      <c r="MT27" s="122">
        <v>0</v>
      </c>
      <c r="MU27" s="122">
        <v>0</v>
      </c>
      <c r="MV27" s="122">
        <v>393436</v>
      </c>
      <c r="MW27" s="122">
        <v>452286</v>
      </c>
      <c r="MX27" s="122">
        <v>0</v>
      </c>
      <c r="MY27" s="123">
        <v>845722</v>
      </c>
      <c r="MZ27" s="160">
        <v>845722</v>
      </c>
      <c r="NA27" s="159">
        <v>0</v>
      </c>
      <c r="NB27" s="122">
        <v>0</v>
      </c>
      <c r="NC27" s="123">
        <v>0</v>
      </c>
      <c r="ND27" s="162"/>
      <c r="NE27" s="122">
        <v>0</v>
      </c>
      <c r="NF27" s="122">
        <v>413352</v>
      </c>
      <c r="NG27" s="122">
        <v>288948</v>
      </c>
      <c r="NH27" s="122">
        <v>0</v>
      </c>
      <c r="NI27" s="122">
        <v>0</v>
      </c>
      <c r="NJ27" s="123">
        <v>702300</v>
      </c>
      <c r="NK27" s="357">
        <v>702300</v>
      </c>
      <c r="NL27" s="159">
        <v>0</v>
      </c>
      <c r="NM27" s="122">
        <v>0</v>
      </c>
      <c r="NN27" s="123">
        <v>0</v>
      </c>
      <c r="NO27" s="162"/>
      <c r="NP27" s="122">
        <v>0</v>
      </c>
      <c r="NQ27" s="122">
        <v>0</v>
      </c>
      <c r="NR27" s="122">
        <v>0</v>
      </c>
      <c r="NS27" s="122">
        <v>0</v>
      </c>
      <c r="NT27" s="122">
        <v>0</v>
      </c>
      <c r="NU27" s="123">
        <v>0</v>
      </c>
      <c r="NV27" s="124">
        <v>0</v>
      </c>
      <c r="NW27" s="159">
        <v>0</v>
      </c>
      <c r="NX27" s="122">
        <v>0</v>
      </c>
      <c r="NY27" s="123">
        <v>0</v>
      </c>
      <c r="NZ27" s="162"/>
      <c r="OA27" s="122">
        <v>0</v>
      </c>
      <c r="OB27" s="122">
        <v>0</v>
      </c>
      <c r="OC27" s="122">
        <v>0</v>
      </c>
      <c r="OD27" s="122">
        <v>0</v>
      </c>
      <c r="OE27" s="122">
        <v>0</v>
      </c>
      <c r="OF27" s="123">
        <v>0</v>
      </c>
      <c r="OG27" s="124">
        <v>0</v>
      </c>
      <c r="OH27" s="159">
        <v>48297</v>
      </c>
      <c r="OI27" s="122">
        <v>118384</v>
      </c>
      <c r="OJ27" s="158">
        <v>166681</v>
      </c>
      <c r="OK27" s="121">
        <v>0</v>
      </c>
      <c r="OL27" s="122">
        <v>2209520</v>
      </c>
      <c r="OM27" s="122">
        <v>3022432</v>
      </c>
      <c r="ON27" s="122">
        <v>2241800</v>
      </c>
      <c r="OO27" s="122">
        <v>3704935</v>
      </c>
      <c r="OP27" s="122">
        <v>1313524</v>
      </c>
      <c r="OQ27" s="123">
        <v>12492211</v>
      </c>
      <c r="OR27" s="160">
        <v>12658892</v>
      </c>
    </row>
    <row r="28" spans="1:408" ht="20.25" customHeight="1" x14ac:dyDescent="0.2">
      <c r="A28" s="129" t="s">
        <v>23</v>
      </c>
      <c r="B28" s="112">
        <v>210163</v>
      </c>
      <c r="C28" s="116">
        <v>492172</v>
      </c>
      <c r="D28" s="115">
        <v>702335</v>
      </c>
      <c r="E28" s="111">
        <v>0</v>
      </c>
      <c r="F28" s="116">
        <v>2437199</v>
      </c>
      <c r="G28" s="116">
        <v>2163160</v>
      </c>
      <c r="H28" s="116">
        <v>1644542</v>
      </c>
      <c r="I28" s="116">
        <v>2166129</v>
      </c>
      <c r="J28" s="116">
        <v>1031067</v>
      </c>
      <c r="K28" s="200">
        <v>9442097</v>
      </c>
      <c r="L28" s="118">
        <v>10144432</v>
      </c>
      <c r="M28" s="112">
        <v>68332</v>
      </c>
      <c r="N28" s="116">
        <v>60306</v>
      </c>
      <c r="O28" s="115">
        <v>128638</v>
      </c>
      <c r="P28" s="112">
        <v>0</v>
      </c>
      <c r="Q28" s="116">
        <v>544084</v>
      </c>
      <c r="R28" s="116">
        <v>756777</v>
      </c>
      <c r="S28" s="116">
        <v>417936</v>
      </c>
      <c r="T28" s="116">
        <v>672351</v>
      </c>
      <c r="U28" s="116">
        <v>428051</v>
      </c>
      <c r="V28" s="115">
        <v>2819199</v>
      </c>
      <c r="W28" s="118">
        <v>2947837</v>
      </c>
      <c r="X28" s="112">
        <v>0</v>
      </c>
      <c r="Y28" s="116">
        <v>0</v>
      </c>
      <c r="Z28" s="115">
        <v>0</v>
      </c>
      <c r="AA28" s="112">
        <v>0</v>
      </c>
      <c r="AB28" s="116">
        <v>158025</v>
      </c>
      <c r="AC28" s="116">
        <v>345510</v>
      </c>
      <c r="AD28" s="116">
        <v>384368</v>
      </c>
      <c r="AE28" s="116">
        <v>532865</v>
      </c>
      <c r="AF28" s="116">
        <v>349579</v>
      </c>
      <c r="AG28" s="115">
        <v>1770347</v>
      </c>
      <c r="AH28" s="118">
        <v>1770347</v>
      </c>
      <c r="AI28" s="112">
        <v>0</v>
      </c>
      <c r="AJ28" s="116">
        <v>0</v>
      </c>
      <c r="AK28" s="115">
        <v>0</v>
      </c>
      <c r="AL28" s="112">
        <v>0</v>
      </c>
      <c r="AM28" s="116">
        <v>13412</v>
      </c>
      <c r="AN28" s="116">
        <v>0</v>
      </c>
      <c r="AO28" s="116">
        <v>0</v>
      </c>
      <c r="AP28" s="116">
        <v>0</v>
      </c>
      <c r="AQ28" s="116">
        <v>0</v>
      </c>
      <c r="AR28" s="115">
        <v>13412</v>
      </c>
      <c r="AS28" s="118">
        <v>13412</v>
      </c>
      <c r="AT28" s="112">
        <v>8932</v>
      </c>
      <c r="AU28" s="116">
        <v>43178</v>
      </c>
      <c r="AV28" s="115">
        <v>52110</v>
      </c>
      <c r="AW28" s="112">
        <v>0</v>
      </c>
      <c r="AX28" s="116">
        <v>154615</v>
      </c>
      <c r="AY28" s="116">
        <v>207804</v>
      </c>
      <c r="AZ28" s="116">
        <v>0</v>
      </c>
      <c r="BA28" s="116">
        <v>47934</v>
      </c>
      <c r="BB28" s="116">
        <v>0</v>
      </c>
      <c r="BC28" s="115">
        <v>410353</v>
      </c>
      <c r="BD28" s="118">
        <v>462463</v>
      </c>
      <c r="BE28" s="112">
        <v>0</v>
      </c>
      <c r="BF28" s="116">
        <v>0</v>
      </c>
      <c r="BG28" s="114">
        <v>0</v>
      </c>
      <c r="BH28" s="113">
        <v>0</v>
      </c>
      <c r="BI28" s="116">
        <v>35776</v>
      </c>
      <c r="BJ28" s="116">
        <v>77927</v>
      </c>
      <c r="BK28" s="116">
        <v>0</v>
      </c>
      <c r="BL28" s="116">
        <v>0</v>
      </c>
      <c r="BM28" s="116">
        <v>0</v>
      </c>
      <c r="BN28" s="115">
        <v>113703</v>
      </c>
      <c r="BO28" s="118">
        <v>113703</v>
      </c>
      <c r="BP28" s="112">
        <v>59400</v>
      </c>
      <c r="BQ28" s="116">
        <v>17128</v>
      </c>
      <c r="BR28" s="115">
        <v>76528</v>
      </c>
      <c r="BS28" s="112">
        <v>0</v>
      </c>
      <c r="BT28" s="116">
        <v>182256</v>
      </c>
      <c r="BU28" s="116">
        <v>125536</v>
      </c>
      <c r="BV28" s="116">
        <v>33568</v>
      </c>
      <c r="BW28" s="116">
        <v>91552</v>
      </c>
      <c r="BX28" s="116">
        <v>78472</v>
      </c>
      <c r="BY28" s="115">
        <v>511384</v>
      </c>
      <c r="BZ28" s="118">
        <v>587912</v>
      </c>
      <c r="CA28" s="112">
        <v>0</v>
      </c>
      <c r="CB28" s="116">
        <v>0</v>
      </c>
      <c r="CC28" s="115">
        <v>0</v>
      </c>
      <c r="CD28" s="112">
        <v>0</v>
      </c>
      <c r="CE28" s="116">
        <v>978662</v>
      </c>
      <c r="CF28" s="116">
        <v>697067</v>
      </c>
      <c r="CG28" s="116">
        <v>622923</v>
      </c>
      <c r="CH28" s="116">
        <v>696313</v>
      </c>
      <c r="CI28" s="116">
        <v>52416</v>
      </c>
      <c r="CJ28" s="115">
        <v>3047381</v>
      </c>
      <c r="CK28" s="118">
        <v>3047381</v>
      </c>
      <c r="CL28" s="112">
        <v>0</v>
      </c>
      <c r="CM28" s="116">
        <v>0</v>
      </c>
      <c r="CN28" s="115">
        <v>0</v>
      </c>
      <c r="CO28" s="113">
        <v>0</v>
      </c>
      <c r="CP28" s="116">
        <v>841911</v>
      </c>
      <c r="CQ28" s="116">
        <v>515101</v>
      </c>
      <c r="CR28" s="116">
        <v>451275</v>
      </c>
      <c r="CS28" s="116">
        <v>262661</v>
      </c>
      <c r="CT28" s="116">
        <v>52416</v>
      </c>
      <c r="CU28" s="115">
        <v>2123364</v>
      </c>
      <c r="CV28" s="118">
        <v>2123364</v>
      </c>
      <c r="CW28" s="112">
        <v>0</v>
      </c>
      <c r="CX28" s="116">
        <v>0</v>
      </c>
      <c r="CY28" s="115">
        <v>0</v>
      </c>
      <c r="CZ28" s="112">
        <v>0</v>
      </c>
      <c r="DA28" s="116">
        <v>136751</v>
      </c>
      <c r="DB28" s="116">
        <v>181966</v>
      </c>
      <c r="DC28" s="116">
        <v>171648</v>
      </c>
      <c r="DD28" s="116">
        <v>433652</v>
      </c>
      <c r="DE28" s="116">
        <v>0</v>
      </c>
      <c r="DF28" s="115">
        <v>924017</v>
      </c>
      <c r="DG28" s="118">
        <v>924017</v>
      </c>
      <c r="DH28" s="112">
        <v>0</v>
      </c>
      <c r="DI28" s="116">
        <v>0</v>
      </c>
      <c r="DJ28" s="114">
        <v>0</v>
      </c>
      <c r="DK28" s="113">
        <v>0</v>
      </c>
      <c r="DL28" s="116">
        <v>21250</v>
      </c>
      <c r="DM28" s="116">
        <v>35439</v>
      </c>
      <c r="DN28" s="116">
        <v>278839</v>
      </c>
      <c r="DO28" s="116">
        <v>331376</v>
      </c>
      <c r="DP28" s="116">
        <v>0</v>
      </c>
      <c r="DQ28" s="115">
        <v>666904</v>
      </c>
      <c r="DR28" s="118">
        <v>666904</v>
      </c>
      <c r="DS28" s="112">
        <v>0</v>
      </c>
      <c r="DT28" s="116">
        <v>0</v>
      </c>
      <c r="DU28" s="115">
        <v>0</v>
      </c>
      <c r="DV28" s="112">
        <v>0</v>
      </c>
      <c r="DW28" s="116">
        <v>0</v>
      </c>
      <c r="DX28" s="116">
        <v>35439</v>
      </c>
      <c r="DY28" s="116">
        <v>278839</v>
      </c>
      <c r="DZ28" s="116">
        <v>331376</v>
      </c>
      <c r="EA28" s="116">
        <v>0</v>
      </c>
      <c r="EB28" s="115">
        <v>645654</v>
      </c>
      <c r="EC28" s="118">
        <v>645654</v>
      </c>
      <c r="ED28" s="112">
        <v>0</v>
      </c>
      <c r="EE28" s="114">
        <v>0</v>
      </c>
      <c r="EF28" s="115">
        <v>0</v>
      </c>
      <c r="EG28" s="112">
        <v>0</v>
      </c>
      <c r="EH28" s="116">
        <v>21250</v>
      </c>
      <c r="EI28" s="116">
        <v>0</v>
      </c>
      <c r="EJ28" s="116">
        <v>0</v>
      </c>
      <c r="EK28" s="116">
        <v>0</v>
      </c>
      <c r="EL28" s="116">
        <v>0</v>
      </c>
      <c r="EM28" s="114">
        <v>21250</v>
      </c>
      <c r="EN28" s="118">
        <v>21250</v>
      </c>
      <c r="EO28" s="112">
        <v>0</v>
      </c>
      <c r="EP28" s="116">
        <v>0</v>
      </c>
      <c r="EQ28" s="114">
        <v>0</v>
      </c>
      <c r="ER28" s="113">
        <v>0</v>
      </c>
      <c r="ES28" s="116">
        <v>0</v>
      </c>
      <c r="ET28" s="116">
        <v>0</v>
      </c>
      <c r="EU28" s="116">
        <v>0</v>
      </c>
      <c r="EV28" s="116">
        <v>0</v>
      </c>
      <c r="EW28" s="116">
        <v>0</v>
      </c>
      <c r="EX28" s="115">
        <v>0</v>
      </c>
      <c r="EY28" s="118">
        <v>0</v>
      </c>
      <c r="EZ28" s="112">
        <v>0</v>
      </c>
      <c r="FA28" s="116">
        <v>0</v>
      </c>
      <c r="FB28" s="114">
        <v>0</v>
      </c>
      <c r="FC28" s="390"/>
      <c r="FD28" s="116">
        <v>0</v>
      </c>
      <c r="FE28" s="116">
        <v>0</v>
      </c>
      <c r="FF28" s="116">
        <v>0</v>
      </c>
      <c r="FG28" s="116">
        <v>0</v>
      </c>
      <c r="FH28" s="116">
        <v>0</v>
      </c>
      <c r="FI28" s="115">
        <v>0</v>
      </c>
      <c r="FJ28" s="118">
        <v>0</v>
      </c>
      <c r="FK28" s="112">
        <v>26080</v>
      </c>
      <c r="FL28" s="116">
        <v>248640</v>
      </c>
      <c r="FM28" s="115">
        <v>274720</v>
      </c>
      <c r="FN28" s="112">
        <v>0</v>
      </c>
      <c r="FO28" s="116">
        <v>85136</v>
      </c>
      <c r="FP28" s="116">
        <v>320904</v>
      </c>
      <c r="FQ28" s="116">
        <v>112520</v>
      </c>
      <c r="FR28" s="116">
        <v>160392</v>
      </c>
      <c r="FS28" s="116">
        <v>72152</v>
      </c>
      <c r="FT28" s="115">
        <v>751104</v>
      </c>
      <c r="FU28" s="118">
        <v>1025824</v>
      </c>
      <c r="FV28" s="117">
        <v>3520</v>
      </c>
      <c r="FW28" s="116">
        <v>36600</v>
      </c>
      <c r="FX28" s="114">
        <v>40120</v>
      </c>
      <c r="FY28" s="113">
        <v>0</v>
      </c>
      <c r="FZ28" s="116">
        <v>85136</v>
      </c>
      <c r="GA28" s="116">
        <v>320904</v>
      </c>
      <c r="GB28" s="116">
        <v>112520</v>
      </c>
      <c r="GC28" s="116">
        <v>160392</v>
      </c>
      <c r="GD28" s="116">
        <v>72152</v>
      </c>
      <c r="GE28" s="115">
        <v>751104</v>
      </c>
      <c r="GF28" s="354">
        <v>791224</v>
      </c>
      <c r="GG28" s="117">
        <v>22560</v>
      </c>
      <c r="GH28" s="116">
        <v>11880</v>
      </c>
      <c r="GI28" s="114">
        <v>34440</v>
      </c>
      <c r="GJ28" s="113">
        <v>0</v>
      </c>
      <c r="GK28" s="116">
        <v>0</v>
      </c>
      <c r="GL28" s="116">
        <v>0</v>
      </c>
      <c r="GM28" s="116">
        <v>0</v>
      </c>
      <c r="GN28" s="116">
        <v>0</v>
      </c>
      <c r="GO28" s="116">
        <v>0</v>
      </c>
      <c r="GP28" s="115">
        <v>0</v>
      </c>
      <c r="GQ28" s="118">
        <v>34440</v>
      </c>
      <c r="GR28" s="112">
        <v>0</v>
      </c>
      <c r="GS28" s="116">
        <v>200160</v>
      </c>
      <c r="GT28" s="115">
        <v>200160</v>
      </c>
      <c r="GU28" s="112">
        <v>0</v>
      </c>
      <c r="GV28" s="116">
        <v>0</v>
      </c>
      <c r="GW28" s="116">
        <v>0</v>
      </c>
      <c r="GX28" s="116">
        <v>0</v>
      </c>
      <c r="GY28" s="116">
        <v>0</v>
      </c>
      <c r="GZ28" s="116">
        <v>0</v>
      </c>
      <c r="HA28" s="114">
        <v>0</v>
      </c>
      <c r="HB28" s="118">
        <v>200160</v>
      </c>
      <c r="HC28" s="112">
        <v>115751</v>
      </c>
      <c r="HD28" s="116">
        <v>183226</v>
      </c>
      <c r="HE28" s="114">
        <v>298977</v>
      </c>
      <c r="HF28" s="113">
        <v>0</v>
      </c>
      <c r="HG28" s="116">
        <v>808067</v>
      </c>
      <c r="HH28" s="116">
        <v>352973</v>
      </c>
      <c r="HI28" s="116">
        <v>212324</v>
      </c>
      <c r="HJ28" s="116">
        <v>305697</v>
      </c>
      <c r="HK28" s="116">
        <v>478448</v>
      </c>
      <c r="HL28" s="115">
        <v>2157509</v>
      </c>
      <c r="HM28" s="111">
        <v>2456486</v>
      </c>
      <c r="HN28" s="370"/>
      <c r="HO28" s="371"/>
      <c r="HP28" s="372"/>
      <c r="HQ28" s="373"/>
      <c r="HR28" s="371"/>
      <c r="HS28" s="371"/>
      <c r="HT28" s="371"/>
      <c r="HU28" s="371"/>
      <c r="HV28" s="371"/>
      <c r="HW28" s="374"/>
      <c r="HX28" s="375"/>
      <c r="HY28" s="167">
        <v>0</v>
      </c>
      <c r="HZ28" s="152">
        <v>0</v>
      </c>
      <c r="IA28" s="167">
        <v>0</v>
      </c>
      <c r="IB28" s="151">
        <v>0</v>
      </c>
      <c r="IC28" s="152">
        <v>931560</v>
      </c>
      <c r="ID28" s="153">
        <v>803146</v>
      </c>
      <c r="IE28" s="154">
        <v>0</v>
      </c>
      <c r="IF28" s="152">
        <v>833363</v>
      </c>
      <c r="IG28" s="154">
        <v>0</v>
      </c>
      <c r="IH28" s="155">
        <v>2568069</v>
      </c>
      <c r="II28" s="167">
        <v>2568069</v>
      </c>
      <c r="IJ28" s="261">
        <v>0</v>
      </c>
      <c r="IK28" s="268">
        <v>0</v>
      </c>
      <c r="IL28" s="269">
        <v>0</v>
      </c>
      <c r="IM28" s="157"/>
      <c r="IN28" s="122">
        <v>0</v>
      </c>
      <c r="IO28" s="122">
        <v>0</v>
      </c>
      <c r="IP28" s="122">
        <v>0</v>
      </c>
      <c r="IQ28" s="122">
        <v>0</v>
      </c>
      <c r="IR28" s="122">
        <v>0</v>
      </c>
      <c r="IS28" s="158">
        <v>0</v>
      </c>
      <c r="IT28" s="357">
        <v>0</v>
      </c>
      <c r="IU28" s="159">
        <v>0</v>
      </c>
      <c r="IV28" s="122">
        <v>0</v>
      </c>
      <c r="IW28" s="123">
        <v>0</v>
      </c>
      <c r="IX28" s="161"/>
      <c r="IY28" s="122">
        <v>0</v>
      </c>
      <c r="IZ28" s="122">
        <v>0</v>
      </c>
      <c r="JA28" s="122">
        <v>0</v>
      </c>
      <c r="JB28" s="122">
        <v>0</v>
      </c>
      <c r="JC28" s="122">
        <v>0</v>
      </c>
      <c r="JD28" s="123">
        <v>0</v>
      </c>
      <c r="JE28" s="124">
        <v>0</v>
      </c>
      <c r="JF28" s="159">
        <v>0</v>
      </c>
      <c r="JG28" s="122">
        <v>0</v>
      </c>
      <c r="JH28" s="158">
        <v>0</v>
      </c>
      <c r="JI28" s="121">
        <v>0</v>
      </c>
      <c r="JJ28" s="122">
        <v>223094</v>
      </c>
      <c r="JK28" s="122">
        <v>74015</v>
      </c>
      <c r="JL28" s="122">
        <v>0</v>
      </c>
      <c r="JM28" s="122">
        <v>386096</v>
      </c>
      <c r="JN28" s="122">
        <v>0</v>
      </c>
      <c r="JO28" s="123">
        <v>683205</v>
      </c>
      <c r="JP28" s="357">
        <v>683205</v>
      </c>
      <c r="JQ28" s="159">
        <v>0</v>
      </c>
      <c r="JR28" s="122">
        <v>0</v>
      </c>
      <c r="JS28" s="158">
        <v>0</v>
      </c>
      <c r="JT28" s="121">
        <v>0</v>
      </c>
      <c r="JU28" s="122">
        <v>0</v>
      </c>
      <c r="JV28" s="122">
        <v>0</v>
      </c>
      <c r="JW28" s="122">
        <v>0</v>
      </c>
      <c r="JX28" s="122">
        <v>0</v>
      </c>
      <c r="JY28" s="122">
        <v>0</v>
      </c>
      <c r="JZ28" s="123">
        <v>0</v>
      </c>
      <c r="KA28" s="357">
        <v>0</v>
      </c>
      <c r="KB28" s="264">
        <v>0</v>
      </c>
      <c r="KC28" s="258">
        <v>0</v>
      </c>
      <c r="KD28" s="123">
        <v>0</v>
      </c>
      <c r="KE28" s="121">
        <v>0</v>
      </c>
      <c r="KF28" s="122">
        <v>0</v>
      </c>
      <c r="KG28" s="122">
        <v>0</v>
      </c>
      <c r="KH28" s="122">
        <v>0</v>
      </c>
      <c r="KI28" s="122">
        <v>0</v>
      </c>
      <c r="KJ28" s="122">
        <v>0</v>
      </c>
      <c r="KK28" s="123">
        <v>0</v>
      </c>
      <c r="KL28" s="160">
        <v>0</v>
      </c>
      <c r="KM28" s="261">
        <v>0</v>
      </c>
      <c r="KN28" s="268">
        <v>0</v>
      </c>
      <c r="KO28" s="269">
        <v>0</v>
      </c>
      <c r="KP28" s="157"/>
      <c r="KQ28" s="122">
        <v>708466</v>
      </c>
      <c r="KR28" s="122">
        <v>729131</v>
      </c>
      <c r="KS28" s="122">
        <v>0</v>
      </c>
      <c r="KT28" s="122">
        <v>447267</v>
      </c>
      <c r="KU28" s="122">
        <v>0</v>
      </c>
      <c r="KV28" s="123">
        <v>1884864</v>
      </c>
      <c r="KW28" s="357">
        <v>1884864</v>
      </c>
      <c r="KX28" s="159">
        <v>0</v>
      </c>
      <c r="KY28" s="122">
        <v>0</v>
      </c>
      <c r="KZ28" s="123">
        <v>0</v>
      </c>
      <c r="LA28" s="162"/>
      <c r="LB28" s="122">
        <v>0</v>
      </c>
      <c r="LC28" s="122">
        <v>0</v>
      </c>
      <c r="LD28" s="122">
        <v>0</v>
      </c>
      <c r="LE28" s="122">
        <v>0</v>
      </c>
      <c r="LF28" s="122">
        <v>0</v>
      </c>
      <c r="LG28" s="123">
        <v>0</v>
      </c>
      <c r="LH28" s="124">
        <v>0</v>
      </c>
      <c r="LI28" s="159">
        <v>0</v>
      </c>
      <c r="LJ28" s="122">
        <v>0</v>
      </c>
      <c r="LK28" s="123">
        <v>0</v>
      </c>
      <c r="LL28" s="162"/>
      <c r="LM28" s="122">
        <v>0</v>
      </c>
      <c r="LN28" s="122">
        <v>0</v>
      </c>
      <c r="LO28" s="122">
        <v>0</v>
      </c>
      <c r="LP28" s="122">
        <v>0</v>
      </c>
      <c r="LQ28" s="122">
        <v>0</v>
      </c>
      <c r="LR28" s="123">
        <v>0</v>
      </c>
      <c r="LS28" s="357">
        <v>0</v>
      </c>
      <c r="LT28" s="159">
        <v>0</v>
      </c>
      <c r="LU28" s="122">
        <v>0</v>
      </c>
      <c r="LV28" s="123">
        <v>0</v>
      </c>
      <c r="LW28" s="162"/>
      <c r="LX28" s="122">
        <v>0</v>
      </c>
      <c r="LY28" s="122">
        <v>0</v>
      </c>
      <c r="LZ28" s="122">
        <v>0</v>
      </c>
      <c r="MA28" s="122">
        <v>0</v>
      </c>
      <c r="MB28" s="122">
        <v>0</v>
      </c>
      <c r="MC28" s="123">
        <v>0</v>
      </c>
      <c r="MD28" s="124">
        <v>0</v>
      </c>
      <c r="ME28" s="159">
        <v>0</v>
      </c>
      <c r="MF28" s="122">
        <v>0</v>
      </c>
      <c r="MG28" s="123">
        <v>0</v>
      </c>
      <c r="MH28" s="162"/>
      <c r="MI28" s="122">
        <v>223596</v>
      </c>
      <c r="MJ28" s="122">
        <v>258929</v>
      </c>
      <c r="MK28" s="122">
        <v>1137903</v>
      </c>
      <c r="ML28" s="122">
        <v>1644094</v>
      </c>
      <c r="MM28" s="122">
        <v>616352</v>
      </c>
      <c r="MN28" s="123">
        <v>3880874</v>
      </c>
      <c r="MO28" s="160">
        <v>3880874</v>
      </c>
      <c r="MP28" s="159">
        <v>0</v>
      </c>
      <c r="MQ28" s="122">
        <v>0</v>
      </c>
      <c r="MR28" s="123">
        <v>0</v>
      </c>
      <c r="MS28" s="162"/>
      <c r="MT28" s="122">
        <v>223596</v>
      </c>
      <c r="MU28" s="122">
        <v>0</v>
      </c>
      <c r="MV28" s="122">
        <v>502393</v>
      </c>
      <c r="MW28" s="122">
        <v>822221</v>
      </c>
      <c r="MX28" s="122">
        <v>291620</v>
      </c>
      <c r="MY28" s="123">
        <v>1839830</v>
      </c>
      <c r="MZ28" s="160">
        <v>1839830</v>
      </c>
      <c r="NA28" s="159">
        <v>0</v>
      </c>
      <c r="NB28" s="122">
        <v>0</v>
      </c>
      <c r="NC28" s="123">
        <v>0</v>
      </c>
      <c r="ND28" s="162"/>
      <c r="NE28" s="122">
        <v>0</v>
      </c>
      <c r="NF28" s="122">
        <v>258929</v>
      </c>
      <c r="NG28" s="122">
        <v>635510</v>
      </c>
      <c r="NH28" s="122">
        <v>821873</v>
      </c>
      <c r="NI28" s="122">
        <v>0</v>
      </c>
      <c r="NJ28" s="123">
        <v>1716312</v>
      </c>
      <c r="NK28" s="357">
        <v>1716312</v>
      </c>
      <c r="NL28" s="159">
        <v>0</v>
      </c>
      <c r="NM28" s="122">
        <v>0</v>
      </c>
      <c r="NN28" s="123">
        <v>0</v>
      </c>
      <c r="NO28" s="162"/>
      <c r="NP28" s="122">
        <v>0</v>
      </c>
      <c r="NQ28" s="122">
        <v>0</v>
      </c>
      <c r="NR28" s="122">
        <v>0</v>
      </c>
      <c r="NS28" s="122">
        <v>0</v>
      </c>
      <c r="NT28" s="122">
        <v>0</v>
      </c>
      <c r="NU28" s="123">
        <v>0</v>
      </c>
      <c r="NV28" s="124">
        <v>0</v>
      </c>
      <c r="NW28" s="159">
        <v>0</v>
      </c>
      <c r="NX28" s="122">
        <v>0</v>
      </c>
      <c r="NY28" s="123">
        <v>0</v>
      </c>
      <c r="NZ28" s="162"/>
      <c r="OA28" s="122">
        <v>0</v>
      </c>
      <c r="OB28" s="122">
        <v>0</v>
      </c>
      <c r="OC28" s="122">
        <v>0</v>
      </c>
      <c r="OD28" s="122">
        <v>0</v>
      </c>
      <c r="OE28" s="122">
        <v>324732</v>
      </c>
      <c r="OF28" s="123">
        <v>324732</v>
      </c>
      <c r="OG28" s="124">
        <v>324732</v>
      </c>
      <c r="OH28" s="159">
        <v>210163</v>
      </c>
      <c r="OI28" s="122">
        <v>492172</v>
      </c>
      <c r="OJ28" s="158">
        <v>702335</v>
      </c>
      <c r="OK28" s="121">
        <v>0</v>
      </c>
      <c r="OL28" s="122">
        <v>3592355</v>
      </c>
      <c r="OM28" s="122">
        <v>3225235</v>
      </c>
      <c r="ON28" s="122">
        <v>2782445</v>
      </c>
      <c r="OO28" s="122">
        <v>4643586</v>
      </c>
      <c r="OP28" s="122">
        <v>1647419</v>
      </c>
      <c r="OQ28" s="123">
        <v>15891040</v>
      </c>
      <c r="OR28" s="160">
        <v>16593375</v>
      </c>
    </row>
    <row r="29" spans="1:408" ht="20.25" customHeight="1" x14ac:dyDescent="0.2">
      <c r="A29" s="129" t="s">
        <v>24</v>
      </c>
      <c r="B29" s="112">
        <v>476455</v>
      </c>
      <c r="C29" s="116">
        <v>302826</v>
      </c>
      <c r="D29" s="115">
        <v>779281</v>
      </c>
      <c r="E29" s="111">
        <v>0</v>
      </c>
      <c r="F29" s="116">
        <v>2262527</v>
      </c>
      <c r="G29" s="116">
        <v>2154490</v>
      </c>
      <c r="H29" s="116">
        <v>2103105</v>
      </c>
      <c r="I29" s="116">
        <v>1951945</v>
      </c>
      <c r="J29" s="116">
        <v>1114704</v>
      </c>
      <c r="K29" s="200">
        <v>9586771</v>
      </c>
      <c r="L29" s="118">
        <v>10366052</v>
      </c>
      <c r="M29" s="112">
        <v>192580</v>
      </c>
      <c r="N29" s="116">
        <v>127054</v>
      </c>
      <c r="O29" s="115">
        <v>319634</v>
      </c>
      <c r="P29" s="112">
        <v>0</v>
      </c>
      <c r="Q29" s="116">
        <v>985362</v>
      </c>
      <c r="R29" s="116">
        <v>864799</v>
      </c>
      <c r="S29" s="116">
        <v>557893</v>
      </c>
      <c r="T29" s="116">
        <v>1079959</v>
      </c>
      <c r="U29" s="116">
        <v>547044</v>
      </c>
      <c r="V29" s="115">
        <v>4035057</v>
      </c>
      <c r="W29" s="118">
        <v>4354691</v>
      </c>
      <c r="X29" s="112">
        <v>0</v>
      </c>
      <c r="Y29" s="116">
        <v>0</v>
      </c>
      <c r="Z29" s="115">
        <v>0</v>
      </c>
      <c r="AA29" s="112">
        <v>0</v>
      </c>
      <c r="AB29" s="116">
        <v>337961</v>
      </c>
      <c r="AC29" s="116">
        <v>525583</v>
      </c>
      <c r="AD29" s="116">
        <v>214758</v>
      </c>
      <c r="AE29" s="116">
        <v>730710</v>
      </c>
      <c r="AF29" s="116">
        <v>187776</v>
      </c>
      <c r="AG29" s="115">
        <v>1996788</v>
      </c>
      <c r="AH29" s="118">
        <v>1996788</v>
      </c>
      <c r="AI29" s="112">
        <v>0</v>
      </c>
      <c r="AJ29" s="116">
        <v>0</v>
      </c>
      <c r="AK29" s="115">
        <v>0</v>
      </c>
      <c r="AL29" s="112">
        <v>0</v>
      </c>
      <c r="AM29" s="116">
        <v>0</v>
      </c>
      <c r="AN29" s="116">
        <v>36759</v>
      </c>
      <c r="AO29" s="116">
        <v>0</v>
      </c>
      <c r="AP29" s="116">
        <v>71700</v>
      </c>
      <c r="AQ29" s="116">
        <v>70097</v>
      </c>
      <c r="AR29" s="115">
        <v>178556</v>
      </c>
      <c r="AS29" s="118">
        <v>178556</v>
      </c>
      <c r="AT29" s="112">
        <v>122820</v>
      </c>
      <c r="AU29" s="116">
        <v>38590</v>
      </c>
      <c r="AV29" s="115">
        <v>161410</v>
      </c>
      <c r="AW29" s="112">
        <v>0</v>
      </c>
      <c r="AX29" s="116">
        <v>428499</v>
      </c>
      <c r="AY29" s="116">
        <v>173465</v>
      </c>
      <c r="AZ29" s="116">
        <v>230815</v>
      </c>
      <c r="BA29" s="116">
        <v>208141</v>
      </c>
      <c r="BB29" s="116">
        <v>230123</v>
      </c>
      <c r="BC29" s="115">
        <v>1271043</v>
      </c>
      <c r="BD29" s="118">
        <v>1432453</v>
      </c>
      <c r="BE29" s="112">
        <v>31416</v>
      </c>
      <c r="BF29" s="116">
        <v>43280</v>
      </c>
      <c r="BG29" s="114">
        <v>74696</v>
      </c>
      <c r="BH29" s="113">
        <v>0</v>
      </c>
      <c r="BI29" s="116">
        <v>51422</v>
      </c>
      <c r="BJ29" s="116">
        <v>0</v>
      </c>
      <c r="BK29" s="116">
        <v>0</v>
      </c>
      <c r="BL29" s="116">
        <v>0</v>
      </c>
      <c r="BM29" s="116">
        <v>0</v>
      </c>
      <c r="BN29" s="115">
        <v>51422</v>
      </c>
      <c r="BO29" s="118">
        <v>126118</v>
      </c>
      <c r="BP29" s="112">
        <v>38344</v>
      </c>
      <c r="BQ29" s="116">
        <v>45184</v>
      </c>
      <c r="BR29" s="115">
        <v>83528</v>
      </c>
      <c r="BS29" s="112">
        <v>0</v>
      </c>
      <c r="BT29" s="116">
        <v>167480</v>
      </c>
      <c r="BU29" s="116">
        <v>128992</v>
      </c>
      <c r="BV29" s="116">
        <v>112320</v>
      </c>
      <c r="BW29" s="116">
        <v>69408</v>
      </c>
      <c r="BX29" s="116">
        <v>59048</v>
      </c>
      <c r="BY29" s="115">
        <v>537248</v>
      </c>
      <c r="BZ29" s="118">
        <v>620776</v>
      </c>
      <c r="CA29" s="112">
        <v>20412</v>
      </c>
      <c r="CB29" s="116">
        <v>37727</v>
      </c>
      <c r="CC29" s="115">
        <v>58139</v>
      </c>
      <c r="CD29" s="112">
        <v>0</v>
      </c>
      <c r="CE29" s="116">
        <v>478998</v>
      </c>
      <c r="CF29" s="116">
        <v>612155</v>
      </c>
      <c r="CG29" s="116">
        <v>514982</v>
      </c>
      <c r="CH29" s="116">
        <v>126159</v>
      </c>
      <c r="CI29" s="116">
        <v>0</v>
      </c>
      <c r="CJ29" s="115">
        <v>1732294</v>
      </c>
      <c r="CK29" s="118">
        <v>1790433</v>
      </c>
      <c r="CL29" s="112">
        <v>0</v>
      </c>
      <c r="CM29" s="116">
        <v>0</v>
      </c>
      <c r="CN29" s="115">
        <v>0</v>
      </c>
      <c r="CO29" s="113">
        <v>0</v>
      </c>
      <c r="CP29" s="116">
        <v>349310</v>
      </c>
      <c r="CQ29" s="116">
        <v>434708</v>
      </c>
      <c r="CR29" s="116">
        <v>272213</v>
      </c>
      <c r="CS29" s="116">
        <v>126159</v>
      </c>
      <c r="CT29" s="116">
        <v>0</v>
      </c>
      <c r="CU29" s="115">
        <v>1182390</v>
      </c>
      <c r="CV29" s="118">
        <v>1182390</v>
      </c>
      <c r="CW29" s="112">
        <v>20412</v>
      </c>
      <c r="CX29" s="116">
        <v>37727</v>
      </c>
      <c r="CY29" s="115">
        <v>58139</v>
      </c>
      <c r="CZ29" s="112">
        <v>0</v>
      </c>
      <c r="DA29" s="116">
        <v>129688</v>
      </c>
      <c r="DB29" s="116">
        <v>177447</v>
      </c>
      <c r="DC29" s="116">
        <v>242769</v>
      </c>
      <c r="DD29" s="116">
        <v>0</v>
      </c>
      <c r="DE29" s="116">
        <v>0</v>
      </c>
      <c r="DF29" s="115">
        <v>549904</v>
      </c>
      <c r="DG29" s="118">
        <v>608043</v>
      </c>
      <c r="DH29" s="112">
        <v>19891</v>
      </c>
      <c r="DI29" s="116">
        <v>0</v>
      </c>
      <c r="DJ29" s="114">
        <v>19891</v>
      </c>
      <c r="DK29" s="113">
        <v>0</v>
      </c>
      <c r="DL29" s="116">
        <v>46212</v>
      </c>
      <c r="DM29" s="116">
        <v>0</v>
      </c>
      <c r="DN29" s="116">
        <v>232338</v>
      </c>
      <c r="DO29" s="116">
        <v>245968</v>
      </c>
      <c r="DP29" s="116">
        <v>98835</v>
      </c>
      <c r="DQ29" s="115">
        <v>623353</v>
      </c>
      <c r="DR29" s="118">
        <v>643244</v>
      </c>
      <c r="DS29" s="112">
        <v>19891</v>
      </c>
      <c r="DT29" s="116">
        <v>0</v>
      </c>
      <c r="DU29" s="115">
        <v>19891</v>
      </c>
      <c r="DV29" s="112">
        <v>0</v>
      </c>
      <c r="DW29" s="116">
        <v>46212</v>
      </c>
      <c r="DX29" s="116">
        <v>0</v>
      </c>
      <c r="DY29" s="116">
        <v>232338</v>
      </c>
      <c r="DZ29" s="116">
        <v>245968</v>
      </c>
      <c r="EA29" s="116">
        <v>98835</v>
      </c>
      <c r="EB29" s="115">
        <v>623353</v>
      </c>
      <c r="EC29" s="118">
        <v>643244</v>
      </c>
      <c r="ED29" s="112">
        <v>0</v>
      </c>
      <c r="EE29" s="114">
        <v>0</v>
      </c>
      <c r="EF29" s="115">
        <v>0</v>
      </c>
      <c r="EG29" s="112">
        <v>0</v>
      </c>
      <c r="EH29" s="116">
        <v>0</v>
      </c>
      <c r="EI29" s="116">
        <v>0</v>
      </c>
      <c r="EJ29" s="116">
        <v>0</v>
      </c>
      <c r="EK29" s="116">
        <v>0</v>
      </c>
      <c r="EL29" s="116">
        <v>0</v>
      </c>
      <c r="EM29" s="114">
        <v>0</v>
      </c>
      <c r="EN29" s="118">
        <v>0</v>
      </c>
      <c r="EO29" s="112">
        <v>0</v>
      </c>
      <c r="EP29" s="116">
        <v>0</v>
      </c>
      <c r="EQ29" s="114">
        <v>0</v>
      </c>
      <c r="ER29" s="113">
        <v>0</v>
      </c>
      <c r="ES29" s="116">
        <v>0</v>
      </c>
      <c r="ET29" s="116">
        <v>0</v>
      </c>
      <c r="EU29" s="116">
        <v>0</v>
      </c>
      <c r="EV29" s="116">
        <v>0</v>
      </c>
      <c r="EW29" s="116">
        <v>0</v>
      </c>
      <c r="EX29" s="115">
        <v>0</v>
      </c>
      <c r="EY29" s="118">
        <v>0</v>
      </c>
      <c r="EZ29" s="112">
        <v>0</v>
      </c>
      <c r="FA29" s="116">
        <v>0</v>
      </c>
      <c r="FB29" s="114">
        <v>0</v>
      </c>
      <c r="FC29" s="390"/>
      <c r="FD29" s="116">
        <v>0</v>
      </c>
      <c r="FE29" s="116">
        <v>0</v>
      </c>
      <c r="FF29" s="116">
        <v>0</v>
      </c>
      <c r="FG29" s="116">
        <v>0</v>
      </c>
      <c r="FH29" s="116">
        <v>0</v>
      </c>
      <c r="FI29" s="115">
        <v>0</v>
      </c>
      <c r="FJ29" s="118">
        <v>0</v>
      </c>
      <c r="FK29" s="112">
        <v>138680</v>
      </c>
      <c r="FL29" s="116">
        <v>48368</v>
      </c>
      <c r="FM29" s="115">
        <v>187048</v>
      </c>
      <c r="FN29" s="112">
        <v>0</v>
      </c>
      <c r="FO29" s="116">
        <v>114720</v>
      </c>
      <c r="FP29" s="116">
        <v>154688</v>
      </c>
      <c r="FQ29" s="116">
        <v>204352</v>
      </c>
      <c r="FR29" s="116">
        <v>285752</v>
      </c>
      <c r="FS29" s="116">
        <v>159576</v>
      </c>
      <c r="FT29" s="115">
        <v>919088</v>
      </c>
      <c r="FU29" s="118">
        <v>1106136</v>
      </c>
      <c r="FV29" s="117">
        <v>37640</v>
      </c>
      <c r="FW29" s="116">
        <v>32880</v>
      </c>
      <c r="FX29" s="114">
        <v>70520</v>
      </c>
      <c r="FY29" s="113">
        <v>0</v>
      </c>
      <c r="FZ29" s="116">
        <v>88496</v>
      </c>
      <c r="GA29" s="116">
        <v>154688</v>
      </c>
      <c r="GB29" s="116">
        <v>116192</v>
      </c>
      <c r="GC29" s="116">
        <v>170512</v>
      </c>
      <c r="GD29" s="116">
        <v>159576</v>
      </c>
      <c r="GE29" s="115">
        <v>689464</v>
      </c>
      <c r="GF29" s="354">
        <v>759984</v>
      </c>
      <c r="GG29" s="117">
        <v>0</v>
      </c>
      <c r="GH29" s="116">
        <v>15488</v>
      </c>
      <c r="GI29" s="114">
        <v>15488</v>
      </c>
      <c r="GJ29" s="113">
        <v>0</v>
      </c>
      <c r="GK29" s="116">
        <v>26224</v>
      </c>
      <c r="GL29" s="116">
        <v>0</v>
      </c>
      <c r="GM29" s="116">
        <v>8800</v>
      </c>
      <c r="GN29" s="116">
        <v>44840</v>
      </c>
      <c r="GO29" s="116">
        <v>0</v>
      </c>
      <c r="GP29" s="115">
        <v>79864</v>
      </c>
      <c r="GQ29" s="118">
        <v>95352</v>
      </c>
      <c r="GR29" s="112">
        <v>101040</v>
      </c>
      <c r="GS29" s="116">
        <v>0</v>
      </c>
      <c r="GT29" s="115">
        <v>101040</v>
      </c>
      <c r="GU29" s="112">
        <v>0</v>
      </c>
      <c r="GV29" s="116">
        <v>0</v>
      </c>
      <c r="GW29" s="116">
        <v>0</v>
      </c>
      <c r="GX29" s="116">
        <v>79360</v>
      </c>
      <c r="GY29" s="116">
        <v>70400</v>
      </c>
      <c r="GZ29" s="116">
        <v>0</v>
      </c>
      <c r="HA29" s="114">
        <v>149760</v>
      </c>
      <c r="HB29" s="118">
        <v>250800</v>
      </c>
      <c r="HC29" s="112">
        <v>104892</v>
      </c>
      <c r="HD29" s="116">
        <v>89677</v>
      </c>
      <c r="HE29" s="114">
        <v>194569</v>
      </c>
      <c r="HF29" s="113">
        <v>0</v>
      </c>
      <c r="HG29" s="116">
        <v>637235</v>
      </c>
      <c r="HH29" s="116">
        <v>522848</v>
      </c>
      <c r="HI29" s="116">
        <v>593540</v>
      </c>
      <c r="HJ29" s="116">
        <v>214107</v>
      </c>
      <c r="HK29" s="116">
        <v>309249</v>
      </c>
      <c r="HL29" s="115">
        <v>2276979</v>
      </c>
      <c r="HM29" s="111">
        <v>2471548</v>
      </c>
      <c r="HN29" s="370"/>
      <c r="HO29" s="371"/>
      <c r="HP29" s="372"/>
      <c r="HQ29" s="373"/>
      <c r="HR29" s="371"/>
      <c r="HS29" s="371"/>
      <c r="HT29" s="371"/>
      <c r="HU29" s="371"/>
      <c r="HV29" s="371"/>
      <c r="HW29" s="374"/>
      <c r="HX29" s="375"/>
      <c r="HY29" s="148">
        <v>40948</v>
      </c>
      <c r="HZ29" s="149">
        <v>0</v>
      </c>
      <c r="IA29" s="150">
        <v>40948</v>
      </c>
      <c r="IB29" s="163">
        <v>0</v>
      </c>
      <c r="IC29" s="149">
        <v>413607</v>
      </c>
      <c r="ID29" s="164">
        <v>4116</v>
      </c>
      <c r="IE29" s="150">
        <v>880106</v>
      </c>
      <c r="IF29" s="149">
        <v>578336</v>
      </c>
      <c r="IG29" s="150">
        <v>0</v>
      </c>
      <c r="IH29" s="165">
        <v>1876165</v>
      </c>
      <c r="II29" s="156">
        <v>1917113</v>
      </c>
      <c r="IJ29" s="261">
        <v>0</v>
      </c>
      <c r="IK29" s="268">
        <v>0</v>
      </c>
      <c r="IL29" s="269">
        <v>0</v>
      </c>
      <c r="IM29" s="157"/>
      <c r="IN29" s="122">
        <v>0</v>
      </c>
      <c r="IO29" s="122">
        <v>0</v>
      </c>
      <c r="IP29" s="122">
        <v>0</v>
      </c>
      <c r="IQ29" s="122">
        <v>0</v>
      </c>
      <c r="IR29" s="122">
        <v>0</v>
      </c>
      <c r="IS29" s="158">
        <v>0</v>
      </c>
      <c r="IT29" s="357">
        <v>0</v>
      </c>
      <c r="IU29" s="159">
        <v>0</v>
      </c>
      <c r="IV29" s="122">
        <v>0</v>
      </c>
      <c r="IW29" s="123">
        <v>0</v>
      </c>
      <c r="IX29" s="161"/>
      <c r="IY29" s="122">
        <v>0</v>
      </c>
      <c r="IZ29" s="122">
        <v>0</v>
      </c>
      <c r="JA29" s="122">
        <v>0</v>
      </c>
      <c r="JB29" s="122">
        <v>0</v>
      </c>
      <c r="JC29" s="122">
        <v>0</v>
      </c>
      <c r="JD29" s="123">
        <v>0</v>
      </c>
      <c r="JE29" s="124">
        <v>0</v>
      </c>
      <c r="JF29" s="159">
        <v>0</v>
      </c>
      <c r="JG29" s="122">
        <v>0</v>
      </c>
      <c r="JH29" s="158">
        <v>0</v>
      </c>
      <c r="JI29" s="121">
        <v>0</v>
      </c>
      <c r="JJ29" s="122">
        <v>209562</v>
      </c>
      <c r="JK29" s="122">
        <v>4116</v>
      </c>
      <c r="JL29" s="122">
        <v>272020</v>
      </c>
      <c r="JM29" s="122">
        <v>336597</v>
      </c>
      <c r="JN29" s="122">
        <v>0</v>
      </c>
      <c r="JO29" s="123">
        <v>822295</v>
      </c>
      <c r="JP29" s="357">
        <v>822295</v>
      </c>
      <c r="JQ29" s="159">
        <v>0</v>
      </c>
      <c r="JR29" s="122">
        <v>0</v>
      </c>
      <c r="JS29" s="158">
        <v>0</v>
      </c>
      <c r="JT29" s="121">
        <v>0</v>
      </c>
      <c r="JU29" s="122">
        <v>0</v>
      </c>
      <c r="JV29" s="122">
        <v>0</v>
      </c>
      <c r="JW29" s="122">
        <v>133860</v>
      </c>
      <c r="JX29" s="122">
        <v>0</v>
      </c>
      <c r="JY29" s="122">
        <v>0</v>
      </c>
      <c r="JZ29" s="123">
        <v>133860</v>
      </c>
      <c r="KA29" s="357">
        <v>133860</v>
      </c>
      <c r="KB29" s="264">
        <v>40948</v>
      </c>
      <c r="KC29" s="258">
        <v>0</v>
      </c>
      <c r="KD29" s="123">
        <v>40948</v>
      </c>
      <c r="KE29" s="121">
        <v>0</v>
      </c>
      <c r="KF29" s="122">
        <v>204045</v>
      </c>
      <c r="KG29" s="122">
        <v>0</v>
      </c>
      <c r="KH29" s="122">
        <v>0</v>
      </c>
      <c r="KI29" s="122">
        <v>0</v>
      </c>
      <c r="KJ29" s="122">
        <v>0</v>
      </c>
      <c r="KK29" s="123">
        <v>204045</v>
      </c>
      <c r="KL29" s="160">
        <v>244993</v>
      </c>
      <c r="KM29" s="261">
        <v>0</v>
      </c>
      <c r="KN29" s="268">
        <v>0</v>
      </c>
      <c r="KO29" s="269">
        <v>0</v>
      </c>
      <c r="KP29" s="157"/>
      <c r="KQ29" s="122">
        <v>0</v>
      </c>
      <c r="KR29" s="122">
        <v>0</v>
      </c>
      <c r="KS29" s="122">
        <v>474226</v>
      </c>
      <c r="KT29" s="122">
        <v>241739</v>
      </c>
      <c r="KU29" s="122">
        <v>0</v>
      </c>
      <c r="KV29" s="123">
        <v>715965</v>
      </c>
      <c r="KW29" s="357">
        <v>715965</v>
      </c>
      <c r="KX29" s="159">
        <v>0</v>
      </c>
      <c r="KY29" s="122">
        <v>0</v>
      </c>
      <c r="KZ29" s="123">
        <v>0</v>
      </c>
      <c r="LA29" s="162"/>
      <c r="LB29" s="122">
        <v>0</v>
      </c>
      <c r="LC29" s="122">
        <v>0</v>
      </c>
      <c r="LD29" s="122">
        <v>0</v>
      </c>
      <c r="LE29" s="122">
        <v>0</v>
      </c>
      <c r="LF29" s="122">
        <v>0</v>
      </c>
      <c r="LG29" s="123">
        <v>0</v>
      </c>
      <c r="LH29" s="124">
        <v>0</v>
      </c>
      <c r="LI29" s="159">
        <v>0</v>
      </c>
      <c r="LJ29" s="122">
        <v>0</v>
      </c>
      <c r="LK29" s="123">
        <v>0</v>
      </c>
      <c r="LL29" s="162"/>
      <c r="LM29" s="122">
        <v>0</v>
      </c>
      <c r="LN29" s="122">
        <v>0</v>
      </c>
      <c r="LO29" s="122">
        <v>0</v>
      </c>
      <c r="LP29" s="122">
        <v>0</v>
      </c>
      <c r="LQ29" s="122">
        <v>0</v>
      </c>
      <c r="LR29" s="123">
        <v>0</v>
      </c>
      <c r="LS29" s="357">
        <v>0</v>
      </c>
      <c r="LT29" s="159">
        <v>0</v>
      </c>
      <c r="LU29" s="122">
        <v>0</v>
      </c>
      <c r="LV29" s="123">
        <v>0</v>
      </c>
      <c r="LW29" s="162"/>
      <c r="LX29" s="122">
        <v>0</v>
      </c>
      <c r="LY29" s="122">
        <v>0</v>
      </c>
      <c r="LZ29" s="122">
        <v>0</v>
      </c>
      <c r="MA29" s="122">
        <v>0</v>
      </c>
      <c r="MB29" s="122">
        <v>0</v>
      </c>
      <c r="MC29" s="123">
        <v>0</v>
      </c>
      <c r="MD29" s="124">
        <v>0</v>
      </c>
      <c r="ME29" s="159">
        <v>0</v>
      </c>
      <c r="MF29" s="122">
        <v>0</v>
      </c>
      <c r="MG29" s="123">
        <v>0</v>
      </c>
      <c r="MH29" s="162"/>
      <c r="MI29" s="122">
        <v>481239</v>
      </c>
      <c r="MJ29" s="122">
        <v>297046</v>
      </c>
      <c r="MK29" s="122">
        <v>712352</v>
      </c>
      <c r="ML29" s="122">
        <v>1096222</v>
      </c>
      <c r="MM29" s="122">
        <v>1265952</v>
      </c>
      <c r="MN29" s="123">
        <v>3852811</v>
      </c>
      <c r="MO29" s="160">
        <v>3852811</v>
      </c>
      <c r="MP29" s="159">
        <v>0</v>
      </c>
      <c r="MQ29" s="122">
        <v>0</v>
      </c>
      <c r="MR29" s="123">
        <v>0</v>
      </c>
      <c r="MS29" s="162"/>
      <c r="MT29" s="122">
        <v>0</v>
      </c>
      <c r="MU29" s="122">
        <v>0</v>
      </c>
      <c r="MV29" s="122">
        <v>112199</v>
      </c>
      <c r="MW29" s="122">
        <v>264340</v>
      </c>
      <c r="MX29" s="122">
        <v>1265952</v>
      </c>
      <c r="MY29" s="123">
        <v>1642491</v>
      </c>
      <c r="MZ29" s="160">
        <v>1642491</v>
      </c>
      <c r="NA29" s="159">
        <v>0</v>
      </c>
      <c r="NB29" s="122">
        <v>0</v>
      </c>
      <c r="NC29" s="123">
        <v>0</v>
      </c>
      <c r="ND29" s="162"/>
      <c r="NE29" s="122">
        <v>481239</v>
      </c>
      <c r="NF29" s="122">
        <v>297046</v>
      </c>
      <c r="NG29" s="122">
        <v>600153</v>
      </c>
      <c r="NH29" s="122">
        <v>831882</v>
      </c>
      <c r="NI29" s="122">
        <v>0</v>
      </c>
      <c r="NJ29" s="123">
        <v>2210320</v>
      </c>
      <c r="NK29" s="357">
        <v>2210320</v>
      </c>
      <c r="NL29" s="159">
        <v>0</v>
      </c>
      <c r="NM29" s="122">
        <v>0</v>
      </c>
      <c r="NN29" s="123">
        <v>0</v>
      </c>
      <c r="NO29" s="162"/>
      <c r="NP29" s="122">
        <v>0</v>
      </c>
      <c r="NQ29" s="122">
        <v>0</v>
      </c>
      <c r="NR29" s="122">
        <v>0</v>
      </c>
      <c r="NS29" s="122">
        <v>0</v>
      </c>
      <c r="NT29" s="122">
        <v>0</v>
      </c>
      <c r="NU29" s="123">
        <v>0</v>
      </c>
      <c r="NV29" s="124">
        <v>0</v>
      </c>
      <c r="NW29" s="159">
        <v>0</v>
      </c>
      <c r="NX29" s="122">
        <v>0</v>
      </c>
      <c r="NY29" s="123">
        <v>0</v>
      </c>
      <c r="NZ29" s="162"/>
      <c r="OA29" s="122">
        <v>0</v>
      </c>
      <c r="OB29" s="122">
        <v>0</v>
      </c>
      <c r="OC29" s="122">
        <v>0</v>
      </c>
      <c r="OD29" s="122">
        <v>0</v>
      </c>
      <c r="OE29" s="122">
        <v>0</v>
      </c>
      <c r="OF29" s="123">
        <v>0</v>
      </c>
      <c r="OG29" s="124">
        <v>0</v>
      </c>
      <c r="OH29" s="159">
        <v>517403</v>
      </c>
      <c r="OI29" s="122">
        <v>302826</v>
      </c>
      <c r="OJ29" s="158">
        <v>820229</v>
      </c>
      <c r="OK29" s="121">
        <v>0</v>
      </c>
      <c r="OL29" s="122">
        <v>3157373</v>
      </c>
      <c r="OM29" s="122">
        <v>2455652</v>
      </c>
      <c r="ON29" s="122">
        <v>3695563</v>
      </c>
      <c r="OO29" s="122">
        <v>3626503</v>
      </c>
      <c r="OP29" s="122">
        <v>2380656</v>
      </c>
      <c r="OQ29" s="123">
        <v>15315747</v>
      </c>
      <c r="OR29" s="160">
        <v>16135976</v>
      </c>
    </row>
    <row r="30" spans="1:408" ht="20.25" customHeight="1" x14ac:dyDescent="0.2">
      <c r="A30" s="129" t="s">
        <v>25</v>
      </c>
      <c r="B30" s="112">
        <v>3872</v>
      </c>
      <c r="C30" s="116">
        <v>251919</v>
      </c>
      <c r="D30" s="115">
        <v>255791</v>
      </c>
      <c r="E30" s="111">
        <v>0</v>
      </c>
      <c r="F30" s="116">
        <v>1691206</v>
      </c>
      <c r="G30" s="116">
        <v>843972</v>
      </c>
      <c r="H30" s="116">
        <v>573329</v>
      </c>
      <c r="I30" s="116">
        <v>1451974</v>
      </c>
      <c r="J30" s="116">
        <v>624185</v>
      </c>
      <c r="K30" s="200">
        <v>5184666</v>
      </c>
      <c r="L30" s="118">
        <v>5440457</v>
      </c>
      <c r="M30" s="112">
        <v>0</v>
      </c>
      <c r="N30" s="116">
        <v>120434</v>
      </c>
      <c r="O30" s="115">
        <v>120434</v>
      </c>
      <c r="P30" s="112">
        <v>0</v>
      </c>
      <c r="Q30" s="116">
        <v>421011</v>
      </c>
      <c r="R30" s="116">
        <v>346636</v>
      </c>
      <c r="S30" s="116">
        <v>220148</v>
      </c>
      <c r="T30" s="116">
        <v>476578</v>
      </c>
      <c r="U30" s="116">
        <v>269679</v>
      </c>
      <c r="V30" s="115">
        <v>1734052</v>
      </c>
      <c r="W30" s="118">
        <v>1854486</v>
      </c>
      <c r="X30" s="112">
        <v>0</v>
      </c>
      <c r="Y30" s="116">
        <v>0</v>
      </c>
      <c r="Z30" s="115">
        <v>0</v>
      </c>
      <c r="AA30" s="112">
        <v>0</v>
      </c>
      <c r="AB30" s="116">
        <v>119186</v>
      </c>
      <c r="AC30" s="116">
        <v>221300</v>
      </c>
      <c r="AD30" s="116">
        <v>169752</v>
      </c>
      <c r="AE30" s="116">
        <v>398202</v>
      </c>
      <c r="AF30" s="116">
        <v>22598</v>
      </c>
      <c r="AG30" s="115">
        <v>931038</v>
      </c>
      <c r="AH30" s="118">
        <v>931038</v>
      </c>
      <c r="AI30" s="112">
        <v>0</v>
      </c>
      <c r="AJ30" s="116">
        <v>0</v>
      </c>
      <c r="AK30" s="115">
        <v>0</v>
      </c>
      <c r="AL30" s="112">
        <v>0</v>
      </c>
      <c r="AM30" s="116">
        <v>47456</v>
      </c>
      <c r="AN30" s="116">
        <v>0</v>
      </c>
      <c r="AO30" s="116">
        <v>0</v>
      </c>
      <c r="AP30" s="116">
        <v>46593</v>
      </c>
      <c r="AQ30" s="116">
        <v>91292</v>
      </c>
      <c r="AR30" s="115">
        <v>185341</v>
      </c>
      <c r="AS30" s="118">
        <v>185341</v>
      </c>
      <c r="AT30" s="112">
        <v>0</v>
      </c>
      <c r="AU30" s="116">
        <v>69210</v>
      </c>
      <c r="AV30" s="115">
        <v>69210</v>
      </c>
      <c r="AW30" s="112">
        <v>0</v>
      </c>
      <c r="AX30" s="116">
        <v>144214</v>
      </c>
      <c r="AY30" s="116">
        <v>106672</v>
      </c>
      <c r="AZ30" s="116">
        <v>33024</v>
      </c>
      <c r="BA30" s="116">
        <v>14055</v>
      </c>
      <c r="BB30" s="116">
        <v>113033</v>
      </c>
      <c r="BC30" s="115">
        <v>410998</v>
      </c>
      <c r="BD30" s="118">
        <v>480208</v>
      </c>
      <c r="BE30" s="112">
        <v>0</v>
      </c>
      <c r="BF30" s="116">
        <v>36984</v>
      </c>
      <c r="BG30" s="114">
        <v>36984</v>
      </c>
      <c r="BH30" s="113">
        <v>0</v>
      </c>
      <c r="BI30" s="116">
        <v>21707</v>
      </c>
      <c r="BJ30" s="116">
        <v>0</v>
      </c>
      <c r="BK30" s="116">
        <v>8212</v>
      </c>
      <c r="BL30" s="116">
        <v>0</v>
      </c>
      <c r="BM30" s="116">
        <v>37988</v>
      </c>
      <c r="BN30" s="115">
        <v>67907</v>
      </c>
      <c r="BO30" s="118">
        <v>104891</v>
      </c>
      <c r="BP30" s="112">
        <v>0</v>
      </c>
      <c r="BQ30" s="116">
        <v>14240</v>
      </c>
      <c r="BR30" s="115">
        <v>14240</v>
      </c>
      <c r="BS30" s="112">
        <v>0</v>
      </c>
      <c r="BT30" s="116">
        <v>88448</v>
      </c>
      <c r="BU30" s="116">
        <v>18664</v>
      </c>
      <c r="BV30" s="116">
        <v>9160</v>
      </c>
      <c r="BW30" s="116">
        <v>17728</v>
      </c>
      <c r="BX30" s="116">
        <v>4768</v>
      </c>
      <c r="BY30" s="115">
        <v>138768</v>
      </c>
      <c r="BZ30" s="118">
        <v>153008</v>
      </c>
      <c r="CA30" s="112">
        <v>0</v>
      </c>
      <c r="CB30" s="116">
        <v>0</v>
      </c>
      <c r="CC30" s="115">
        <v>0</v>
      </c>
      <c r="CD30" s="112">
        <v>0</v>
      </c>
      <c r="CE30" s="116">
        <v>411271</v>
      </c>
      <c r="CF30" s="116">
        <v>393144</v>
      </c>
      <c r="CG30" s="116">
        <v>65232</v>
      </c>
      <c r="CH30" s="116">
        <v>397320</v>
      </c>
      <c r="CI30" s="116">
        <v>103734</v>
      </c>
      <c r="CJ30" s="115">
        <v>1370701</v>
      </c>
      <c r="CK30" s="118">
        <v>1370701</v>
      </c>
      <c r="CL30" s="112">
        <v>0</v>
      </c>
      <c r="CM30" s="116">
        <v>0</v>
      </c>
      <c r="CN30" s="115">
        <v>0</v>
      </c>
      <c r="CO30" s="113">
        <v>0</v>
      </c>
      <c r="CP30" s="116">
        <v>314354</v>
      </c>
      <c r="CQ30" s="116">
        <v>217914</v>
      </c>
      <c r="CR30" s="116">
        <v>0</v>
      </c>
      <c r="CS30" s="116">
        <v>316424</v>
      </c>
      <c r="CT30" s="116">
        <v>53770</v>
      </c>
      <c r="CU30" s="115">
        <v>902462</v>
      </c>
      <c r="CV30" s="118">
        <v>902462</v>
      </c>
      <c r="CW30" s="112">
        <v>0</v>
      </c>
      <c r="CX30" s="116">
        <v>0</v>
      </c>
      <c r="CY30" s="115">
        <v>0</v>
      </c>
      <c r="CZ30" s="112">
        <v>0</v>
      </c>
      <c r="DA30" s="116">
        <v>96917</v>
      </c>
      <c r="DB30" s="116">
        <v>175230</v>
      </c>
      <c r="DC30" s="116">
        <v>65232</v>
      </c>
      <c r="DD30" s="116">
        <v>80896</v>
      </c>
      <c r="DE30" s="116">
        <v>49964</v>
      </c>
      <c r="DF30" s="115">
        <v>468239</v>
      </c>
      <c r="DG30" s="118">
        <v>468239</v>
      </c>
      <c r="DH30" s="112">
        <v>0</v>
      </c>
      <c r="DI30" s="116">
        <v>0</v>
      </c>
      <c r="DJ30" s="114">
        <v>0</v>
      </c>
      <c r="DK30" s="113">
        <v>0</v>
      </c>
      <c r="DL30" s="116">
        <v>79707</v>
      </c>
      <c r="DM30" s="116">
        <v>0</v>
      </c>
      <c r="DN30" s="116">
        <v>49508</v>
      </c>
      <c r="DO30" s="116">
        <v>53382</v>
      </c>
      <c r="DP30" s="116">
        <v>164532</v>
      </c>
      <c r="DQ30" s="115">
        <v>347129</v>
      </c>
      <c r="DR30" s="118">
        <v>347129</v>
      </c>
      <c r="DS30" s="112">
        <v>0</v>
      </c>
      <c r="DT30" s="116">
        <v>0</v>
      </c>
      <c r="DU30" s="115">
        <v>0</v>
      </c>
      <c r="DV30" s="112">
        <v>0</v>
      </c>
      <c r="DW30" s="116">
        <v>79707</v>
      </c>
      <c r="DX30" s="116">
        <v>0</v>
      </c>
      <c r="DY30" s="116">
        <v>49508</v>
      </c>
      <c r="DZ30" s="116">
        <v>53382</v>
      </c>
      <c r="EA30" s="116">
        <v>0</v>
      </c>
      <c r="EB30" s="115">
        <v>182597</v>
      </c>
      <c r="EC30" s="118">
        <v>182597</v>
      </c>
      <c r="ED30" s="112">
        <v>0</v>
      </c>
      <c r="EE30" s="114">
        <v>0</v>
      </c>
      <c r="EF30" s="115">
        <v>0</v>
      </c>
      <c r="EG30" s="112">
        <v>0</v>
      </c>
      <c r="EH30" s="116">
        <v>0</v>
      </c>
      <c r="EI30" s="116">
        <v>0</v>
      </c>
      <c r="EJ30" s="116">
        <v>0</v>
      </c>
      <c r="EK30" s="116">
        <v>0</v>
      </c>
      <c r="EL30" s="116">
        <v>164532</v>
      </c>
      <c r="EM30" s="114">
        <v>164532</v>
      </c>
      <c r="EN30" s="118">
        <v>164532</v>
      </c>
      <c r="EO30" s="112">
        <v>0</v>
      </c>
      <c r="EP30" s="116">
        <v>0</v>
      </c>
      <c r="EQ30" s="114">
        <v>0</v>
      </c>
      <c r="ER30" s="113">
        <v>0</v>
      </c>
      <c r="ES30" s="116">
        <v>0</v>
      </c>
      <c r="ET30" s="116">
        <v>0</v>
      </c>
      <c r="EU30" s="116">
        <v>0</v>
      </c>
      <c r="EV30" s="116">
        <v>0</v>
      </c>
      <c r="EW30" s="116">
        <v>0</v>
      </c>
      <c r="EX30" s="115">
        <v>0</v>
      </c>
      <c r="EY30" s="118">
        <v>0</v>
      </c>
      <c r="EZ30" s="112">
        <v>0</v>
      </c>
      <c r="FA30" s="116">
        <v>0</v>
      </c>
      <c r="FB30" s="114">
        <v>0</v>
      </c>
      <c r="FC30" s="390"/>
      <c r="FD30" s="116">
        <v>0</v>
      </c>
      <c r="FE30" s="116">
        <v>0</v>
      </c>
      <c r="FF30" s="116">
        <v>0</v>
      </c>
      <c r="FG30" s="116">
        <v>0</v>
      </c>
      <c r="FH30" s="116">
        <v>0</v>
      </c>
      <c r="FI30" s="115">
        <v>0</v>
      </c>
      <c r="FJ30" s="118">
        <v>0</v>
      </c>
      <c r="FK30" s="112">
        <v>3872</v>
      </c>
      <c r="FL30" s="116">
        <v>40880</v>
      </c>
      <c r="FM30" s="115">
        <v>44752</v>
      </c>
      <c r="FN30" s="112">
        <v>0</v>
      </c>
      <c r="FO30" s="116">
        <v>61040</v>
      </c>
      <c r="FP30" s="116">
        <v>104192</v>
      </c>
      <c r="FQ30" s="116">
        <v>39984</v>
      </c>
      <c r="FR30" s="116">
        <v>101344</v>
      </c>
      <c r="FS30" s="116">
        <v>86240</v>
      </c>
      <c r="FT30" s="115">
        <v>392800</v>
      </c>
      <c r="FU30" s="118">
        <v>437552</v>
      </c>
      <c r="FV30" s="117">
        <v>3872</v>
      </c>
      <c r="FW30" s="116">
        <v>5680</v>
      </c>
      <c r="FX30" s="114">
        <v>9552</v>
      </c>
      <c r="FY30" s="113">
        <v>0</v>
      </c>
      <c r="FZ30" s="116">
        <v>61040</v>
      </c>
      <c r="GA30" s="116">
        <v>104192</v>
      </c>
      <c r="GB30" s="116">
        <v>39984</v>
      </c>
      <c r="GC30" s="116">
        <v>101344</v>
      </c>
      <c r="GD30" s="116">
        <v>86240</v>
      </c>
      <c r="GE30" s="115">
        <v>392800</v>
      </c>
      <c r="GF30" s="354">
        <v>402352</v>
      </c>
      <c r="GG30" s="117">
        <v>0</v>
      </c>
      <c r="GH30" s="116">
        <v>0</v>
      </c>
      <c r="GI30" s="114">
        <v>0</v>
      </c>
      <c r="GJ30" s="113">
        <v>0</v>
      </c>
      <c r="GK30" s="116">
        <v>0</v>
      </c>
      <c r="GL30" s="116">
        <v>0</v>
      </c>
      <c r="GM30" s="116">
        <v>0</v>
      </c>
      <c r="GN30" s="116">
        <v>0</v>
      </c>
      <c r="GO30" s="116">
        <v>0</v>
      </c>
      <c r="GP30" s="115">
        <v>0</v>
      </c>
      <c r="GQ30" s="118">
        <v>0</v>
      </c>
      <c r="GR30" s="112">
        <v>0</v>
      </c>
      <c r="GS30" s="116">
        <v>35200</v>
      </c>
      <c r="GT30" s="115">
        <v>35200</v>
      </c>
      <c r="GU30" s="112">
        <v>0</v>
      </c>
      <c r="GV30" s="116">
        <v>0</v>
      </c>
      <c r="GW30" s="116">
        <v>0</v>
      </c>
      <c r="GX30" s="116">
        <v>0</v>
      </c>
      <c r="GY30" s="116">
        <v>0</v>
      </c>
      <c r="GZ30" s="116">
        <v>0</v>
      </c>
      <c r="HA30" s="114">
        <v>0</v>
      </c>
      <c r="HB30" s="118">
        <v>35200</v>
      </c>
      <c r="HC30" s="112">
        <v>0</v>
      </c>
      <c r="HD30" s="116">
        <v>90605</v>
      </c>
      <c r="HE30" s="114">
        <v>90605</v>
      </c>
      <c r="HF30" s="113">
        <v>0</v>
      </c>
      <c r="HG30" s="116">
        <v>718177</v>
      </c>
      <c r="HH30" s="116">
        <v>0</v>
      </c>
      <c r="HI30" s="116">
        <v>198457</v>
      </c>
      <c r="HJ30" s="116">
        <v>423350</v>
      </c>
      <c r="HK30" s="116">
        <v>0</v>
      </c>
      <c r="HL30" s="115">
        <v>1339984</v>
      </c>
      <c r="HM30" s="111">
        <v>1430589</v>
      </c>
      <c r="HN30" s="370"/>
      <c r="HO30" s="371"/>
      <c r="HP30" s="372"/>
      <c r="HQ30" s="373"/>
      <c r="HR30" s="371"/>
      <c r="HS30" s="371"/>
      <c r="HT30" s="371"/>
      <c r="HU30" s="371"/>
      <c r="HV30" s="371"/>
      <c r="HW30" s="374"/>
      <c r="HX30" s="375"/>
      <c r="HY30" s="167">
        <v>0</v>
      </c>
      <c r="HZ30" s="152">
        <v>0</v>
      </c>
      <c r="IA30" s="167">
        <v>0</v>
      </c>
      <c r="IB30" s="151">
        <v>0</v>
      </c>
      <c r="IC30" s="152">
        <v>250060</v>
      </c>
      <c r="ID30" s="153">
        <v>38881</v>
      </c>
      <c r="IE30" s="154">
        <v>0</v>
      </c>
      <c r="IF30" s="152">
        <v>95321</v>
      </c>
      <c r="IG30" s="154">
        <v>0</v>
      </c>
      <c r="IH30" s="155">
        <v>384262</v>
      </c>
      <c r="II30" s="167">
        <v>384262</v>
      </c>
      <c r="IJ30" s="261">
        <v>0</v>
      </c>
      <c r="IK30" s="268">
        <v>0</v>
      </c>
      <c r="IL30" s="269">
        <v>0</v>
      </c>
      <c r="IM30" s="157"/>
      <c r="IN30" s="122">
        <v>0</v>
      </c>
      <c r="IO30" s="122">
        <v>0</v>
      </c>
      <c r="IP30" s="122">
        <v>0</v>
      </c>
      <c r="IQ30" s="122">
        <v>0</v>
      </c>
      <c r="IR30" s="122">
        <v>0</v>
      </c>
      <c r="IS30" s="158">
        <v>0</v>
      </c>
      <c r="IT30" s="357">
        <v>0</v>
      </c>
      <c r="IU30" s="159">
        <v>0</v>
      </c>
      <c r="IV30" s="122">
        <v>0</v>
      </c>
      <c r="IW30" s="123">
        <v>0</v>
      </c>
      <c r="IX30" s="161"/>
      <c r="IY30" s="122">
        <v>0</v>
      </c>
      <c r="IZ30" s="122">
        <v>0</v>
      </c>
      <c r="JA30" s="122">
        <v>0</v>
      </c>
      <c r="JB30" s="122">
        <v>0</v>
      </c>
      <c r="JC30" s="122">
        <v>0</v>
      </c>
      <c r="JD30" s="123">
        <v>0</v>
      </c>
      <c r="JE30" s="124">
        <v>0</v>
      </c>
      <c r="JF30" s="159">
        <v>0</v>
      </c>
      <c r="JG30" s="122">
        <v>0</v>
      </c>
      <c r="JH30" s="158">
        <v>0</v>
      </c>
      <c r="JI30" s="121">
        <v>0</v>
      </c>
      <c r="JJ30" s="122">
        <v>250060</v>
      </c>
      <c r="JK30" s="122">
        <v>38881</v>
      </c>
      <c r="JL30" s="122">
        <v>0</v>
      </c>
      <c r="JM30" s="122">
        <v>95321</v>
      </c>
      <c r="JN30" s="122">
        <v>0</v>
      </c>
      <c r="JO30" s="123">
        <v>384262</v>
      </c>
      <c r="JP30" s="357">
        <v>384262</v>
      </c>
      <c r="JQ30" s="159">
        <v>0</v>
      </c>
      <c r="JR30" s="122">
        <v>0</v>
      </c>
      <c r="JS30" s="158">
        <v>0</v>
      </c>
      <c r="JT30" s="121">
        <v>0</v>
      </c>
      <c r="JU30" s="122">
        <v>0</v>
      </c>
      <c r="JV30" s="122">
        <v>0</v>
      </c>
      <c r="JW30" s="122">
        <v>0</v>
      </c>
      <c r="JX30" s="122">
        <v>0</v>
      </c>
      <c r="JY30" s="122">
        <v>0</v>
      </c>
      <c r="JZ30" s="123">
        <v>0</v>
      </c>
      <c r="KA30" s="357">
        <v>0</v>
      </c>
      <c r="KB30" s="264">
        <v>0</v>
      </c>
      <c r="KC30" s="258">
        <v>0</v>
      </c>
      <c r="KD30" s="123">
        <v>0</v>
      </c>
      <c r="KE30" s="121">
        <v>0</v>
      </c>
      <c r="KF30" s="122">
        <v>0</v>
      </c>
      <c r="KG30" s="122">
        <v>0</v>
      </c>
      <c r="KH30" s="122">
        <v>0</v>
      </c>
      <c r="KI30" s="122">
        <v>0</v>
      </c>
      <c r="KJ30" s="122">
        <v>0</v>
      </c>
      <c r="KK30" s="123">
        <v>0</v>
      </c>
      <c r="KL30" s="160">
        <v>0</v>
      </c>
      <c r="KM30" s="261">
        <v>0</v>
      </c>
      <c r="KN30" s="268">
        <v>0</v>
      </c>
      <c r="KO30" s="269">
        <v>0</v>
      </c>
      <c r="KP30" s="157"/>
      <c r="KQ30" s="122">
        <v>0</v>
      </c>
      <c r="KR30" s="122">
        <v>0</v>
      </c>
      <c r="KS30" s="122">
        <v>0</v>
      </c>
      <c r="KT30" s="122">
        <v>0</v>
      </c>
      <c r="KU30" s="122">
        <v>0</v>
      </c>
      <c r="KV30" s="123">
        <v>0</v>
      </c>
      <c r="KW30" s="357">
        <v>0</v>
      </c>
      <c r="KX30" s="159">
        <v>0</v>
      </c>
      <c r="KY30" s="122">
        <v>0</v>
      </c>
      <c r="KZ30" s="123">
        <v>0</v>
      </c>
      <c r="LA30" s="162"/>
      <c r="LB30" s="122">
        <v>0</v>
      </c>
      <c r="LC30" s="122">
        <v>0</v>
      </c>
      <c r="LD30" s="122">
        <v>0</v>
      </c>
      <c r="LE30" s="122">
        <v>0</v>
      </c>
      <c r="LF30" s="122">
        <v>0</v>
      </c>
      <c r="LG30" s="123">
        <v>0</v>
      </c>
      <c r="LH30" s="124">
        <v>0</v>
      </c>
      <c r="LI30" s="159">
        <v>0</v>
      </c>
      <c r="LJ30" s="122">
        <v>0</v>
      </c>
      <c r="LK30" s="123">
        <v>0</v>
      </c>
      <c r="LL30" s="162"/>
      <c r="LM30" s="122">
        <v>0</v>
      </c>
      <c r="LN30" s="122">
        <v>0</v>
      </c>
      <c r="LO30" s="122">
        <v>0</v>
      </c>
      <c r="LP30" s="122">
        <v>0</v>
      </c>
      <c r="LQ30" s="122">
        <v>0</v>
      </c>
      <c r="LR30" s="123">
        <v>0</v>
      </c>
      <c r="LS30" s="357">
        <v>0</v>
      </c>
      <c r="LT30" s="159">
        <v>0</v>
      </c>
      <c r="LU30" s="122">
        <v>0</v>
      </c>
      <c r="LV30" s="123">
        <v>0</v>
      </c>
      <c r="LW30" s="162"/>
      <c r="LX30" s="122">
        <v>0</v>
      </c>
      <c r="LY30" s="122">
        <v>0</v>
      </c>
      <c r="LZ30" s="122">
        <v>0</v>
      </c>
      <c r="MA30" s="122">
        <v>0</v>
      </c>
      <c r="MB30" s="122">
        <v>0</v>
      </c>
      <c r="MC30" s="123">
        <v>0</v>
      </c>
      <c r="MD30" s="124">
        <v>0</v>
      </c>
      <c r="ME30" s="159">
        <v>0</v>
      </c>
      <c r="MF30" s="122">
        <v>0</v>
      </c>
      <c r="MG30" s="123">
        <v>0</v>
      </c>
      <c r="MH30" s="162"/>
      <c r="MI30" s="122">
        <v>701002</v>
      </c>
      <c r="MJ30" s="122">
        <v>0</v>
      </c>
      <c r="MK30" s="122">
        <v>1553358</v>
      </c>
      <c r="ML30" s="122">
        <v>795219</v>
      </c>
      <c r="MM30" s="122">
        <v>557159</v>
      </c>
      <c r="MN30" s="123">
        <v>3606738</v>
      </c>
      <c r="MO30" s="160">
        <v>3606738</v>
      </c>
      <c r="MP30" s="159">
        <v>0</v>
      </c>
      <c r="MQ30" s="122">
        <v>0</v>
      </c>
      <c r="MR30" s="123">
        <v>0</v>
      </c>
      <c r="MS30" s="162"/>
      <c r="MT30" s="122">
        <v>188308</v>
      </c>
      <c r="MU30" s="122">
        <v>0</v>
      </c>
      <c r="MV30" s="122">
        <v>1434346</v>
      </c>
      <c r="MW30" s="122">
        <v>513797</v>
      </c>
      <c r="MX30" s="122">
        <v>261199</v>
      </c>
      <c r="MY30" s="123">
        <v>2397650</v>
      </c>
      <c r="MZ30" s="160">
        <v>2397650</v>
      </c>
      <c r="NA30" s="159">
        <v>0</v>
      </c>
      <c r="NB30" s="122">
        <v>0</v>
      </c>
      <c r="NC30" s="123">
        <v>0</v>
      </c>
      <c r="ND30" s="162"/>
      <c r="NE30" s="122">
        <v>512694</v>
      </c>
      <c r="NF30" s="122">
        <v>0</v>
      </c>
      <c r="NG30" s="122">
        <v>119012</v>
      </c>
      <c r="NH30" s="122">
        <v>281422</v>
      </c>
      <c r="NI30" s="122">
        <v>295960</v>
      </c>
      <c r="NJ30" s="123">
        <v>1209088</v>
      </c>
      <c r="NK30" s="357">
        <v>1209088</v>
      </c>
      <c r="NL30" s="159">
        <v>0</v>
      </c>
      <c r="NM30" s="122">
        <v>0</v>
      </c>
      <c r="NN30" s="123">
        <v>0</v>
      </c>
      <c r="NO30" s="162"/>
      <c r="NP30" s="122">
        <v>0</v>
      </c>
      <c r="NQ30" s="122">
        <v>0</v>
      </c>
      <c r="NR30" s="122">
        <v>0</v>
      </c>
      <c r="NS30" s="122">
        <v>0</v>
      </c>
      <c r="NT30" s="122">
        <v>0</v>
      </c>
      <c r="NU30" s="123">
        <v>0</v>
      </c>
      <c r="NV30" s="124">
        <v>0</v>
      </c>
      <c r="NW30" s="159">
        <v>0</v>
      </c>
      <c r="NX30" s="122">
        <v>0</v>
      </c>
      <c r="NY30" s="123">
        <v>0</v>
      </c>
      <c r="NZ30" s="162"/>
      <c r="OA30" s="122">
        <v>0</v>
      </c>
      <c r="OB30" s="122">
        <v>0</v>
      </c>
      <c r="OC30" s="122">
        <v>0</v>
      </c>
      <c r="OD30" s="122">
        <v>0</v>
      </c>
      <c r="OE30" s="122">
        <v>0</v>
      </c>
      <c r="OF30" s="123">
        <v>0</v>
      </c>
      <c r="OG30" s="124">
        <v>0</v>
      </c>
      <c r="OH30" s="159">
        <v>3872</v>
      </c>
      <c r="OI30" s="122">
        <v>251919</v>
      </c>
      <c r="OJ30" s="158">
        <v>255791</v>
      </c>
      <c r="OK30" s="121">
        <v>0</v>
      </c>
      <c r="OL30" s="122">
        <v>2642268</v>
      </c>
      <c r="OM30" s="122">
        <v>882853</v>
      </c>
      <c r="ON30" s="122">
        <v>2126687</v>
      </c>
      <c r="OO30" s="122">
        <v>2342514</v>
      </c>
      <c r="OP30" s="122">
        <v>1181344</v>
      </c>
      <c r="OQ30" s="123">
        <v>9175666</v>
      </c>
      <c r="OR30" s="160">
        <v>9431457</v>
      </c>
    </row>
    <row r="31" spans="1:408" ht="20.25" customHeight="1" x14ac:dyDescent="0.2">
      <c r="A31" s="129" t="s">
        <v>26</v>
      </c>
      <c r="B31" s="112">
        <v>105957</v>
      </c>
      <c r="C31" s="116">
        <v>141443</v>
      </c>
      <c r="D31" s="115">
        <v>247400</v>
      </c>
      <c r="E31" s="111">
        <v>0</v>
      </c>
      <c r="F31" s="116">
        <v>1153455</v>
      </c>
      <c r="G31" s="116">
        <v>2189311</v>
      </c>
      <c r="H31" s="116">
        <v>1668145</v>
      </c>
      <c r="I31" s="116">
        <v>1068612</v>
      </c>
      <c r="J31" s="116">
        <v>1048513</v>
      </c>
      <c r="K31" s="200">
        <v>7128036</v>
      </c>
      <c r="L31" s="118">
        <v>7375436</v>
      </c>
      <c r="M31" s="112">
        <v>17048</v>
      </c>
      <c r="N31" s="116">
        <v>34907</v>
      </c>
      <c r="O31" s="115">
        <v>51955</v>
      </c>
      <c r="P31" s="112">
        <v>0</v>
      </c>
      <c r="Q31" s="116">
        <v>365249</v>
      </c>
      <c r="R31" s="116">
        <v>703049</v>
      </c>
      <c r="S31" s="116">
        <v>817706</v>
      </c>
      <c r="T31" s="116">
        <v>744893</v>
      </c>
      <c r="U31" s="116">
        <v>620489</v>
      </c>
      <c r="V31" s="115">
        <v>3251386</v>
      </c>
      <c r="W31" s="118">
        <v>3303341</v>
      </c>
      <c r="X31" s="112">
        <v>0</v>
      </c>
      <c r="Y31" s="116">
        <v>0</v>
      </c>
      <c r="Z31" s="115">
        <v>0</v>
      </c>
      <c r="AA31" s="112">
        <v>0</v>
      </c>
      <c r="AB31" s="116">
        <v>116370</v>
      </c>
      <c r="AC31" s="116">
        <v>543115</v>
      </c>
      <c r="AD31" s="116">
        <v>360209</v>
      </c>
      <c r="AE31" s="116">
        <v>515251</v>
      </c>
      <c r="AF31" s="116">
        <v>288046</v>
      </c>
      <c r="AG31" s="115">
        <v>1822991</v>
      </c>
      <c r="AH31" s="118">
        <v>1822991</v>
      </c>
      <c r="AI31" s="112">
        <v>0</v>
      </c>
      <c r="AJ31" s="116">
        <v>0</v>
      </c>
      <c r="AK31" s="115">
        <v>0</v>
      </c>
      <c r="AL31" s="112">
        <v>0</v>
      </c>
      <c r="AM31" s="116">
        <v>0</v>
      </c>
      <c r="AN31" s="116">
        <v>0</v>
      </c>
      <c r="AO31" s="116">
        <v>36558</v>
      </c>
      <c r="AP31" s="116">
        <v>129468</v>
      </c>
      <c r="AQ31" s="116">
        <v>92584</v>
      </c>
      <c r="AR31" s="115">
        <v>258610</v>
      </c>
      <c r="AS31" s="118">
        <v>258610</v>
      </c>
      <c r="AT31" s="112">
        <v>0</v>
      </c>
      <c r="AU31" s="116">
        <v>28411</v>
      </c>
      <c r="AV31" s="115">
        <v>28411</v>
      </c>
      <c r="AW31" s="112">
        <v>0</v>
      </c>
      <c r="AX31" s="116">
        <v>199903</v>
      </c>
      <c r="AY31" s="116">
        <v>88034</v>
      </c>
      <c r="AZ31" s="116">
        <v>252708</v>
      </c>
      <c r="BA31" s="116">
        <v>73606</v>
      </c>
      <c r="BB31" s="116">
        <v>222011</v>
      </c>
      <c r="BC31" s="115">
        <v>836262</v>
      </c>
      <c r="BD31" s="118">
        <v>864673</v>
      </c>
      <c r="BE31" s="112">
        <v>0</v>
      </c>
      <c r="BF31" s="116">
        <v>0</v>
      </c>
      <c r="BG31" s="114">
        <v>0</v>
      </c>
      <c r="BH31" s="113">
        <v>0</v>
      </c>
      <c r="BI31" s="116">
        <v>0</v>
      </c>
      <c r="BJ31" s="116">
        <v>23700</v>
      </c>
      <c r="BK31" s="116">
        <v>77015</v>
      </c>
      <c r="BL31" s="116">
        <v>0</v>
      </c>
      <c r="BM31" s="116">
        <v>0</v>
      </c>
      <c r="BN31" s="115">
        <v>100715</v>
      </c>
      <c r="BO31" s="118">
        <v>100715</v>
      </c>
      <c r="BP31" s="112">
        <v>17048</v>
      </c>
      <c r="BQ31" s="116">
        <v>6496</v>
      </c>
      <c r="BR31" s="115">
        <v>23544</v>
      </c>
      <c r="BS31" s="112">
        <v>0</v>
      </c>
      <c r="BT31" s="116">
        <v>48976</v>
      </c>
      <c r="BU31" s="116">
        <v>48200</v>
      </c>
      <c r="BV31" s="116">
        <v>91216</v>
      </c>
      <c r="BW31" s="116">
        <v>26568</v>
      </c>
      <c r="BX31" s="116">
        <v>17848</v>
      </c>
      <c r="BY31" s="115">
        <v>232808</v>
      </c>
      <c r="BZ31" s="118">
        <v>256352</v>
      </c>
      <c r="CA31" s="112">
        <v>20717</v>
      </c>
      <c r="CB31" s="116">
        <v>39832</v>
      </c>
      <c r="CC31" s="115">
        <v>60549</v>
      </c>
      <c r="CD31" s="112">
        <v>0</v>
      </c>
      <c r="CE31" s="116">
        <v>365245</v>
      </c>
      <c r="CF31" s="116">
        <v>883697</v>
      </c>
      <c r="CG31" s="116">
        <v>417748</v>
      </c>
      <c r="CH31" s="116">
        <v>29938</v>
      </c>
      <c r="CI31" s="116">
        <v>364144</v>
      </c>
      <c r="CJ31" s="115">
        <v>2060772</v>
      </c>
      <c r="CK31" s="118">
        <v>2121321</v>
      </c>
      <c r="CL31" s="112">
        <v>0</v>
      </c>
      <c r="CM31" s="116">
        <v>0</v>
      </c>
      <c r="CN31" s="115">
        <v>0</v>
      </c>
      <c r="CO31" s="113">
        <v>0</v>
      </c>
      <c r="CP31" s="116">
        <v>365245</v>
      </c>
      <c r="CQ31" s="116">
        <v>671205</v>
      </c>
      <c r="CR31" s="116">
        <v>196605</v>
      </c>
      <c r="CS31" s="116">
        <v>29938</v>
      </c>
      <c r="CT31" s="116">
        <v>364144</v>
      </c>
      <c r="CU31" s="115">
        <v>1627137</v>
      </c>
      <c r="CV31" s="118">
        <v>1627137</v>
      </c>
      <c r="CW31" s="112">
        <v>20717</v>
      </c>
      <c r="CX31" s="116">
        <v>39832</v>
      </c>
      <c r="CY31" s="115">
        <v>60549</v>
      </c>
      <c r="CZ31" s="112">
        <v>0</v>
      </c>
      <c r="DA31" s="116">
        <v>0</v>
      </c>
      <c r="DB31" s="116">
        <v>212492</v>
      </c>
      <c r="DC31" s="116">
        <v>221143</v>
      </c>
      <c r="DD31" s="116">
        <v>0</v>
      </c>
      <c r="DE31" s="116">
        <v>0</v>
      </c>
      <c r="DF31" s="115">
        <v>433635</v>
      </c>
      <c r="DG31" s="118">
        <v>494184</v>
      </c>
      <c r="DH31" s="112">
        <v>0</v>
      </c>
      <c r="DI31" s="116">
        <v>0</v>
      </c>
      <c r="DJ31" s="114">
        <v>0</v>
      </c>
      <c r="DK31" s="113">
        <v>0</v>
      </c>
      <c r="DL31" s="116">
        <v>34097</v>
      </c>
      <c r="DM31" s="116">
        <v>201393</v>
      </c>
      <c r="DN31" s="116">
        <v>36963</v>
      </c>
      <c r="DO31" s="116">
        <v>124101</v>
      </c>
      <c r="DP31" s="116">
        <v>0</v>
      </c>
      <c r="DQ31" s="115">
        <v>396554</v>
      </c>
      <c r="DR31" s="118">
        <v>396554</v>
      </c>
      <c r="DS31" s="112">
        <v>0</v>
      </c>
      <c r="DT31" s="116">
        <v>0</v>
      </c>
      <c r="DU31" s="115">
        <v>0</v>
      </c>
      <c r="DV31" s="112">
        <v>0</v>
      </c>
      <c r="DW31" s="116">
        <v>34097</v>
      </c>
      <c r="DX31" s="116">
        <v>201393</v>
      </c>
      <c r="DY31" s="116">
        <v>0</v>
      </c>
      <c r="DZ31" s="116">
        <v>124101</v>
      </c>
      <c r="EA31" s="116">
        <v>0</v>
      </c>
      <c r="EB31" s="115">
        <v>359591</v>
      </c>
      <c r="EC31" s="118">
        <v>359591</v>
      </c>
      <c r="ED31" s="112">
        <v>0</v>
      </c>
      <c r="EE31" s="114">
        <v>0</v>
      </c>
      <c r="EF31" s="115">
        <v>0</v>
      </c>
      <c r="EG31" s="112">
        <v>0</v>
      </c>
      <c r="EH31" s="116">
        <v>0</v>
      </c>
      <c r="EI31" s="116">
        <v>0</v>
      </c>
      <c r="EJ31" s="116">
        <v>36963</v>
      </c>
      <c r="EK31" s="116">
        <v>0</v>
      </c>
      <c r="EL31" s="116">
        <v>0</v>
      </c>
      <c r="EM31" s="114">
        <v>36963</v>
      </c>
      <c r="EN31" s="118">
        <v>36963</v>
      </c>
      <c r="EO31" s="112">
        <v>0</v>
      </c>
      <c r="EP31" s="116">
        <v>0</v>
      </c>
      <c r="EQ31" s="114">
        <v>0</v>
      </c>
      <c r="ER31" s="113">
        <v>0</v>
      </c>
      <c r="ES31" s="116">
        <v>0</v>
      </c>
      <c r="ET31" s="116">
        <v>0</v>
      </c>
      <c r="EU31" s="116">
        <v>0</v>
      </c>
      <c r="EV31" s="116">
        <v>0</v>
      </c>
      <c r="EW31" s="116">
        <v>0</v>
      </c>
      <c r="EX31" s="115">
        <v>0</v>
      </c>
      <c r="EY31" s="118">
        <v>0</v>
      </c>
      <c r="EZ31" s="112">
        <v>0</v>
      </c>
      <c r="FA31" s="116">
        <v>0</v>
      </c>
      <c r="FB31" s="114">
        <v>0</v>
      </c>
      <c r="FC31" s="390"/>
      <c r="FD31" s="116">
        <v>0</v>
      </c>
      <c r="FE31" s="116">
        <v>0</v>
      </c>
      <c r="FF31" s="116">
        <v>0</v>
      </c>
      <c r="FG31" s="116">
        <v>0</v>
      </c>
      <c r="FH31" s="116">
        <v>0</v>
      </c>
      <c r="FI31" s="115">
        <v>0</v>
      </c>
      <c r="FJ31" s="118">
        <v>0</v>
      </c>
      <c r="FK31" s="112">
        <v>68192</v>
      </c>
      <c r="FL31" s="116">
        <v>66704</v>
      </c>
      <c r="FM31" s="115">
        <v>134896</v>
      </c>
      <c r="FN31" s="112">
        <v>0</v>
      </c>
      <c r="FO31" s="116">
        <v>74280</v>
      </c>
      <c r="FP31" s="116">
        <v>214936</v>
      </c>
      <c r="FQ31" s="116">
        <v>395728</v>
      </c>
      <c r="FR31" s="116">
        <v>169680</v>
      </c>
      <c r="FS31" s="116">
        <v>63880</v>
      </c>
      <c r="FT31" s="115">
        <v>918504</v>
      </c>
      <c r="FU31" s="118">
        <v>1053400</v>
      </c>
      <c r="FV31" s="117">
        <v>8000</v>
      </c>
      <c r="FW31" s="116">
        <v>18704</v>
      </c>
      <c r="FX31" s="114">
        <v>26704</v>
      </c>
      <c r="FY31" s="113">
        <v>0</v>
      </c>
      <c r="FZ31" s="116">
        <v>74280</v>
      </c>
      <c r="GA31" s="116">
        <v>178680</v>
      </c>
      <c r="GB31" s="116">
        <v>275872</v>
      </c>
      <c r="GC31" s="116">
        <v>125328</v>
      </c>
      <c r="GD31" s="116">
        <v>63880</v>
      </c>
      <c r="GE31" s="115">
        <v>718040</v>
      </c>
      <c r="GF31" s="354">
        <v>744744</v>
      </c>
      <c r="GG31" s="117">
        <v>60192</v>
      </c>
      <c r="GH31" s="116">
        <v>0</v>
      </c>
      <c r="GI31" s="114">
        <v>60192</v>
      </c>
      <c r="GJ31" s="113">
        <v>0</v>
      </c>
      <c r="GK31" s="116">
        <v>0</v>
      </c>
      <c r="GL31" s="116">
        <v>36256</v>
      </c>
      <c r="GM31" s="116">
        <v>16896</v>
      </c>
      <c r="GN31" s="116">
        <v>44352</v>
      </c>
      <c r="GO31" s="116">
        <v>0</v>
      </c>
      <c r="GP31" s="115">
        <v>97504</v>
      </c>
      <c r="GQ31" s="118">
        <v>157696</v>
      </c>
      <c r="GR31" s="112">
        <v>0</v>
      </c>
      <c r="GS31" s="116">
        <v>48000</v>
      </c>
      <c r="GT31" s="115">
        <v>48000</v>
      </c>
      <c r="GU31" s="112">
        <v>0</v>
      </c>
      <c r="GV31" s="116">
        <v>0</v>
      </c>
      <c r="GW31" s="116">
        <v>0</v>
      </c>
      <c r="GX31" s="116">
        <v>102960</v>
      </c>
      <c r="GY31" s="116">
        <v>0</v>
      </c>
      <c r="GZ31" s="116">
        <v>0</v>
      </c>
      <c r="HA31" s="114">
        <v>102960</v>
      </c>
      <c r="HB31" s="118">
        <v>150960</v>
      </c>
      <c r="HC31" s="112">
        <v>0</v>
      </c>
      <c r="HD31" s="116">
        <v>0</v>
      </c>
      <c r="HE31" s="114">
        <v>0</v>
      </c>
      <c r="HF31" s="113">
        <v>0</v>
      </c>
      <c r="HG31" s="116">
        <v>314584</v>
      </c>
      <c r="HH31" s="116">
        <v>186236</v>
      </c>
      <c r="HI31" s="116">
        <v>0</v>
      </c>
      <c r="HJ31" s="116">
        <v>0</v>
      </c>
      <c r="HK31" s="116">
        <v>0</v>
      </c>
      <c r="HL31" s="115">
        <v>500820</v>
      </c>
      <c r="HM31" s="111">
        <v>500820</v>
      </c>
      <c r="HN31" s="370"/>
      <c r="HO31" s="371"/>
      <c r="HP31" s="372"/>
      <c r="HQ31" s="373"/>
      <c r="HR31" s="371"/>
      <c r="HS31" s="371"/>
      <c r="HT31" s="371"/>
      <c r="HU31" s="371"/>
      <c r="HV31" s="371"/>
      <c r="HW31" s="374"/>
      <c r="HX31" s="375"/>
      <c r="HY31" s="148">
        <v>0</v>
      </c>
      <c r="HZ31" s="149">
        <v>0</v>
      </c>
      <c r="IA31" s="150">
        <v>0</v>
      </c>
      <c r="IB31" s="163">
        <v>0</v>
      </c>
      <c r="IC31" s="149">
        <v>173737</v>
      </c>
      <c r="ID31" s="164">
        <v>289073</v>
      </c>
      <c r="IE31" s="150">
        <v>585165</v>
      </c>
      <c r="IF31" s="149">
        <v>0</v>
      </c>
      <c r="IG31" s="150">
        <v>191341</v>
      </c>
      <c r="IH31" s="165">
        <v>1239316</v>
      </c>
      <c r="II31" s="156">
        <v>1239316</v>
      </c>
      <c r="IJ31" s="261">
        <v>0</v>
      </c>
      <c r="IK31" s="268">
        <v>0</v>
      </c>
      <c r="IL31" s="269">
        <v>0</v>
      </c>
      <c r="IM31" s="157"/>
      <c r="IN31" s="122">
        <v>0</v>
      </c>
      <c r="IO31" s="122">
        <v>0</v>
      </c>
      <c r="IP31" s="122">
        <v>0</v>
      </c>
      <c r="IQ31" s="122">
        <v>0</v>
      </c>
      <c r="IR31" s="122">
        <v>0</v>
      </c>
      <c r="IS31" s="158">
        <v>0</v>
      </c>
      <c r="IT31" s="357">
        <v>0</v>
      </c>
      <c r="IU31" s="159">
        <v>0</v>
      </c>
      <c r="IV31" s="122">
        <v>0</v>
      </c>
      <c r="IW31" s="123">
        <v>0</v>
      </c>
      <c r="IX31" s="161"/>
      <c r="IY31" s="122">
        <v>0</v>
      </c>
      <c r="IZ31" s="122">
        <v>0</v>
      </c>
      <c r="JA31" s="122">
        <v>0</v>
      </c>
      <c r="JB31" s="122">
        <v>0</v>
      </c>
      <c r="JC31" s="122">
        <v>0</v>
      </c>
      <c r="JD31" s="123">
        <v>0</v>
      </c>
      <c r="JE31" s="124">
        <v>0</v>
      </c>
      <c r="JF31" s="159">
        <v>0</v>
      </c>
      <c r="JG31" s="122">
        <v>0</v>
      </c>
      <c r="JH31" s="158">
        <v>0</v>
      </c>
      <c r="JI31" s="121">
        <v>0</v>
      </c>
      <c r="JJ31" s="122">
        <v>173737</v>
      </c>
      <c r="JK31" s="122">
        <v>289073</v>
      </c>
      <c r="JL31" s="122">
        <v>92066</v>
      </c>
      <c r="JM31" s="122">
        <v>0</v>
      </c>
      <c r="JN31" s="122">
        <v>191341</v>
      </c>
      <c r="JO31" s="123">
        <v>746217</v>
      </c>
      <c r="JP31" s="357">
        <v>746217</v>
      </c>
      <c r="JQ31" s="159">
        <v>0</v>
      </c>
      <c r="JR31" s="122">
        <v>0</v>
      </c>
      <c r="JS31" s="158">
        <v>0</v>
      </c>
      <c r="JT31" s="121">
        <v>0</v>
      </c>
      <c r="JU31" s="122">
        <v>0</v>
      </c>
      <c r="JV31" s="122">
        <v>0</v>
      </c>
      <c r="JW31" s="122">
        <v>0</v>
      </c>
      <c r="JX31" s="122">
        <v>0</v>
      </c>
      <c r="JY31" s="122">
        <v>0</v>
      </c>
      <c r="JZ31" s="123">
        <v>0</v>
      </c>
      <c r="KA31" s="357">
        <v>0</v>
      </c>
      <c r="KB31" s="264">
        <v>0</v>
      </c>
      <c r="KC31" s="258">
        <v>0</v>
      </c>
      <c r="KD31" s="123">
        <v>0</v>
      </c>
      <c r="KE31" s="121">
        <v>0</v>
      </c>
      <c r="KF31" s="122">
        <v>0</v>
      </c>
      <c r="KG31" s="122">
        <v>0</v>
      </c>
      <c r="KH31" s="122">
        <v>0</v>
      </c>
      <c r="KI31" s="122">
        <v>0</v>
      </c>
      <c r="KJ31" s="122">
        <v>0</v>
      </c>
      <c r="KK31" s="123">
        <v>0</v>
      </c>
      <c r="KL31" s="160">
        <v>0</v>
      </c>
      <c r="KM31" s="261">
        <v>0</v>
      </c>
      <c r="KN31" s="268">
        <v>0</v>
      </c>
      <c r="KO31" s="269">
        <v>0</v>
      </c>
      <c r="KP31" s="157"/>
      <c r="KQ31" s="122">
        <v>0</v>
      </c>
      <c r="KR31" s="122">
        <v>0</v>
      </c>
      <c r="KS31" s="122">
        <v>493099</v>
      </c>
      <c r="KT31" s="122">
        <v>0</v>
      </c>
      <c r="KU31" s="122">
        <v>0</v>
      </c>
      <c r="KV31" s="123">
        <v>493099</v>
      </c>
      <c r="KW31" s="357">
        <v>493099</v>
      </c>
      <c r="KX31" s="159">
        <v>0</v>
      </c>
      <c r="KY31" s="122">
        <v>0</v>
      </c>
      <c r="KZ31" s="123">
        <v>0</v>
      </c>
      <c r="LA31" s="162"/>
      <c r="LB31" s="122">
        <v>0</v>
      </c>
      <c r="LC31" s="122">
        <v>0</v>
      </c>
      <c r="LD31" s="122">
        <v>0</v>
      </c>
      <c r="LE31" s="122">
        <v>0</v>
      </c>
      <c r="LF31" s="122">
        <v>0</v>
      </c>
      <c r="LG31" s="123">
        <v>0</v>
      </c>
      <c r="LH31" s="124">
        <v>0</v>
      </c>
      <c r="LI31" s="159">
        <v>0</v>
      </c>
      <c r="LJ31" s="122">
        <v>0</v>
      </c>
      <c r="LK31" s="123">
        <v>0</v>
      </c>
      <c r="LL31" s="162"/>
      <c r="LM31" s="122">
        <v>0</v>
      </c>
      <c r="LN31" s="122">
        <v>0</v>
      </c>
      <c r="LO31" s="122">
        <v>0</v>
      </c>
      <c r="LP31" s="122">
        <v>0</v>
      </c>
      <c r="LQ31" s="122">
        <v>0</v>
      </c>
      <c r="LR31" s="123">
        <v>0</v>
      </c>
      <c r="LS31" s="357">
        <v>0</v>
      </c>
      <c r="LT31" s="159">
        <v>0</v>
      </c>
      <c r="LU31" s="122">
        <v>0</v>
      </c>
      <c r="LV31" s="123">
        <v>0</v>
      </c>
      <c r="LW31" s="162"/>
      <c r="LX31" s="122">
        <v>0</v>
      </c>
      <c r="LY31" s="122">
        <v>0</v>
      </c>
      <c r="LZ31" s="122">
        <v>0</v>
      </c>
      <c r="MA31" s="122">
        <v>0</v>
      </c>
      <c r="MB31" s="122">
        <v>0</v>
      </c>
      <c r="MC31" s="123">
        <v>0</v>
      </c>
      <c r="MD31" s="124">
        <v>0</v>
      </c>
      <c r="ME31" s="159">
        <v>0</v>
      </c>
      <c r="MF31" s="122">
        <v>0</v>
      </c>
      <c r="MG31" s="123">
        <v>0</v>
      </c>
      <c r="MH31" s="162"/>
      <c r="MI31" s="122">
        <v>0</v>
      </c>
      <c r="MJ31" s="122">
        <v>0</v>
      </c>
      <c r="MK31" s="122">
        <v>932588</v>
      </c>
      <c r="ML31" s="122">
        <v>775605</v>
      </c>
      <c r="MM31" s="122">
        <v>512676</v>
      </c>
      <c r="MN31" s="123">
        <v>2220869</v>
      </c>
      <c r="MO31" s="160">
        <v>2220869</v>
      </c>
      <c r="MP31" s="159">
        <v>0</v>
      </c>
      <c r="MQ31" s="122">
        <v>0</v>
      </c>
      <c r="MR31" s="123">
        <v>0</v>
      </c>
      <c r="MS31" s="162"/>
      <c r="MT31" s="122">
        <v>0</v>
      </c>
      <c r="MU31" s="122">
        <v>0</v>
      </c>
      <c r="MV31" s="122">
        <v>450811</v>
      </c>
      <c r="MW31" s="122">
        <v>775605</v>
      </c>
      <c r="MX31" s="122">
        <v>242428</v>
      </c>
      <c r="MY31" s="123">
        <v>1468844</v>
      </c>
      <c r="MZ31" s="160">
        <v>1468844</v>
      </c>
      <c r="NA31" s="159">
        <v>0</v>
      </c>
      <c r="NB31" s="122">
        <v>0</v>
      </c>
      <c r="NC31" s="123">
        <v>0</v>
      </c>
      <c r="ND31" s="162"/>
      <c r="NE31" s="122">
        <v>0</v>
      </c>
      <c r="NF31" s="122">
        <v>0</v>
      </c>
      <c r="NG31" s="122">
        <v>481777</v>
      </c>
      <c r="NH31" s="122">
        <v>0</v>
      </c>
      <c r="NI31" s="122">
        <v>270248</v>
      </c>
      <c r="NJ31" s="123">
        <v>752025</v>
      </c>
      <c r="NK31" s="357">
        <v>752025</v>
      </c>
      <c r="NL31" s="159">
        <v>0</v>
      </c>
      <c r="NM31" s="122">
        <v>0</v>
      </c>
      <c r="NN31" s="123">
        <v>0</v>
      </c>
      <c r="NO31" s="162"/>
      <c r="NP31" s="122">
        <v>0</v>
      </c>
      <c r="NQ31" s="122">
        <v>0</v>
      </c>
      <c r="NR31" s="122">
        <v>0</v>
      </c>
      <c r="NS31" s="122">
        <v>0</v>
      </c>
      <c r="NT31" s="122">
        <v>0</v>
      </c>
      <c r="NU31" s="123">
        <v>0</v>
      </c>
      <c r="NV31" s="124">
        <v>0</v>
      </c>
      <c r="NW31" s="159">
        <v>0</v>
      </c>
      <c r="NX31" s="122">
        <v>0</v>
      </c>
      <c r="NY31" s="123">
        <v>0</v>
      </c>
      <c r="NZ31" s="162"/>
      <c r="OA31" s="122">
        <v>0</v>
      </c>
      <c r="OB31" s="122">
        <v>0</v>
      </c>
      <c r="OC31" s="122">
        <v>0</v>
      </c>
      <c r="OD31" s="122">
        <v>0</v>
      </c>
      <c r="OE31" s="122">
        <v>0</v>
      </c>
      <c r="OF31" s="123">
        <v>0</v>
      </c>
      <c r="OG31" s="124">
        <v>0</v>
      </c>
      <c r="OH31" s="159">
        <v>105957</v>
      </c>
      <c r="OI31" s="122">
        <v>141443</v>
      </c>
      <c r="OJ31" s="158">
        <v>247400</v>
      </c>
      <c r="OK31" s="121">
        <v>0</v>
      </c>
      <c r="OL31" s="122">
        <v>1327192</v>
      </c>
      <c r="OM31" s="122">
        <v>2478384</v>
      </c>
      <c r="ON31" s="122">
        <v>3185898</v>
      </c>
      <c r="OO31" s="122">
        <v>1844217</v>
      </c>
      <c r="OP31" s="122">
        <v>1752530</v>
      </c>
      <c r="OQ31" s="123">
        <v>10588221</v>
      </c>
      <c r="OR31" s="160">
        <v>10835621</v>
      </c>
    </row>
    <row r="32" spans="1:408" ht="20.25" customHeight="1" x14ac:dyDescent="0.2">
      <c r="A32" s="129" t="s">
        <v>27</v>
      </c>
      <c r="B32" s="112">
        <v>8080</v>
      </c>
      <c r="C32" s="116">
        <v>433948</v>
      </c>
      <c r="D32" s="115">
        <v>442028</v>
      </c>
      <c r="E32" s="111">
        <v>0</v>
      </c>
      <c r="F32" s="116">
        <v>1003087</v>
      </c>
      <c r="G32" s="116">
        <v>1605351</v>
      </c>
      <c r="H32" s="116">
        <v>1725538</v>
      </c>
      <c r="I32" s="116">
        <v>2257259</v>
      </c>
      <c r="J32" s="116">
        <v>1223970</v>
      </c>
      <c r="K32" s="200">
        <v>7815205</v>
      </c>
      <c r="L32" s="118">
        <v>8257233</v>
      </c>
      <c r="M32" s="112">
        <v>0</v>
      </c>
      <c r="N32" s="116">
        <v>106396</v>
      </c>
      <c r="O32" s="115">
        <v>106396</v>
      </c>
      <c r="P32" s="112">
        <v>0</v>
      </c>
      <c r="Q32" s="116">
        <v>277467</v>
      </c>
      <c r="R32" s="116">
        <v>310553</v>
      </c>
      <c r="S32" s="116">
        <v>720245</v>
      </c>
      <c r="T32" s="116">
        <v>803479</v>
      </c>
      <c r="U32" s="116">
        <v>246776</v>
      </c>
      <c r="V32" s="115">
        <v>2358520</v>
      </c>
      <c r="W32" s="118">
        <v>2464916</v>
      </c>
      <c r="X32" s="112">
        <v>0</v>
      </c>
      <c r="Y32" s="116">
        <v>0</v>
      </c>
      <c r="Z32" s="115">
        <v>0</v>
      </c>
      <c r="AA32" s="112">
        <v>0</v>
      </c>
      <c r="AB32" s="116">
        <v>120502</v>
      </c>
      <c r="AC32" s="116">
        <v>11911</v>
      </c>
      <c r="AD32" s="116">
        <v>573321</v>
      </c>
      <c r="AE32" s="116">
        <v>469582</v>
      </c>
      <c r="AF32" s="116">
        <v>0</v>
      </c>
      <c r="AG32" s="115">
        <v>1175316</v>
      </c>
      <c r="AH32" s="118">
        <v>1175316</v>
      </c>
      <c r="AI32" s="112">
        <v>0</v>
      </c>
      <c r="AJ32" s="116">
        <v>0</v>
      </c>
      <c r="AK32" s="115">
        <v>0</v>
      </c>
      <c r="AL32" s="112">
        <v>0</v>
      </c>
      <c r="AM32" s="116">
        <v>0</v>
      </c>
      <c r="AN32" s="116">
        <v>0</v>
      </c>
      <c r="AO32" s="116">
        <v>0</v>
      </c>
      <c r="AP32" s="116">
        <v>45080</v>
      </c>
      <c r="AQ32" s="116">
        <v>46728</v>
      </c>
      <c r="AR32" s="115">
        <v>91808</v>
      </c>
      <c r="AS32" s="118">
        <v>91808</v>
      </c>
      <c r="AT32" s="112">
        <v>0</v>
      </c>
      <c r="AU32" s="116">
        <v>60301</v>
      </c>
      <c r="AV32" s="115">
        <v>60301</v>
      </c>
      <c r="AW32" s="112">
        <v>0</v>
      </c>
      <c r="AX32" s="116">
        <v>140429</v>
      </c>
      <c r="AY32" s="116">
        <v>221786</v>
      </c>
      <c r="AZ32" s="116">
        <v>82372</v>
      </c>
      <c r="BA32" s="116">
        <v>183505</v>
      </c>
      <c r="BB32" s="116">
        <v>131648</v>
      </c>
      <c r="BC32" s="115">
        <v>759740</v>
      </c>
      <c r="BD32" s="118">
        <v>820041</v>
      </c>
      <c r="BE32" s="112">
        <v>0</v>
      </c>
      <c r="BF32" s="116">
        <v>31039</v>
      </c>
      <c r="BG32" s="114">
        <v>31039</v>
      </c>
      <c r="BH32" s="113">
        <v>0</v>
      </c>
      <c r="BI32" s="116">
        <v>0</v>
      </c>
      <c r="BJ32" s="116">
        <v>0</v>
      </c>
      <c r="BK32" s="116">
        <v>0</v>
      </c>
      <c r="BL32" s="116">
        <v>0</v>
      </c>
      <c r="BM32" s="116">
        <v>0</v>
      </c>
      <c r="BN32" s="115">
        <v>0</v>
      </c>
      <c r="BO32" s="118">
        <v>31039</v>
      </c>
      <c r="BP32" s="112">
        <v>0</v>
      </c>
      <c r="BQ32" s="116">
        <v>15056</v>
      </c>
      <c r="BR32" s="115">
        <v>15056</v>
      </c>
      <c r="BS32" s="112">
        <v>0</v>
      </c>
      <c r="BT32" s="116">
        <v>16536</v>
      </c>
      <c r="BU32" s="116">
        <v>76856</v>
      </c>
      <c r="BV32" s="116">
        <v>64552</v>
      </c>
      <c r="BW32" s="116">
        <v>105312</v>
      </c>
      <c r="BX32" s="116">
        <v>68400</v>
      </c>
      <c r="BY32" s="115">
        <v>331656</v>
      </c>
      <c r="BZ32" s="118">
        <v>346712</v>
      </c>
      <c r="CA32" s="112">
        <v>0</v>
      </c>
      <c r="CB32" s="116">
        <v>79696</v>
      </c>
      <c r="CC32" s="115">
        <v>79696</v>
      </c>
      <c r="CD32" s="112">
        <v>0</v>
      </c>
      <c r="CE32" s="116">
        <v>370036</v>
      </c>
      <c r="CF32" s="116">
        <v>638185</v>
      </c>
      <c r="CG32" s="116">
        <v>600920</v>
      </c>
      <c r="CH32" s="116">
        <v>495823</v>
      </c>
      <c r="CI32" s="116">
        <v>385118</v>
      </c>
      <c r="CJ32" s="115">
        <v>2490082</v>
      </c>
      <c r="CK32" s="118">
        <v>2569778</v>
      </c>
      <c r="CL32" s="112">
        <v>0</v>
      </c>
      <c r="CM32" s="116">
        <v>0</v>
      </c>
      <c r="CN32" s="115">
        <v>0</v>
      </c>
      <c r="CO32" s="113">
        <v>0</v>
      </c>
      <c r="CP32" s="116">
        <v>343518</v>
      </c>
      <c r="CQ32" s="116">
        <v>429108</v>
      </c>
      <c r="CR32" s="116">
        <v>523827</v>
      </c>
      <c r="CS32" s="116">
        <v>475175</v>
      </c>
      <c r="CT32" s="116">
        <v>293620</v>
      </c>
      <c r="CU32" s="115">
        <v>2065248</v>
      </c>
      <c r="CV32" s="118">
        <v>2065248</v>
      </c>
      <c r="CW32" s="112">
        <v>0</v>
      </c>
      <c r="CX32" s="116">
        <v>79696</v>
      </c>
      <c r="CY32" s="115">
        <v>79696</v>
      </c>
      <c r="CZ32" s="112">
        <v>0</v>
      </c>
      <c r="DA32" s="116">
        <v>26518</v>
      </c>
      <c r="DB32" s="116">
        <v>209077</v>
      </c>
      <c r="DC32" s="116">
        <v>77093</v>
      </c>
      <c r="DD32" s="116">
        <v>20648</v>
      </c>
      <c r="DE32" s="116">
        <v>91498</v>
      </c>
      <c r="DF32" s="115">
        <v>424834</v>
      </c>
      <c r="DG32" s="118">
        <v>504530</v>
      </c>
      <c r="DH32" s="112">
        <v>0</v>
      </c>
      <c r="DI32" s="116">
        <v>0</v>
      </c>
      <c r="DJ32" s="114">
        <v>0</v>
      </c>
      <c r="DK32" s="113">
        <v>0</v>
      </c>
      <c r="DL32" s="116">
        <v>143293</v>
      </c>
      <c r="DM32" s="116">
        <v>177314</v>
      </c>
      <c r="DN32" s="116">
        <v>63925</v>
      </c>
      <c r="DO32" s="116">
        <v>0</v>
      </c>
      <c r="DP32" s="116">
        <v>28279</v>
      </c>
      <c r="DQ32" s="115">
        <v>412811</v>
      </c>
      <c r="DR32" s="118">
        <v>412811</v>
      </c>
      <c r="DS32" s="112">
        <v>0</v>
      </c>
      <c r="DT32" s="116">
        <v>0</v>
      </c>
      <c r="DU32" s="115">
        <v>0</v>
      </c>
      <c r="DV32" s="112">
        <v>0</v>
      </c>
      <c r="DW32" s="116">
        <v>143293</v>
      </c>
      <c r="DX32" s="116">
        <v>97530</v>
      </c>
      <c r="DY32" s="116">
        <v>23480</v>
      </c>
      <c r="DZ32" s="116">
        <v>0</v>
      </c>
      <c r="EA32" s="116">
        <v>28279</v>
      </c>
      <c r="EB32" s="115">
        <v>292582</v>
      </c>
      <c r="EC32" s="118">
        <v>292582</v>
      </c>
      <c r="ED32" s="112">
        <v>0</v>
      </c>
      <c r="EE32" s="114">
        <v>0</v>
      </c>
      <c r="EF32" s="115">
        <v>0</v>
      </c>
      <c r="EG32" s="112">
        <v>0</v>
      </c>
      <c r="EH32" s="116">
        <v>0</v>
      </c>
      <c r="EI32" s="116">
        <v>79784</v>
      </c>
      <c r="EJ32" s="116">
        <v>40445</v>
      </c>
      <c r="EK32" s="116">
        <v>0</v>
      </c>
      <c r="EL32" s="116">
        <v>0</v>
      </c>
      <c r="EM32" s="114">
        <v>120229</v>
      </c>
      <c r="EN32" s="118">
        <v>120229</v>
      </c>
      <c r="EO32" s="112">
        <v>0</v>
      </c>
      <c r="EP32" s="116">
        <v>0</v>
      </c>
      <c r="EQ32" s="114">
        <v>0</v>
      </c>
      <c r="ER32" s="113">
        <v>0</v>
      </c>
      <c r="ES32" s="116">
        <v>0</v>
      </c>
      <c r="ET32" s="116">
        <v>0</v>
      </c>
      <c r="EU32" s="116">
        <v>0</v>
      </c>
      <c r="EV32" s="116">
        <v>0</v>
      </c>
      <c r="EW32" s="116">
        <v>0</v>
      </c>
      <c r="EX32" s="115">
        <v>0</v>
      </c>
      <c r="EY32" s="118">
        <v>0</v>
      </c>
      <c r="EZ32" s="112">
        <v>0</v>
      </c>
      <c r="FA32" s="116">
        <v>0</v>
      </c>
      <c r="FB32" s="114">
        <v>0</v>
      </c>
      <c r="FC32" s="390"/>
      <c r="FD32" s="116">
        <v>0</v>
      </c>
      <c r="FE32" s="116">
        <v>0</v>
      </c>
      <c r="FF32" s="116">
        <v>0</v>
      </c>
      <c r="FG32" s="116">
        <v>0</v>
      </c>
      <c r="FH32" s="116">
        <v>0</v>
      </c>
      <c r="FI32" s="115">
        <v>0</v>
      </c>
      <c r="FJ32" s="118">
        <v>0</v>
      </c>
      <c r="FK32" s="112">
        <v>8080</v>
      </c>
      <c r="FL32" s="116">
        <v>153600</v>
      </c>
      <c r="FM32" s="115">
        <v>161680</v>
      </c>
      <c r="FN32" s="112">
        <v>0</v>
      </c>
      <c r="FO32" s="116">
        <v>60000</v>
      </c>
      <c r="FP32" s="116">
        <v>126888</v>
      </c>
      <c r="FQ32" s="116">
        <v>144816</v>
      </c>
      <c r="FR32" s="116">
        <v>112000</v>
      </c>
      <c r="FS32" s="116">
        <v>97080</v>
      </c>
      <c r="FT32" s="115">
        <v>540784</v>
      </c>
      <c r="FU32" s="118">
        <v>702464</v>
      </c>
      <c r="FV32" s="117">
        <v>8080</v>
      </c>
      <c r="FW32" s="116">
        <v>25600</v>
      </c>
      <c r="FX32" s="114">
        <v>33680</v>
      </c>
      <c r="FY32" s="113">
        <v>0</v>
      </c>
      <c r="FZ32" s="116">
        <v>46800</v>
      </c>
      <c r="GA32" s="116">
        <v>126888</v>
      </c>
      <c r="GB32" s="116">
        <v>144816</v>
      </c>
      <c r="GC32" s="116">
        <v>112000</v>
      </c>
      <c r="GD32" s="116">
        <v>97080</v>
      </c>
      <c r="GE32" s="115">
        <v>527584</v>
      </c>
      <c r="GF32" s="354">
        <v>561264</v>
      </c>
      <c r="GG32" s="117">
        <v>0</v>
      </c>
      <c r="GH32" s="116">
        <v>0</v>
      </c>
      <c r="GI32" s="114">
        <v>0</v>
      </c>
      <c r="GJ32" s="113">
        <v>0</v>
      </c>
      <c r="GK32" s="116">
        <v>13200</v>
      </c>
      <c r="GL32" s="116">
        <v>0</v>
      </c>
      <c r="GM32" s="116">
        <v>0</v>
      </c>
      <c r="GN32" s="116">
        <v>0</v>
      </c>
      <c r="GO32" s="116">
        <v>0</v>
      </c>
      <c r="GP32" s="115">
        <v>13200</v>
      </c>
      <c r="GQ32" s="118">
        <v>13200</v>
      </c>
      <c r="GR32" s="112">
        <v>0</v>
      </c>
      <c r="GS32" s="116">
        <v>128000</v>
      </c>
      <c r="GT32" s="115">
        <v>128000</v>
      </c>
      <c r="GU32" s="112">
        <v>0</v>
      </c>
      <c r="GV32" s="116">
        <v>0</v>
      </c>
      <c r="GW32" s="116">
        <v>0</v>
      </c>
      <c r="GX32" s="116">
        <v>0</v>
      </c>
      <c r="GY32" s="116">
        <v>0</v>
      </c>
      <c r="GZ32" s="116">
        <v>0</v>
      </c>
      <c r="HA32" s="114">
        <v>0</v>
      </c>
      <c r="HB32" s="118">
        <v>128000</v>
      </c>
      <c r="HC32" s="112">
        <v>0</v>
      </c>
      <c r="HD32" s="116">
        <v>94256</v>
      </c>
      <c r="HE32" s="114">
        <v>94256</v>
      </c>
      <c r="HF32" s="113">
        <v>0</v>
      </c>
      <c r="HG32" s="116">
        <v>152291</v>
      </c>
      <c r="HH32" s="116">
        <v>352411</v>
      </c>
      <c r="HI32" s="116">
        <v>195632</v>
      </c>
      <c r="HJ32" s="116">
        <v>845957</v>
      </c>
      <c r="HK32" s="116">
        <v>466717</v>
      </c>
      <c r="HL32" s="115">
        <v>2013008</v>
      </c>
      <c r="HM32" s="111">
        <v>2107264</v>
      </c>
      <c r="HN32" s="370"/>
      <c r="HO32" s="371"/>
      <c r="HP32" s="372"/>
      <c r="HQ32" s="373"/>
      <c r="HR32" s="371"/>
      <c r="HS32" s="371"/>
      <c r="HT32" s="371"/>
      <c r="HU32" s="371"/>
      <c r="HV32" s="371"/>
      <c r="HW32" s="374"/>
      <c r="HX32" s="375"/>
      <c r="HY32" s="167">
        <v>0</v>
      </c>
      <c r="HZ32" s="152">
        <v>0</v>
      </c>
      <c r="IA32" s="167">
        <v>0</v>
      </c>
      <c r="IB32" s="151">
        <v>0</v>
      </c>
      <c r="IC32" s="152">
        <v>142779</v>
      </c>
      <c r="ID32" s="153">
        <v>733387</v>
      </c>
      <c r="IE32" s="154">
        <v>766181</v>
      </c>
      <c r="IF32" s="152">
        <v>493304</v>
      </c>
      <c r="IG32" s="154">
        <v>256766</v>
      </c>
      <c r="IH32" s="155">
        <v>2392417</v>
      </c>
      <c r="II32" s="167">
        <v>2392417</v>
      </c>
      <c r="IJ32" s="261">
        <v>0</v>
      </c>
      <c r="IK32" s="268">
        <v>0</v>
      </c>
      <c r="IL32" s="269">
        <v>0</v>
      </c>
      <c r="IM32" s="157"/>
      <c r="IN32" s="122">
        <v>0</v>
      </c>
      <c r="IO32" s="122">
        <v>107592</v>
      </c>
      <c r="IP32" s="122">
        <v>0</v>
      </c>
      <c r="IQ32" s="122">
        <v>0</v>
      </c>
      <c r="IR32" s="122">
        <v>0</v>
      </c>
      <c r="IS32" s="158">
        <v>107592</v>
      </c>
      <c r="IT32" s="357">
        <v>107592</v>
      </c>
      <c r="IU32" s="159">
        <v>0</v>
      </c>
      <c r="IV32" s="122">
        <v>0</v>
      </c>
      <c r="IW32" s="123">
        <v>0</v>
      </c>
      <c r="IX32" s="161"/>
      <c r="IY32" s="122">
        <v>0</v>
      </c>
      <c r="IZ32" s="122">
        <v>0</v>
      </c>
      <c r="JA32" s="122">
        <v>0</v>
      </c>
      <c r="JB32" s="122">
        <v>0</v>
      </c>
      <c r="JC32" s="122">
        <v>0</v>
      </c>
      <c r="JD32" s="123">
        <v>0</v>
      </c>
      <c r="JE32" s="124">
        <v>0</v>
      </c>
      <c r="JF32" s="159">
        <v>0</v>
      </c>
      <c r="JG32" s="122">
        <v>0</v>
      </c>
      <c r="JH32" s="158">
        <v>0</v>
      </c>
      <c r="JI32" s="121">
        <v>0</v>
      </c>
      <c r="JJ32" s="122">
        <v>27939</v>
      </c>
      <c r="JK32" s="122">
        <v>39691</v>
      </c>
      <c r="JL32" s="122">
        <v>0</v>
      </c>
      <c r="JM32" s="122">
        <v>0</v>
      </c>
      <c r="JN32" s="122">
        <v>0</v>
      </c>
      <c r="JO32" s="123">
        <v>67630</v>
      </c>
      <c r="JP32" s="357">
        <v>67630</v>
      </c>
      <c r="JQ32" s="159">
        <v>0</v>
      </c>
      <c r="JR32" s="122">
        <v>0</v>
      </c>
      <c r="JS32" s="158">
        <v>0</v>
      </c>
      <c r="JT32" s="121">
        <v>0</v>
      </c>
      <c r="JU32" s="122">
        <v>114840</v>
      </c>
      <c r="JV32" s="122">
        <v>105504</v>
      </c>
      <c r="JW32" s="122">
        <v>0</v>
      </c>
      <c r="JX32" s="122">
        <v>0</v>
      </c>
      <c r="JY32" s="122">
        <v>0</v>
      </c>
      <c r="JZ32" s="123">
        <v>220344</v>
      </c>
      <c r="KA32" s="357">
        <v>220344</v>
      </c>
      <c r="KB32" s="264">
        <v>0</v>
      </c>
      <c r="KC32" s="258">
        <v>0</v>
      </c>
      <c r="KD32" s="123">
        <v>0</v>
      </c>
      <c r="KE32" s="121">
        <v>0</v>
      </c>
      <c r="KF32" s="122">
        <v>0</v>
      </c>
      <c r="KG32" s="122">
        <v>0</v>
      </c>
      <c r="KH32" s="122">
        <v>0</v>
      </c>
      <c r="KI32" s="122">
        <v>0</v>
      </c>
      <c r="KJ32" s="122">
        <v>0</v>
      </c>
      <c r="KK32" s="123">
        <v>0</v>
      </c>
      <c r="KL32" s="160">
        <v>0</v>
      </c>
      <c r="KM32" s="261">
        <v>0</v>
      </c>
      <c r="KN32" s="268">
        <v>0</v>
      </c>
      <c r="KO32" s="269">
        <v>0</v>
      </c>
      <c r="KP32" s="157"/>
      <c r="KQ32" s="122">
        <v>0</v>
      </c>
      <c r="KR32" s="122">
        <v>480600</v>
      </c>
      <c r="KS32" s="122">
        <v>245872</v>
      </c>
      <c r="KT32" s="122">
        <v>0</v>
      </c>
      <c r="KU32" s="122">
        <v>256766</v>
      </c>
      <c r="KV32" s="123">
        <v>983238</v>
      </c>
      <c r="KW32" s="357">
        <v>983238</v>
      </c>
      <c r="KX32" s="159">
        <v>0</v>
      </c>
      <c r="KY32" s="122">
        <v>0</v>
      </c>
      <c r="KZ32" s="123">
        <v>0</v>
      </c>
      <c r="LA32" s="162"/>
      <c r="LB32" s="122">
        <v>0</v>
      </c>
      <c r="LC32" s="122">
        <v>0</v>
      </c>
      <c r="LD32" s="122">
        <v>0</v>
      </c>
      <c r="LE32" s="122">
        <v>0</v>
      </c>
      <c r="LF32" s="122">
        <v>0</v>
      </c>
      <c r="LG32" s="123">
        <v>0</v>
      </c>
      <c r="LH32" s="124">
        <v>0</v>
      </c>
      <c r="LI32" s="159">
        <v>0</v>
      </c>
      <c r="LJ32" s="122">
        <v>0</v>
      </c>
      <c r="LK32" s="123">
        <v>0</v>
      </c>
      <c r="LL32" s="162"/>
      <c r="LM32" s="122">
        <v>0</v>
      </c>
      <c r="LN32" s="122">
        <v>0</v>
      </c>
      <c r="LO32" s="122">
        <v>520309</v>
      </c>
      <c r="LP32" s="122">
        <v>493304</v>
      </c>
      <c r="LQ32" s="122">
        <v>0</v>
      </c>
      <c r="LR32" s="123">
        <v>1013613</v>
      </c>
      <c r="LS32" s="357">
        <v>1013613</v>
      </c>
      <c r="LT32" s="159">
        <v>0</v>
      </c>
      <c r="LU32" s="122">
        <v>0</v>
      </c>
      <c r="LV32" s="123">
        <v>0</v>
      </c>
      <c r="LW32" s="162"/>
      <c r="LX32" s="122">
        <v>0</v>
      </c>
      <c r="LY32" s="122">
        <v>0</v>
      </c>
      <c r="LZ32" s="122">
        <v>0</v>
      </c>
      <c r="MA32" s="122">
        <v>0</v>
      </c>
      <c r="MB32" s="122">
        <v>0</v>
      </c>
      <c r="MC32" s="123">
        <v>0</v>
      </c>
      <c r="MD32" s="124">
        <v>0</v>
      </c>
      <c r="ME32" s="159">
        <v>0</v>
      </c>
      <c r="MF32" s="122">
        <v>0</v>
      </c>
      <c r="MG32" s="123">
        <v>0</v>
      </c>
      <c r="MH32" s="162"/>
      <c r="MI32" s="122">
        <v>0</v>
      </c>
      <c r="MJ32" s="122">
        <v>268283</v>
      </c>
      <c r="MK32" s="122">
        <v>879261</v>
      </c>
      <c r="ML32" s="122">
        <v>866572</v>
      </c>
      <c r="MM32" s="122">
        <v>531015</v>
      </c>
      <c r="MN32" s="123">
        <v>2545131</v>
      </c>
      <c r="MO32" s="160">
        <v>2545131</v>
      </c>
      <c r="MP32" s="159">
        <v>0</v>
      </c>
      <c r="MQ32" s="122">
        <v>0</v>
      </c>
      <c r="MR32" s="123">
        <v>0</v>
      </c>
      <c r="MS32" s="162"/>
      <c r="MT32" s="122">
        <v>0</v>
      </c>
      <c r="MU32" s="122">
        <v>231287</v>
      </c>
      <c r="MV32" s="122">
        <v>88022</v>
      </c>
      <c r="MW32" s="122">
        <v>244512</v>
      </c>
      <c r="MX32" s="122">
        <v>531015</v>
      </c>
      <c r="MY32" s="123">
        <v>1094836</v>
      </c>
      <c r="MZ32" s="160">
        <v>1094836</v>
      </c>
      <c r="NA32" s="159">
        <v>0</v>
      </c>
      <c r="NB32" s="122">
        <v>0</v>
      </c>
      <c r="NC32" s="123">
        <v>0</v>
      </c>
      <c r="ND32" s="162"/>
      <c r="NE32" s="122">
        <v>0</v>
      </c>
      <c r="NF32" s="122">
        <v>36996</v>
      </c>
      <c r="NG32" s="122">
        <v>791239</v>
      </c>
      <c r="NH32" s="122">
        <v>262208</v>
      </c>
      <c r="NI32" s="122">
        <v>0</v>
      </c>
      <c r="NJ32" s="123">
        <v>1090443</v>
      </c>
      <c r="NK32" s="357">
        <v>1090443</v>
      </c>
      <c r="NL32" s="159">
        <v>0</v>
      </c>
      <c r="NM32" s="122">
        <v>0</v>
      </c>
      <c r="NN32" s="123">
        <v>0</v>
      </c>
      <c r="NO32" s="162"/>
      <c r="NP32" s="122">
        <v>0</v>
      </c>
      <c r="NQ32" s="122">
        <v>0</v>
      </c>
      <c r="NR32" s="122">
        <v>0</v>
      </c>
      <c r="NS32" s="122">
        <v>0</v>
      </c>
      <c r="NT32" s="122">
        <v>0</v>
      </c>
      <c r="NU32" s="123">
        <v>0</v>
      </c>
      <c r="NV32" s="124">
        <v>0</v>
      </c>
      <c r="NW32" s="159">
        <v>0</v>
      </c>
      <c r="NX32" s="122">
        <v>0</v>
      </c>
      <c r="NY32" s="123">
        <v>0</v>
      </c>
      <c r="NZ32" s="162"/>
      <c r="OA32" s="122">
        <v>0</v>
      </c>
      <c r="OB32" s="122">
        <v>0</v>
      </c>
      <c r="OC32" s="122">
        <v>0</v>
      </c>
      <c r="OD32" s="122">
        <v>359852</v>
      </c>
      <c r="OE32" s="122">
        <v>0</v>
      </c>
      <c r="OF32" s="123">
        <v>359852</v>
      </c>
      <c r="OG32" s="124">
        <v>359852</v>
      </c>
      <c r="OH32" s="159">
        <v>8080</v>
      </c>
      <c r="OI32" s="122">
        <v>433948</v>
      </c>
      <c r="OJ32" s="158">
        <v>442028</v>
      </c>
      <c r="OK32" s="121">
        <v>0</v>
      </c>
      <c r="OL32" s="122">
        <v>1145866</v>
      </c>
      <c r="OM32" s="122">
        <v>2607021</v>
      </c>
      <c r="ON32" s="122">
        <v>3370980</v>
      </c>
      <c r="OO32" s="122">
        <v>3617135</v>
      </c>
      <c r="OP32" s="122">
        <v>2011751</v>
      </c>
      <c r="OQ32" s="123">
        <v>12752753</v>
      </c>
      <c r="OR32" s="160">
        <v>13194781</v>
      </c>
    </row>
    <row r="33" spans="1:408" ht="20.25" customHeight="1" x14ac:dyDescent="0.2">
      <c r="A33" s="129" t="s">
        <v>28</v>
      </c>
      <c r="B33" s="112">
        <v>0</v>
      </c>
      <c r="C33" s="116">
        <v>5600</v>
      </c>
      <c r="D33" s="115">
        <v>5600</v>
      </c>
      <c r="E33" s="111">
        <v>0</v>
      </c>
      <c r="F33" s="116">
        <v>339877</v>
      </c>
      <c r="G33" s="116">
        <v>136443</v>
      </c>
      <c r="H33" s="116">
        <v>321581</v>
      </c>
      <c r="I33" s="116">
        <v>0</v>
      </c>
      <c r="J33" s="116">
        <v>181304</v>
      </c>
      <c r="K33" s="200">
        <v>979205</v>
      </c>
      <c r="L33" s="118">
        <v>984805</v>
      </c>
      <c r="M33" s="112">
        <v>0</v>
      </c>
      <c r="N33" s="116">
        <v>0</v>
      </c>
      <c r="O33" s="115">
        <v>0</v>
      </c>
      <c r="P33" s="112">
        <v>0</v>
      </c>
      <c r="Q33" s="116">
        <v>4144</v>
      </c>
      <c r="R33" s="116">
        <v>70587</v>
      </c>
      <c r="S33" s="116">
        <v>125573</v>
      </c>
      <c r="T33" s="116">
        <v>0</v>
      </c>
      <c r="U33" s="116">
        <v>106536</v>
      </c>
      <c r="V33" s="115">
        <v>306840</v>
      </c>
      <c r="W33" s="118">
        <v>306840</v>
      </c>
      <c r="X33" s="112">
        <v>0</v>
      </c>
      <c r="Y33" s="116">
        <v>0</v>
      </c>
      <c r="Z33" s="115">
        <v>0</v>
      </c>
      <c r="AA33" s="112">
        <v>0</v>
      </c>
      <c r="AB33" s="116">
        <v>0</v>
      </c>
      <c r="AC33" s="116">
        <v>8184</v>
      </c>
      <c r="AD33" s="116">
        <v>82480</v>
      </c>
      <c r="AE33" s="116">
        <v>0</v>
      </c>
      <c r="AF33" s="116">
        <v>0</v>
      </c>
      <c r="AG33" s="115">
        <v>90664</v>
      </c>
      <c r="AH33" s="118">
        <v>90664</v>
      </c>
      <c r="AI33" s="112">
        <v>0</v>
      </c>
      <c r="AJ33" s="116">
        <v>0</v>
      </c>
      <c r="AK33" s="115">
        <v>0</v>
      </c>
      <c r="AL33" s="112">
        <v>0</v>
      </c>
      <c r="AM33" s="116">
        <v>0</v>
      </c>
      <c r="AN33" s="116">
        <v>0</v>
      </c>
      <c r="AO33" s="116">
        <v>0</v>
      </c>
      <c r="AP33" s="116">
        <v>0</v>
      </c>
      <c r="AQ33" s="116">
        <v>0</v>
      </c>
      <c r="AR33" s="115">
        <v>0</v>
      </c>
      <c r="AS33" s="118">
        <v>0</v>
      </c>
      <c r="AT33" s="112">
        <v>0</v>
      </c>
      <c r="AU33" s="116">
        <v>0</v>
      </c>
      <c r="AV33" s="115">
        <v>0</v>
      </c>
      <c r="AW33" s="112">
        <v>0</v>
      </c>
      <c r="AX33" s="116">
        <v>0</v>
      </c>
      <c r="AY33" s="116">
        <v>58267</v>
      </c>
      <c r="AZ33" s="116">
        <v>33493</v>
      </c>
      <c r="BA33" s="116">
        <v>0</v>
      </c>
      <c r="BB33" s="116">
        <v>102424</v>
      </c>
      <c r="BC33" s="115">
        <v>194184</v>
      </c>
      <c r="BD33" s="118">
        <v>194184</v>
      </c>
      <c r="BE33" s="112">
        <v>0</v>
      </c>
      <c r="BF33" s="116">
        <v>0</v>
      </c>
      <c r="BG33" s="114">
        <v>0</v>
      </c>
      <c r="BH33" s="113">
        <v>0</v>
      </c>
      <c r="BI33" s="116">
        <v>0</v>
      </c>
      <c r="BJ33" s="116">
        <v>0</v>
      </c>
      <c r="BK33" s="116">
        <v>0</v>
      </c>
      <c r="BL33" s="116">
        <v>0</v>
      </c>
      <c r="BM33" s="116">
        <v>0</v>
      </c>
      <c r="BN33" s="115">
        <v>0</v>
      </c>
      <c r="BO33" s="118">
        <v>0</v>
      </c>
      <c r="BP33" s="112">
        <v>0</v>
      </c>
      <c r="BQ33" s="116">
        <v>0</v>
      </c>
      <c r="BR33" s="115">
        <v>0</v>
      </c>
      <c r="BS33" s="112">
        <v>0</v>
      </c>
      <c r="BT33" s="116">
        <v>4144</v>
      </c>
      <c r="BU33" s="116">
        <v>4136</v>
      </c>
      <c r="BV33" s="116">
        <v>9600</v>
      </c>
      <c r="BW33" s="116">
        <v>0</v>
      </c>
      <c r="BX33" s="116">
        <v>4112</v>
      </c>
      <c r="BY33" s="115">
        <v>21992</v>
      </c>
      <c r="BZ33" s="118">
        <v>21992</v>
      </c>
      <c r="CA33" s="112">
        <v>0</v>
      </c>
      <c r="CB33" s="116">
        <v>0</v>
      </c>
      <c r="CC33" s="115">
        <v>0</v>
      </c>
      <c r="CD33" s="112">
        <v>0</v>
      </c>
      <c r="CE33" s="116">
        <v>168763</v>
      </c>
      <c r="CF33" s="116">
        <v>0</v>
      </c>
      <c r="CG33" s="116">
        <v>0</v>
      </c>
      <c r="CH33" s="116">
        <v>0</v>
      </c>
      <c r="CI33" s="116">
        <v>0</v>
      </c>
      <c r="CJ33" s="115">
        <v>168763</v>
      </c>
      <c r="CK33" s="118">
        <v>168763</v>
      </c>
      <c r="CL33" s="112">
        <v>0</v>
      </c>
      <c r="CM33" s="116">
        <v>0</v>
      </c>
      <c r="CN33" s="115">
        <v>0</v>
      </c>
      <c r="CO33" s="113">
        <v>0</v>
      </c>
      <c r="CP33" s="116">
        <v>168763</v>
      </c>
      <c r="CQ33" s="116">
        <v>0</v>
      </c>
      <c r="CR33" s="116">
        <v>0</v>
      </c>
      <c r="CS33" s="116">
        <v>0</v>
      </c>
      <c r="CT33" s="116">
        <v>0</v>
      </c>
      <c r="CU33" s="115">
        <v>168763</v>
      </c>
      <c r="CV33" s="118">
        <v>168763</v>
      </c>
      <c r="CW33" s="112">
        <v>0</v>
      </c>
      <c r="CX33" s="116">
        <v>0</v>
      </c>
      <c r="CY33" s="115">
        <v>0</v>
      </c>
      <c r="CZ33" s="112">
        <v>0</v>
      </c>
      <c r="DA33" s="116">
        <v>0</v>
      </c>
      <c r="DB33" s="116">
        <v>0</v>
      </c>
      <c r="DC33" s="116">
        <v>0</v>
      </c>
      <c r="DD33" s="116">
        <v>0</v>
      </c>
      <c r="DE33" s="116">
        <v>0</v>
      </c>
      <c r="DF33" s="115">
        <v>0</v>
      </c>
      <c r="DG33" s="118">
        <v>0</v>
      </c>
      <c r="DH33" s="112">
        <v>0</v>
      </c>
      <c r="DI33" s="116">
        <v>0</v>
      </c>
      <c r="DJ33" s="114">
        <v>0</v>
      </c>
      <c r="DK33" s="113">
        <v>0</v>
      </c>
      <c r="DL33" s="116">
        <v>0</v>
      </c>
      <c r="DM33" s="116">
        <v>0</v>
      </c>
      <c r="DN33" s="116">
        <v>0</v>
      </c>
      <c r="DO33" s="116">
        <v>0</v>
      </c>
      <c r="DP33" s="116">
        <v>26728</v>
      </c>
      <c r="DQ33" s="115">
        <v>26728</v>
      </c>
      <c r="DR33" s="118">
        <v>26728</v>
      </c>
      <c r="DS33" s="112">
        <v>0</v>
      </c>
      <c r="DT33" s="116">
        <v>0</v>
      </c>
      <c r="DU33" s="115">
        <v>0</v>
      </c>
      <c r="DV33" s="112">
        <v>0</v>
      </c>
      <c r="DW33" s="116">
        <v>0</v>
      </c>
      <c r="DX33" s="116">
        <v>0</v>
      </c>
      <c r="DY33" s="116">
        <v>0</v>
      </c>
      <c r="DZ33" s="116">
        <v>0</v>
      </c>
      <c r="EA33" s="116">
        <v>26728</v>
      </c>
      <c r="EB33" s="115">
        <v>26728</v>
      </c>
      <c r="EC33" s="118">
        <v>26728</v>
      </c>
      <c r="ED33" s="112">
        <v>0</v>
      </c>
      <c r="EE33" s="114">
        <v>0</v>
      </c>
      <c r="EF33" s="115">
        <v>0</v>
      </c>
      <c r="EG33" s="112">
        <v>0</v>
      </c>
      <c r="EH33" s="116">
        <v>0</v>
      </c>
      <c r="EI33" s="116">
        <v>0</v>
      </c>
      <c r="EJ33" s="116">
        <v>0</v>
      </c>
      <c r="EK33" s="116">
        <v>0</v>
      </c>
      <c r="EL33" s="116">
        <v>0</v>
      </c>
      <c r="EM33" s="114">
        <v>0</v>
      </c>
      <c r="EN33" s="118">
        <v>0</v>
      </c>
      <c r="EO33" s="112">
        <v>0</v>
      </c>
      <c r="EP33" s="116">
        <v>0</v>
      </c>
      <c r="EQ33" s="114">
        <v>0</v>
      </c>
      <c r="ER33" s="113">
        <v>0</v>
      </c>
      <c r="ES33" s="116">
        <v>0</v>
      </c>
      <c r="ET33" s="116">
        <v>0</v>
      </c>
      <c r="EU33" s="116">
        <v>0</v>
      </c>
      <c r="EV33" s="116">
        <v>0</v>
      </c>
      <c r="EW33" s="116">
        <v>0</v>
      </c>
      <c r="EX33" s="115">
        <v>0</v>
      </c>
      <c r="EY33" s="118">
        <v>0</v>
      </c>
      <c r="EZ33" s="112">
        <v>0</v>
      </c>
      <c r="FA33" s="116">
        <v>0</v>
      </c>
      <c r="FB33" s="114">
        <v>0</v>
      </c>
      <c r="FC33" s="390"/>
      <c r="FD33" s="116">
        <v>0</v>
      </c>
      <c r="FE33" s="116">
        <v>0</v>
      </c>
      <c r="FF33" s="116">
        <v>0</v>
      </c>
      <c r="FG33" s="116">
        <v>0</v>
      </c>
      <c r="FH33" s="116">
        <v>0</v>
      </c>
      <c r="FI33" s="115">
        <v>0</v>
      </c>
      <c r="FJ33" s="118">
        <v>0</v>
      </c>
      <c r="FK33" s="112">
        <v>0</v>
      </c>
      <c r="FL33" s="116">
        <v>5600</v>
      </c>
      <c r="FM33" s="115">
        <v>5600</v>
      </c>
      <c r="FN33" s="112">
        <v>0</v>
      </c>
      <c r="FO33" s="116">
        <v>13200</v>
      </c>
      <c r="FP33" s="116">
        <v>65856</v>
      </c>
      <c r="FQ33" s="116">
        <v>0</v>
      </c>
      <c r="FR33" s="116">
        <v>0</v>
      </c>
      <c r="FS33" s="116">
        <v>48040</v>
      </c>
      <c r="FT33" s="115">
        <v>127096</v>
      </c>
      <c r="FU33" s="118">
        <v>132696</v>
      </c>
      <c r="FV33" s="117">
        <v>0</v>
      </c>
      <c r="FW33" s="116">
        <v>5600</v>
      </c>
      <c r="FX33" s="114">
        <v>5600</v>
      </c>
      <c r="FY33" s="113">
        <v>0</v>
      </c>
      <c r="FZ33" s="116">
        <v>13200</v>
      </c>
      <c r="GA33" s="116">
        <v>65856</v>
      </c>
      <c r="GB33" s="116">
        <v>0</v>
      </c>
      <c r="GC33" s="116">
        <v>0</v>
      </c>
      <c r="GD33" s="116">
        <v>48040</v>
      </c>
      <c r="GE33" s="115">
        <v>127096</v>
      </c>
      <c r="GF33" s="354">
        <v>132696</v>
      </c>
      <c r="GG33" s="117">
        <v>0</v>
      </c>
      <c r="GH33" s="116">
        <v>0</v>
      </c>
      <c r="GI33" s="114">
        <v>0</v>
      </c>
      <c r="GJ33" s="113">
        <v>0</v>
      </c>
      <c r="GK33" s="116">
        <v>0</v>
      </c>
      <c r="GL33" s="116">
        <v>0</v>
      </c>
      <c r="GM33" s="116">
        <v>0</v>
      </c>
      <c r="GN33" s="116">
        <v>0</v>
      </c>
      <c r="GO33" s="116">
        <v>0</v>
      </c>
      <c r="GP33" s="115">
        <v>0</v>
      </c>
      <c r="GQ33" s="118">
        <v>0</v>
      </c>
      <c r="GR33" s="112">
        <v>0</v>
      </c>
      <c r="GS33" s="116">
        <v>0</v>
      </c>
      <c r="GT33" s="115">
        <v>0</v>
      </c>
      <c r="GU33" s="112">
        <v>0</v>
      </c>
      <c r="GV33" s="116">
        <v>0</v>
      </c>
      <c r="GW33" s="116">
        <v>0</v>
      </c>
      <c r="GX33" s="116">
        <v>0</v>
      </c>
      <c r="GY33" s="116">
        <v>0</v>
      </c>
      <c r="GZ33" s="116">
        <v>0</v>
      </c>
      <c r="HA33" s="114">
        <v>0</v>
      </c>
      <c r="HB33" s="118">
        <v>0</v>
      </c>
      <c r="HC33" s="112">
        <v>0</v>
      </c>
      <c r="HD33" s="116">
        <v>0</v>
      </c>
      <c r="HE33" s="114">
        <v>0</v>
      </c>
      <c r="HF33" s="113">
        <v>0</v>
      </c>
      <c r="HG33" s="116">
        <v>153770</v>
      </c>
      <c r="HH33" s="116">
        <v>0</v>
      </c>
      <c r="HI33" s="116">
        <v>196008</v>
      </c>
      <c r="HJ33" s="116">
        <v>0</v>
      </c>
      <c r="HK33" s="116">
        <v>0</v>
      </c>
      <c r="HL33" s="115">
        <v>349778</v>
      </c>
      <c r="HM33" s="111">
        <v>349778</v>
      </c>
      <c r="HN33" s="370"/>
      <c r="HO33" s="371"/>
      <c r="HP33" s="372"/>
      <c r="HQ33" s="373"/>
      <c r="HR33" s="371"/>
      <c r="HS33" s="371"/>
      <c r="HT33" s="371"/>
      <c r="HU33" s="371"/>
      <c r="HV33" s="371"/>
      <c r="HW33" s="374"/>
      <c r="HX33" s="375"/>
      <c r="HY33" s="148">
        <v>0</v>
      </c>
      <c r="HZ33" s="149">
        <v>0</v>
      </c>
      <c r="IA33" s="150">
        <v>0</v>
      </c>
      <c r="IB33" s="163">
        <v>0</v>
      </c>
      <c r="IC33" s="149">
        <v>47168</v>
      </c>
      <c r="ID33" s="164">
        <v>105464</v>
      </c>
      <c r="IE33" s="150">
        <v>0</v>
      </c>
      <c r="IF33" s="149">
        <v>0</v>
      </c>
      <c r="IG33" s="150">
        <v>179520</v>
      </c>
      <c r="IH33" s="165">
        <v>332152</v>
      </c>
      <c r="II33" s="156">
        <v>332152</v>
      </c>
      <c r="IJ33" s="261">
        <v>0</v>
      </c>
      <c r="IK33" s="268">
        <v>0</v>
      </c>
      <c r="IL33" s="269">
        <v>0</v>
      </c>
      <c r="IM33" s="157"/>
      <c r="IN33" s="122">
        <v>0</v>
      </c>
      <c r="IO33" s="122">
        <v>0</v>
      </c>
      <c r="IP33" s="122">
        <v>0</v>
      </c>
      <c r="IQ33" s="122">
        <v>0</v>
      </c>
      <c r="IR33" s="122">
        <v>0</v>
      </c>
      <c r="IS33" s="158">
        <v>0</v>
      </c>
      <c r="IT33" s="357">
        <v>0</v>
      </c>
      <c r="IU33" s="159">
        <v>0</v>
      </c>
      <c r="IV33" s="122">
        <v>0</v>
      </c>
      <c r="IW33" s="123">
        <v>0</v>
      </c>
      <c r="IX33" s="161"/>
      <c r="IY33" s="122">
        <v>0</v>
      </c>
      <c r="IZ33" s="122">
        <v>0</v>
      </c>
      <c r="JA33" s="122">
        <v>0</v>
      </c>
      <c r="JB33" s="122">
        <v>0</v>
      </c>
      <c r="JC33" s="122">
        <v>0</v>
      </c>
      <c r="JD33" s="123">
        <v>0</v>
      </c>
      <c r="JE33" s="124">
        <v>0</v>
      </c>
      <c r="JF33" s="159">
        <v>0</v>
      </c>
      <c r="JG33" s="122">
        <v>0</v>
      </c>
      <c r="JH33" s="158">
        <v>0</v>
      </c>
      <c r="JI33" s="121">
        <v>0</v>
      </c>
      <c r="JJ33" s="122">
        <v>47168</v>
      </c>
      <c r="JK33" s="122">
        <v>105464</v>
      </c>
      <c r="JL33" s="122">
        <v>0</v>
      </c>
      <c r="JM33" s="122">
        <v>0</v>
      </c>
      <c r="JN33" s="122">
        <v>3896</v>
      </c>
      <c r="JO33" s="123">
        <v>156528</v>
      </c>
      <c r="JP33" s="357">
        <v>156528</v>
      </c>
      <c r="JQ33" s="159">
        <v>0</v>
      </c>
      <c r="JR33" s="122">
        <v>0</v>
      </c>
      <c r="JS33" s="158">
        <v>0</v>
      </c>
      <c r="JT33" s="121">
        <v>0</v>
      </c>
      <c r="JU33" s="122">
        <v>0</v>
      </c>
      <c r="JV33" s="122">
        <v>0</v>
      </c>
      <c r="JW33" s="122">
        <v>0</v>
      </c>
      <c r="JX33" s="122">
        <v>0</v>
      </c>
      <c r="JY33" s="122">
        <v>13496</v>
      </c>
      <c r="JZ33" s="123">
        <v>13496</v>
      </c>
      <c r="KA33" s="357">
        <v>13496</v>
      </c>
      <c r="KB33" s="264">
        <v>0</v>
      </c>
      <c r="KC33" s="258">
        <v>0</v>
      </c>
      <c r="KD33" s="123">
        <v>0</v>
      </c>
      <c r="KE33" s="121">
        <v>0</v>
      </c>
      <c r="KF33" s="122">
        <v>0</v>
      </c>
      <c r="KG33" s="122">
        <v>0</v>
      </c>
      <c r="KH33" s="122">
        <v>0</v>
      </c>
      <c r="KI33" s="122">
        <v>0</v>
      </c>
      <c r="KJ33" s="122">
        <v>0</v>
      </c>
      <c r="KK33" s="123">
        <v>0</v>
      </c>
      <c r="KL33" s="160">
        <v>0</v>
      </c>
      <c r="KM33" s="261">
        <v>0</v>
      </c>
      <c r="KN33" s="268">
        <v>0</v>
      </c>
      <c r="KO33" s="269">
        <v>0</v>
      </c>
      <c r="KP33" s="157"/>
      <c r="KQ33" s="122">
        <v>0</v>
      </c>
      <c r="KR33" s="122">
        <v>0</v>
      </c>
      <c r="KS33" s="122">
        <v>0</v>
      </c>
      <c r="KT33" s="122">
        <v>0</v>
      </c>
      <c r="KU33" s="122">
        <v>162128</v>
      </c>
      <c r="KV33" s="123">
        <v>162128</v>
      </c>
      <c r="KW33" s="357">
        <v>162128</v>
      </c>
      <c r="KX33" s="159">
        <v>0</v>
      </c>
      <c r="KY33" s="122">
        <v>0</v>
      </c>
      <c r="KZ33" s="123">
        <v>0</v>
      </c>
      <c r="LA33" s="162"/>
      <c r="LB33" s="122">
        <v>0</v>
      </c>
      <c r="LC33" s="122">
        <v>0</v>
      </c>
      <c r="LD33" s="122">
        <v>0</v>
      </c>
      <c r="LE33" s="122">
        <v>0</v>
      </c>
      <c r="LF33" s="122">
        <v>0</v>
      </c>
      <c r="LG33" s="123">
        <v>0</v>
      </c>
      <c r="LH33" s="124">
        <v>0</v>
      </c>
      <c r="LI33" s="159">
        <v>0</v>
      </c>
      <c r="LJ33" s="122">
        <v>0</v>
      </c>
      <c r="LK33" s="123">
        <v>0</v>
      </c>
      <c r="LL33" s="162"/>
      <c r="LM33" s="122">
        <v>0</v>
      </c>
      <c r="LN33" s="122">
        <v>0</v>
      </c>
      <c r="LO33" s="122">
        <v>0</v>
      </c>
      <c r="LP33" s="122">
        <v>0</v>
      </c>
      <c r="LQ33" s="122">
        <v>0</v>
      </c>
      <c r="LR33" s="123">
        <v>0</v>
      </c>
      <c r="LS33" s="357">
        <v>0</v>
      </c>
      <c r="LT33" s="159">
        <v>0</v>
      </c>
      <c r="LU33" s="122">
        <v>0</v>
      </c>
      <c r="LV33" s="123">
        <v>0</v>
      </c>
      <c r="LW33" s="162"/>
      <c r="LX33" s="122">
        <v>0</v>
      </c>
      <c r="LY33" s="122">
        <v>0</v>
      </c>
      <c r="LZ33" s="122">
        <v>0</v>
      </c>
      <c r="MA33" s="122">
        <v>0</v>
      </c>
      <c r="MB33" s="122">
        <v>0</v>
      </c>
      <c r="MC33" s="123">
        <v>0</v>
      </c>
      <c r="MD33" s="124">
        <v>0</v>
      </c>
      <c r="ME33" s="159">
        <v>0</v>
      </c>
      <c r="MF33" s="122">
        <v>0</v>
      </c>
      <c r="MG33" s="123">
        <v>0</v>
      </c>
      <c r="MH33" s="162"/>
      <c r="MI33" s="122">
        <v>0</v>
      </c>
      <c r="MJ33" s="122">
        <v>215872</v>
      </c>
      <c r="MK33" s="122">
        <v>0</v>
      </c>
      <c r="ML33" s="122">
        <v>511352</v>
      </c>
      <c r="MM33" s="122">
        <v>0</v>
      </c>
      <c r="MN33" s="123">
        <v>727224</v>
      </c>
      <c r="MO33" s="160">
        <v>727224</v>
      </c>
      <c r="MP33" s="159">
        <v>0</v>
      </c>
      <c r="MQ33" s="122">
        <v>0</v>
      </c>
      <c r="MR33" s="123">
        <v>0</v>
      </c>
      <c r="MS33" s="162"/>
      <c r="MT33" s="122">
        <v>0</v>
      </c>
      <c r="MU33" s="122">
        <v>0</v>
      </c>
      <c r="MV33" s="122">
        <v>0</v>
      </c>
      <c r="MW33" s="122">
        <v>225816</v>
      </c>
      <c r="MX33" s="122">
        <v>0</v>
      </c>
      <c r="MY33" s="123">
        <v>225816</v>
      </c>
      <c r="MZ33" s="160">
        <v>225816</v>
      </c>
      <c r="NA33" s="159">
        <v>0</v>
      </c>
      <c r="NB33" s="122">
        <v>0</v>
      </c>
      <c r="NC33" s="123">
        <v>0</v>
      </c>
      <c r="ND33" s="162"/>
      <c r="NE33" s="122">
        <v>0</v>
      </c>
      <c r="NF33" s="122">
        <v>215872</v>
      </c>
      <c r="NG33" s="122">
        <v>0</v>
      </c>
      <c r="NH33" s="122">
        <v>285536</v>
      </c>
      <c r="NI33" s="122">
        <v>0</v>
      </c>
      <c r="NJ33" s="123">
        <v>501408</v>
      </c>
      <c r="NK33" s="357">
        <v>501408</v>
      </c>
      <c r="NL33" s="159">
        <v>0</v>
      </c>
      <c r="NM33" s="122">
        <v>0</v>
      </c>
      <c r="NN33" s="123">
        <v>0</v>
      </c>
      <c r="NO33" s="162"/>
      <c r="NP33" s="122">
        <v>0</v>
      </c>
      <c r="NQ33" s="122">
        <v>0</v>
      </c>
      <c r="NR33" s="122">
        <v>0</v>
      </c>
      <c r="NS33" s="122">
        <v>0</v>
      </c>
      <c r="NT33" s="122">
        <v>0</v>
      </c>
      <c r="NU33" s="123">
        <v>0</v>
      </c>
      <c r="NV33" s="124">
        <v>0</v>
      </c>
      <c r="NW33" s="159">
        <v>0</v>
      </c>
      <c r="NX33" s="122">
        <v>0</v>
      </c>
      <c r="NY33" s="123">
        <v>0</v>
      </c>
      <c r="NZ33" s="162"/>
      <c r="OA33" s="122">
        <v>0</v>
      </c>
      <c r="OB33" s="122">
        <v>0</v>
      </c>
      <c r="OC33" s="122">
        <v>0</v>
      </c>
      <c r="OD33" s="122">
        <v>0</v>
      </c>
      <c r="OE33" s="122">
        <v>0</v>
      </c>
      <c r="OF33" s="123">
        <v>0</v>
      </c>
      <c r="OG33" s="124">
        <v>0</v>
      </c>
      <c r="OH33" s="159">
        <v>0</v>
      </c>
      <c r="OI33" s="122">
        <v>5600</v>
      </c>
      <c r="OJ33" s="158">
        <v>5600</v>
      </c>
      <c r="OK33" s="121">
        <v>0</v>
      </c>
      <c r="OL33" s="122">
        <v>387045</v>
      </c>
      <c r="OM33" s="122">
        <v>457779</v>
      </c>
      <c r="ON33" s="122">
        <v>321581</v>
      </c>
      <c r="OO33" s="122">
        <v>511352</v>
      </c>
      <c r="OP33" s="122">
        <v>360824</v>
      </c>
      <c r="OQ33" s="123">
        <v>2038581</v>
      </c>
      <c r="OR33" s="160">
        <v>2044181</v>
      </c>
    </row>
    <row r="34" spans="1:408" ht="20.25" customHeight="1" x14ac:dyDescent="0.2">
      <c r="A34" s="129" t="s">
        <v>29</v>
      </c>
      <c r="B34" s="112">
        <v>12000</v>
      </c>
      <c r="C34" s="116">
        <v>17968</v>
      </c>
      <c r="D34" s="115">
        <v>29968</v>
      </c>
      <c r="E34" s="111">
        <v>0</v>
      </c>
      <c r="F34" s="116">
        <v>142328</v>
      </c>
      <c r="G34" s="116">
        <v>595520</v>
      </c>
      <c r="H34" s="116">
        <v>157784</v>
      </c>
      <c r="I34" s="116">
        <v>360376</v>
      </c>
      <c r="J34" s="116">
        <v>350662</v>
      </c>
      <c r="K34" s="200">
        <v>1606670</v>
      </c>
      <c r="L34" s="118">
        <v>1636638</v>
      </c>
      <c r="M34" s="112">
        <v>0</v>
      </c>
      <c r="N34" s="116">
        <v>13888</v>
      </c>
      <c r="O34" s="115">
        <v>13888</v>
      </c>
      <c r="P34" s="112">
        <v>0</v>
      </c>
      <c r="Q34" s="116">
        <v>0</v>
      </c>
      <c r="R34" s="116">
        <v>136204</v>
      </c>
      <c r="S34" s="116">
        <v>0</v>
      </c>
      <c r="T34" s="116">
        <v>212872</v>
      </c>
      <c r="U34" s="116">
        <v>93712</v>
      </c>
      <c r="V34" s="115">
        <v>442788</v>
      </c>
      <c r="W34" s="118">
        <v>456676</v>
      </c>
      <c r="X34" s="112">
        <v>0</v>
      </c>
      <c r="Y34" s="116">
        <v>0</v>
      </c>
      <c r="Z34" s="115">
        <v>0</v>
      </c>
      <c r="AA34" s="112">
        <v>0</v>
      </c>
      <c r="AB34" s="116">
        <v>0</v>
      </c>
      <c r="AC34" s="116">
        <v>77836</v>
      </c>
      <c r="AD34" s="116">
        <v>0</v>
      </c>
      <c r="AE34" s="116">
        <v>212872</v>
      </c>
      <c r="AF34" s="116">
        <v>0</v>
      </c>
      <c r="AG34" s="115">
        <v>290708</v>
      </c>
      <c r="AH34" s="118">
        <v>290708</v>
      </c>
      <c r="AI34" s="112">
        <v>0</v>
      </c>
      <c r="AJ34" s="116">
        <v>0</v>
      </c>
      <c r="AK34" s="115">
        <v>0</v>
      </c>
      <c r="AL34" s="112">
        <v>0</v>
      </c>
      <c r="AM34" s="116">
        <v>0</v>
      </c>
      <c r="AN34" s="116">
        <v>0</v>
      </c>
      <c r="AO34" s="116">
        <v>0</v>
      </c>
      <c r="AP34" s="116">
        <v>0</v>
      </c>
      <c r="AQ34" s="116">
        <v>54080</v>
      </c>
      <c r="AR34" s="115">
        <v>54080</v>
      </c>
      <c r="AS34" s="118">
        <v>54080</v>
      </c>
      <c r="AT34" s="112">
        <v>0</v>
      </c>
      <c r="AU34" s="116">
        <v>13888</v>
      </c>
      <c r="AV34" s="115">
        <v>13888</v>
      </c>
      <c r="AW34" s="112">
        <v>0</v>
      </c>
      <c r="AX34" s="116">
        <v>0</v>
      </c>
      <c r="AY34" s="116">
        <v>0</v>
      </c>
      <c r="AZ34" s="116">
        <v>0</v>
      </c>
      <c r="BA34" s="116">
        <v>0</v>
      </c>
      <c r="BB34" s="116">
        <v>34864</v>
      </c>
      <c r="BC34" s="115">
        <v>34864</v>
      </c>
      <c r="BD34" s="118">
        <v>48752</v>
      </c>
      <c r="BE34" s="112">
        <v>0</v>
      </c>
      <c r="BF34" s="116">
        <v>0</v>
      </c>
      <c r="BG34" s="114">
        <v>0</v>
      </c>
      <c r="BH34" s="113">
        <v>0</v>
      </c>
      <c r="BI34" s="116">
        <v>0</v>
      </c>
      <c r="BJ34" s="116">
        <v>0</v>
      </c>
      <c r="BK34" s="116">
        <v>0</v>
      </c>
      <c r="BL34" s="116">
        <v>0</v>
      </c>
      <c r="BM34" s="116">
        <v>0</v>
      </c>
      <c r="BN34" s="115">
        <v>0</v>
      </c>
      <c r="BO34" s="118">
        <v>0</v>
      </c>
      <c r="BP34" s="112">
        <v>0</v>
      </c>
      <c r="BQ34" s="116">
        <v>0</v>
      </c>
      <c r="BR34" s="115">
        <v>0</v>
      </c>
      <c r="BS34" s="112">
        <v>0</v>
      </c>
      <c r="BT34" s="116">
        <v>0</v>
      </c>
      <c r="BU34" s="116">
        <v>58368</v>
      </c>
      <c r="BV34" s="116">
        <v>0</v>
      </c>
      <c r="BW34" s="116">
        <v>0</v>
      </c>
      <c r="BX34" s="116">
        <v>4768</v>
      </c>
      <c r="BY34" s="115">
        <v>63136</v>
      </c>
      <c r="BZ34" s="118">
        <v>63136</v>
      </c>
      <c r="CA34" s="112">
        <v>0</v>
      </c>
      <c r="CB34" s="116">
        <v>0</v>
      </c>
      <c r="CC34" s="115">
        <v>0</v>
      </c>
      <c r="CD34" s="112">
        <v>0</v>
      </c>
      <c r="CE34" s="116">
        <v>132648</v>
      </c>
      <c r="CF34" s="116">
        <v>57216</v>
      </c>
      <c r="CG34" s="116">
        <v>152584</v>
      </c>
      <c r="CH34" s="116">
        <v>40552</v>
      </c>
      <c r="CI34" s="116">
        <v>80280</v>
      </c>
      <c r="CJ34" s="115">
        <v>463280</v>
      </c>
      <c r="CK34" s="118">
        <v>463280</v>
      </c>
      <c r="CL34" s="112">
        <v>0</v>
      </c>
      <c r="CM34" s="116">
        <v>0</v>
      </c>
      <c r="CN34" s="115">
        <v>0</v>
      </c>
      <c r="CO34" s="113">
        <v>0</v>
      </c>
      <c r="CP34" s="116">
        <v>132648</v>
      </c>
      <c r="CQ34" s="116">
        <v>25960</v>
      </c>
      <c r="CR34" s="116">
        <v>120952</v>
      </c>
      <c r="CS34" s="116">
        <v>0</v>
      </c>
      <c r="CT34" s="116">
        <v>80280</v>
      </c>
      <c r="CU34" s="115">
        <v>359840</v>
      </c>
      <c r="CV34" s="118">
        <v>359840</v>
      </c>
      <c r="CW34" s="112">
        <v>0</v>
      </c>
      <c r="CX34" s="116">
        <v>0</v>
      </c>
      <c r="CY34" s="115">
        <v>0</v>
      </c>
      <c r="CZ34" s="112">
        <v>0</v>
      </c>
      <c r="DA34" s="116">
        <v>0</v>
      </c>
      <c r="DB34" s="116">
        <v>31256</v>
      </c>
      <c r="DC34" s="116">
        <v>31632</v>
      </c>
      <c r="DD34" s="116">
        <v>40552</v>
      </c>
      <c r="DE34" s="116">
        <v>0</v>
      </c>
      <c r="DF34" s="115">
        <v>103440</v>
      </c>
      <c r="DG34" s="118">
        <v>103440</v>
      </c>
      <c r="DH34" s="112">
        <v>0</v>
      </c>
      <c r="DI34" s="116">
        <v>0</v>
      </c>
      <c r="DJ34" s="114">
        <v>0</v>
      </c>
      <c r="DK34" s="113">
        <v>0</v>
      </c>
      <c r="DL34" s="116">
        <v>0</v>
      </c>
      <c r="DM34" s="116">
        <v>0</v>
      </c>
      <c r="DN34" s="116">
        <v>0</v>
      </c>
      <c r="DO34" s="116">
        <v>70152</v>
      </c>
      <c r="DP34" s="116">
        <v>108446</v>
      </c>
      <c r="DQ34" s="115">
        <v>178598</v>
      </c>
      <c r="DR34" s="118">
        <v>178598</v>
      </c>
      <c r="DS34" s="112">
        <v>0</v>
      </c>
      <c r="DT34" s="116">
        <v>0</v>
      </c>
      <c r="DU34" s="115">
        <v>0</v>
      </c>
      <c r="DV34" s="112">
        <v>0</v>
      </c>
      <c r="DW34" s="116">
        <v>0</v>
      </c>
      <c r="DX34" s="116">
        <v>0</v>
      </c>
      <c r="DY34" s="116">
        <v>0</v>
      </c>
      <c r="DZ34" s="116">
        <v>0</v>
      </c>
      <c r="EA34" s="116">
        <v>108446</v>
      </c>
      <c r="EB34" s="115">
        <v>108446</v>
      </c>
      <c r="EC34" s="118">
        <v>108446</v>
      </c>
      <c r="ED34" s="112">
        <v>0</v>
      </c>
      <c r="EE34" s="114">
        <v>0</v>
      </c>
      <c r="EF34" s="115">
        <v>0</v>
      </c>
      <c r="EG34" s="112">
        <v>0</v>
      </c>
      <c r="EH34" s="116">
        <v>0</v>
      </c>
      <c r="EI34" s="116">
        <v>0</v>
      </c>
      <c r="EJ34" s="116">
        <v>0</v>
      </c>
      <c r="EK34" s="116">
        <v>70152</v>
      </c>
      <c r="EL34" s="116">
        <v>0</v>
      </c>
      <c r="EM34" s="114">
        <v>70152</v>
      </c>
      <c r="EN34" s="118">
        <v>70152</v>
      </c>
      <c r="EO34" s="112">
        <v>0</v>
      </c>
      <c r="EP34" s="116">
        <v>0</v>
      </c>
      <c r="EQ34" s="114">
        <v>0</v>
      </c>
      <c r="ER34" s="113">
        <v>0</v>
      </c>
      <c r="ES34" s="116">
        <v>0</v>
      </c>
      <c r="ET34" s="116">
        <v>0</v>
      </c>
      <c r="EU34" s="116">
        <v>0</v>
      </c>
      <c r="EV34" s="116">
        <v>0</v>
      </c>
      <c r="EW34" s="116">
        <v>0</v>
      </c>
      <c r="EX34" s="115">
        <v>0</v>
      </c>
      <c r="EY34" s="118">
        <v>0</v>
      </c>
      <c r="EZ34" s="112">
        <v>0</v>
      </c>
      <c r="FA34" s="116">
        <v>0</v>
      </c>
      <c r="FB34" s="114">
        <v>0</v>
      </c>
      <c r="FC34" s="390"/>
      <c r="FD34" s="116">
        <v>0</v>
      </c>
      <c r="FE34" s="116">
        <v>0</v>
      </c>
      <c r="FF34" s="116">
        <v>0</v>
      </c>
      <c r="FG34" s="116">
        <v>0</v>
      </c>
      <c r="FH34" s="116">
        <v>0</v>
      </c>
      <c r="FI34" s="115">
        <v>0</v>
      </c>
      <c r="FJ34" s="118">
        <v>0</v>
      </c>
      <c r="FK34" s="112">
        <v>12000</v>
      </c>
      <c r="FL34" s="116">
        <v>4080</v>
      </c>
      <c r="FM34" s="115">
        <v>16080</v>
      </c>
      <c r="FN34" s="112">
        <v>0</v>
      </c>
      <c r="FO34" s="116">
        <v>9680</v>
      </c>
      <c r="FP34" s="116">
        <v>40000</v>
      </c>
      <c r="FQ34" s="116">
        <v>5200</v>
      </c>
      <c r="FR34" s="116">
        <v>36800</v>
      </c>
      <c r="FS34" s="116">
        <v>68224</v>
      </c>
      <c r="FT34" s="115">
        <v>159904</v>
      </c>
      <c r="FU34" s="118">
        <v>175984</v>
      </c>
      <c r="FV34" s="117">
        <v>12000</v>
      </c>
      <c r="FW34" s="116">
        <v>4080</v>
      </c>
      <c r="FX34" s="114">
        <v>16080</v>
      </c>
      <c r="FY34" s="113">
        <v>0</v>
      </c>
      <c r="FZ34" s="116">
        <v>9680</v>
      </c>
      <c r="GA34" s="116">
        <v>40000</v>
      </c>
      <c r="GB34" s="116">
        <v>5200</v>
      </c>
      <c r="GC34" s="116">
        <v>36800</v>
      </c>
      <c r="GD34" s="116">
        <v>68224</v>
      </c>
      <c r="GE34" s="115">
        <v>159904</v>
      </c>
      <c r="GF34" s="354">
        <v>175984</v>
      </c>
      <c r="GG34" s="117">
        <v>0</v>
      </c>
      <c r="GH34" s="116">
        <v>0</v>
      </c>
      <c r="GI34" s="114">
        <v>0</v>
      </c>
      <c r="GJ34" s="113">
        <v>0</v>
      </c>
      <c r="GK34" s="116">
        <v>0</v>
      </c>
      <c r="GL34" s="116">
        <v>0</v>
      </c>
      <c r="GM34" s="116">
        <v>0</v>
      </c>
      <c r="GN34" s="116">
        <v>0</v>
      </c>
      <c r="GO34" s="116">
        <v>0</v>
      </c>
      <c r="GP34" s="115">
        <v>0</v>
      </c>
      <c r="GQ34" s="118">
        <v>0</v>
      </c>
      <c r="GR34" s="112">
        <v>0</v>
      </c>
      <c r="GS34" s="116">
        <v>0</v>
      </c>
      <c r="GT34" s="115">
        <v>0</v>
      </c>
      <c r="GU34" s="112">
        <v>0</v>
      </c>
      <c r="GV34" s="116">
        <v>0</v>
      </c>
      <c r="GW34" s="116">
        <v>0</v>
      </c>
      <c r="GX34" s="116">
        <v>0</v>
      </c>
      <c r="GY34" s="116">
        <v>0</v>
      </c>
      <c r="GZ34" s="116">
        <v>0</v>
      </c>
      <c r="HA34" s="114">
        <v>0</v>
      </c>
      <c r="HB34" s="118">
        <v>0</v>
      </c>
      <c r="HC34" s="112">
        <v>0</v>
      </c>
      <c r="HD34" s="116">
        <v>0</v>
      </c>
      <c r="HE34" s="114">
        <v>0</v>
      </c>
      <c r="HF34" s="113">
        <v>0</v>
      </c>
      <c r="HG34" s="116">
        <v>0</v>
      </c>
      <c r="HH34" s="116">
        <v>362100</v>
      </c>
      <c r="HI34" s="116">
        <v>0</v>
      </c>
      <c r="HJ34" s="116">
        <v>0</v>
      </c>
      <c r="HK34" s="116">
        <v>0</v>
      </c>
      <c r="HL34" s="115">
        <v>362100</v>
      </c>
      <c r="HM34" s="111">
        <v>362100</v>
      </c>
      <c r="HN34" s="370"/>
      <c r="HO34" s="371"/>
      <c r="HP34" s="372"/>
      <c r="HQ34" s="373"/>
      <c r="HR34" s="371"/>
      <c r="HS34" s="371"/>
      <c r="HT34" s="371"/>
      <c r="HU34" s="371"/>
      <c r="HV34" s="371"/>
      <c r="HW34" s="374"/>
      <c r="HX34" s="375"/>
      <c r="HY34" s="167">
        <v>0</v>
      </c>
      <c r="HZ34" s="152">
        <v>0</v>
      </c>
      <c r="IA34" s="167">
        <v>0</v>
      </c>
      <c r="IB34" s="151">
        <v>0</v>
      </c>
      <c r="IC34" s="152">
        <v>58983</v>
      </c>
      <c r="ID34" s="153">
        <v>0</v>
      </c>
      <c r="IE34" s="154">
        <v>0</v>
      </c>
      <c r="IF34" s="152">
        <v>0</v>
      </c>
      <c r="IG34" s="154">
        <v>261672</v>
      </c>
      <c r="IH34" s="155">
        <v>320655</v>
      </c>
      <c r="II34" s="167">
        <v>320655</v>
      </c>
      <c r="IJ34" s="261">
        <v>0</v>
      </c>
      <c r="IK34" s="268">
        <v>0</v>
      </c>
      <c r="IL34" s="269">
        <v>0</v>
      </c>
      <c r="IM34" s="157"/>
      <c r="IN34" s="122">
        <v>0</v>
      </c>
      <c r="IO34" s="122">
        <v>0</v>
      </c>
      <c r="IP34" s="122">
        <v>0</v>
      </c>
      <c r="IQ34" s="122">
        <v>0</v>
      </c>
      <c r="IR34" s="122">
        <v>0</v>
      </c>
      <c r="IS34" s="158">
        <v>0</v>
      </c>
      <c r="IT34" s="357">
        <v>0</v>
      </c>
      <c r="IU34" s="159">
        <v>0</v>
      </c>
      <c r="IV34" s="122">
        <v>0</v>
      </c>
      <c r="IW34" s="123">
        <v>0</v>
      </c>
      <c r="IX34" s="161"/>
      <c r="IY34" s="122">
        <v>0</v>
      </c>
      <c r="IZ34" s="122">
        <v>0</v>
      </c>
      <c r="JA34" s="122">
        <v>0</v>
      </c>
      <c r="JB34" s="122">
        <v>0</v>
      </c>
      <c r="JC34" s="122">
        <v>0</v>
      </c>
      <c r="JD34" s="123">
        <v>0</v>
      </c>
      <c r="JE34" s="124">
        <v>0</v>
      </c>
      <c r="JF34" s="159">
        <v>0</v>
      </c>
      <c r="JG34" s="122">
        <v>0</v>
      </c>
      <c r="JH34" s="158">
        <v>0</v>
      </c>
      <c r="JI34" s="121">
        <v>0</v>
      </c>
      <c r="JJ34" s="122">
        <v>58983</v>
      </c>
      <c r="JK34" s="122">
        <v>0</v>
      </c>
      <c r="JL34" s="122">
        <v>0</v>
      </c>
      <c r="JM34" s="122">
        <v>0</v>
      </c>
      <c r="JN34" s="122">
        <v>0</v>
      </c>
      <c r="JO34" s="123">
        <v>58983</v>
      </c>
      <c r="JP34" s="357">
        <v>58983</v>
      </c>
      <c r="JQ34" s="159">
        <v>0</v>
      </c>
      <c r="JR34" s="122">
        <v>0</v>
      </c>
      <c r="JS34" s="158">
        <v>0</v>
      </c>
      <c r="JT34" s="121">
        <v>0</v>
      </c>
      <c r="JU34" s="122">
        <v>0</v>
      </c>
      <c r="JV34" s="122">
        <v>0</v>
      </c>
      <c r="JW34" s="122">
        <v>0</v>
      </c>
      <c r="JX34" s="122">
        <v>0</v>
      </c>
      <c r="JY34" s="122">
        <v>0</v>
      </c>
      <c r="JZ34" s="123">
        <v>0</v>
      </c>
      <c r="KA34" s="357">
        <v>0</v>
      </c>
      <c r="KB34" s="264">
        <v>0</v>
      </c>
      <c r="KC34" s="258">
        <v>0</v>
      </c>
      <c r="KD34" s="123">
        <v>0</v>
      </c>
      <c r="KE34" s="121">
        <v>0</v>
      </c>
      <c r="KF34" s="122">
        <v>0</v>
      </c>
      <c r="KG34" s="122">
        <v>0</v>
      </c>
      <c r="KH34" s="122">
        <v>0</v>
      </c>
      <c r="KI34" s="122">
        <v>0</v>
      </c>
      <c r="KJ34" s="122">
        <v>0</v>
      </c>
      <c r="KK34" s="123">
        <v>0</v>
      </c>
      <c r="KL34" s="160">
        <v>0</v>
      </c>
      <c r="KM34" s="261">
        <v>0</v>
      </c>
      <c r="KN34" s="268">
        <v>0</v>
      </c>
      <c r="KO34" s="269">
        <v>0</v>
      </c>
      <c r="KP34" s="157"/>
      <c r="KQ34" s="122">
        <v>0</v>
      </c>
      <c r="KR34" s="122">
        <v>0</v>
      </c>
      <c r="KS34" s="122">
        <v>0</v>
      </c>
      <c r="KT34" s="122">
        <v>0</v>
      </c>
      <c r="KU34" s="122">
        <v>0</v>
      </c>
      <c r="KV34" s="123">
        <v>0</v>
      </c>
      <c r="KW34" s="357">
        <v>0</v>
      </c>
      <c r="KX34" s="159">
        <v>0</v>
      </c>
      <c r="KY34" s="122">
        <v>0</v>
      </c>
      <c r="KZ34" s="123">
        <v>0</v>
      </c>
      <c r="LA34" s="162"/>
      <c r="LB34" s="122">
        <v>0</v>
      </c>
      <c r="LC34" s="122">
        <v>0</v>
      </c>
      <c r="LD34" s="122">
        <v>0</v>
      </c>
      <c r="LE34" s="122">
        <v>0</v>
      </c>
      <c r="LF34" s="122">
        <v>0</v>
      </c>
      <c r="LG34" s="123">
        <v>0</v>
      </c>
      <c r="LH34" s="124">
        <v>0</v>
      </c>
      <c r="LI34" s="159">
        <v>0</v>
      </c>
      <c r="LJ34" s="122">
        <v>0</v>
      </c>
      <c r="LK34" s="123">
        <v>0</v>
      </c>
      <c r="LL34" s="162"/>
      <c r="LM34" s="122">
        <v>0</v>
      </c>
      <c r="LN34" s="122">
        <v>0</v>
      </c>
      <c r="LO34" s="122">
        <v>0</v>
      </c>
      <c r="LP34" s="122">
        <v>0</v>
      </c>
      <c r="LQ34" s="122">
        <v>261672</v>
      </c>
      <c r="LR34" s="123">
        <v>261672</v>
      </c>
      <c r="LS34" s="357">
        <v>261672</v>
      </c>
      <c r="LT34" s="159">
        <v>0</v>
      </c>
      <c r="LU34" s="122">
        <v>0</v>
      </c>
      <c r="LV34" s="123">
        <v>0</v>
      </c>
      <c r="LW34" s="162"/>
      <c r="LX34" s="122">
        <v>0</v>
      </c>
      <c r="LY34" s="122">
        <v>0</v>
      </c>
      <c r="LZ34" s="122">
        <v>0</v>
      </c>
      <c r="MA34" s="122">
        <v>0</v>
      </c>
      <c r="MB34" s="122">
        <v>0</v>
      </c>
      <c r="MC34" s="123">
        <v>0</v>
      </c>
      <c r="MD34" s="124">
        <v>0</v>
      </c>
      <c r="ME34" s="159">
        <v>0</v>
      </c>
      <c r="MF34" s="122">
        <v>0</v>
      </c>
      <c r="MG34" s="123">
        <v>0</v>
      </c>
      <c r="MH34" s="162"/>
      <c r="MI34" s="122">
        <v>0</v>
      </c>
      <c r="MJ34" s="122">
        <v>215872</v>
      </c>
      <c r="MK34" s="122">
        <v>207168</v>
      </c>
      <c r="ML34" s="122">
        <v>235912</v>
      </c>
      <c r="MM34" s="122">
        <v>254352</v>
      </c>
      <c r="MN34" s="123">
        <v>913304</v>
      </c>
      <c r="MO34" s="160">
        <v>913304</v>
      </c>
      <c r="MP34" s="159">
        <v>0</v>
      </c>
      <c r="MQ34" s="122">
        <v>0</v>
      </c>
      <c r="MR34" s="123">
        <v>0</v>
      </c>
      <c r="MS34" s="162"/>
      <c r="MT34" s="122">
        <v>0</v>
      </c>
      <c r="MU34" s="122">
        <v>0</v>
      </c>
      <c r="MV34" s="122">
        <v>207168</v>
      </c>
      <c r="MW34" s="122">
        <v>235912</v>
      </c>
      <c r="MX34" s="122">
        <v>254352</v>
      </c>
      <c r="MY34" s="123">
        <v>697432</v>
      </c>
      <c r="MZ34" s="160">
        <v>697432</v>
      </c>
      <c r="NA34" s="159">
        <v>0</v>
      </c>
      <c r="NB34" s="122">
        <v>0</v>
      </c>
      <c r="NC34" s="123">
        <v>0</v>
      </c>
      <c r="ND34" s="162"/>
      <c r="NE34" s="122">
        <v>0</v>
      </c>
      <c r="NF34" s="122">
        <v>215872</v>
      </c>
      <c r="NG34" s="122">
        <v>0</v>
      </c>
      <c r="NH34" s="122">
        <v>0</v>
      </c>
      <c r="NI34" s="122">
        <v>0</v>
      </c>
      <c r="NJ34" s="123">
        <v>215872</v>
      </c>
      <c r="NK34" s="357">
        <v>215872</v>
      </c>
      <c r="NL34" s="159">
        <v>0</v>
      </c>
      <c r="NM34" s="122">
        <v>0</v>
      </c>
      <c r="NN34" s="123">
        <v>0</v>
      </c>
      <c r="NO34" s="162"/>
      <c r="NP34" s="122">
        <v>0</v>
      </c>
      <c r="NQ34" s="122">
        <v>0</v>
      </c>
      <c r="NR34" s="122">
        <v>0</v>
      </c>
      <c r="NS34" s="122">
        <v>0</v>
      </c>
      <c r="NT34" s="122">
        <v>0</v>
      </c>
      <c r="NU34" s="123">
        <v>0</v>
      </c>
      <c r="NV34" s="124">
        <v>0</v>
      </c>
      <c r="NW34" s="159">
        <v>0</v>
      </c>
      <c r="NX34" s="122">
        <v>0</v>
      </c>
      <c r="NY34" s="123">
        <v>0</v>
      </c>
      <c r="NZ34" s="162"/>
      <c r="OA34" s="122">
        <v>0</v>
      </c>
      <c r="OB34" s="122">
        <v>0</v>
      </c>
      <c r="OC34" s="122">
        <v>0</v>
      </c>
      <c r="OD34" s="122">
        <v>0</v>
      </c>
      <c r="OE34" s="122">
        <v>0</v>
      </c>
      <c r="OF34" s="123">
        <v>0</v>
      </c>
      <c r="OG34" s="124">
        <v>0</v>
      </c>
      <c r="OH34" s="159">
        <v>12000</v>
      </c>
      <c r="OI34" s="122">
        <v>17968</v>
      </c>
      <c r="OJ34" s="158">
        <v>29968</v>
      </c>
      <c r="OK34" s="121">
        <v>0</v>
      </c>
      <c r="OL34" s="122">
        <v>201311</v>
      </c>
      <c r="OM34" s="122">
        <v>811392</v>
      </c>
      <c r="ON34" s="122">
        <v>364952</v>
      </c>
      <c r="OO34" s="122">
        <v>596288</v>
      </c>
      <c r="OP34" s="122">
        <v>866686</v>
      </c>
      <c r="OQ34" s="123">
        <v>2840629</v>
      </c>
      <c r="OR34" s="160">
        <v>2870597</v>
      </c>
    </row>
    <row r="35" spans="1:408" ht="20.25" customHeight="1" x14ac:dyDescent="0.2">
      <c r="A35" s="129" t="s">
        <v>30</v>
      </c>
      <c r="B35" s="112">
        <v>7600</v>
      </c>
      <c r="C35" s="116">
        <v>800</v>
      </c>
      <c r="D35" s="201">
        <v>8400</v>
      </c>
      <c r="E35" s="202">
        <v>0</v>
      </c>
      <c r="F35" s="203">
        <v>491759</v>
      </c>
      <c r="G35" s="203">
        <v>69416</v>
      </c>
      <c r="H35" s="203">
        <v>250713</v>
      </c>
      <c r="I35" s="203">
        <v>514152</v>
      </c>
      <c r="J35" s="203">
        <v>0</v>
      </c>
      <c r="K35" s="204">
        <v>1326040</v>
      </c>
      <c r="L35" s="118">
        <v>1334440</v>
      </c>
      <c r="M35" s="112">
        <v>0</v>
      </c>
      <c r="N35" s="116">
        <v>0</v>
      </c>
      <c r="O35" s="115">
        <v>0</v>
      </c>
      <c r="P35" s="112">
        <v>0</v>
      </c>
      <c r="Q35" s="116">
        <v>100695</v>
      </c>
      <c r="R35" s="116">
        <v>55816</v>
      </c>
      <c r="S35" s="116">
        <v>25256</v>
      </c>
      <c r="T35" s="116">
        <v>304640</v>
      </c>
      <c r="U35" s="116">
        <v>0</v>
      </c>
      <c r="V35" s="115">
        <v>486407</v>
      </c>
      <c r="W35" s="118">
        <v>486407</v>
      </c>
      <c r="X35" s="112">
        <v>0</v>
      </c>
      <c r="Y35" s="116">
        <v>0</v>
      </c>
      <c r="Z35" s="115">
        <v>0</v>
      </c>
      <c r="AA35" s="112">
        <v>0</v>
      </c>
      <c r="AB35" s="116">
        <v>46351</v>
      </c>
      <c r="AC35" s="116">
        <v>53528</v>
      </c>
      <c r="AD35" s="116">
        <v>7080</v>
      </c>
      <c r="AE35" s="116">
        <v>119256</v>
      </c>
      <c r="AF35" s="116">
        <v>0</v>
      </c>
      <c r="AG35" s="115">
        <v>226215</v>
      </c>
      <c r="AH35" s="118">
        <v>226215</v>
      </c>
      <c r="AI35" s="112">
        <v>0</v>
      </c>
      <c r="AJ35" s="116">
        <v>0</v>
      </c>
      <c r="AK35" s="115">
        <v>0</v>
      </c>
      <c r="AL35" s="112">
        <v>0</v>
      </c>
      <c r="AM35" s="116">
        <v>0</v>
      </c>
      <c r="AN35" s="116">
        <v>0</v>
      </c>
      <c r="AO35" s="116">
        <v>0</v>
      </c>
      <c r="AP35" s="116">
        <v>101432</v>
      </c>
      <c r="AQ35" s="116">
        <v>0</v>
      </c>
      <c r="AR35" s="115">
        <v>101432</v>
      </c>
      <c r="AS35" s="118">
        <v>101432</v>
      </c>
      <c r="AT35" s="112">
        <v>0</v>
      </c>
      <c r="AU35" s="116">
        <v>0</v>
      </c>
      <c r="AV35" s="115">
        <v>0</v>
      </c>
      <c r="AW35" s="112">
        <v>0</v>
      </c>
      <c r="AX35" s="116">
        <v>28840</v>
      </c>
      <c r="AY35" s="116">
        <v>0</v>
      </c>
      <c r="AZ35" s="116">
        <v>0</v>
      </c>
      <c r="BA35" s="116">
        <v>70912</v>
      </c>
      <c r="BB35" s="116">
        <v>0</v>
      </c>
      <c r="BC35" s="115">
        <v>99752</v>
      </c>
      <c r="BD35" s="118">
        <v>99752</v>
      </c>
      <c r="BE35" s="112">
        <v>0</v>
      </c>
      <c r="BF35" s="116">
        <v>0</v>
      </c>
      <c r="BG35" s="114">
        <v>0</v>
      </c>
      <c r="BH35" s="113">
        <v>0</v>
      </c>
      <c r="BI35" s="116">
        <v>0</v>
      </c>
      <c r="BJ35" s="116">
        <v>0</v>
      </c>
      <c r="BK35" s="116">
        <v>0</v>
      </c>
      <c r="BL35" s="116">
        <v>0</v>
      </c>
      <c r="BM35" s="116">
        <v>0</v>
      </c>
      <c r="BN35" s="115">
        <v>0</v>
      </c>
      <c r="BO35" s="118">
        <v>0</v>
      </c>
      <c r="BP35" s="112">
        <v>0</v>
      </c>
      <c r="BQ35" s="116">
        <v>0</v>
      </c>
      <c r="BR35" s="115">
        <v>0</v>
      </c>
      <c r="BS35" s="112">
        <v>0</v>
      </c>
      <c r="BT35" s="116">
        <v>25504</v>
      </c>
      <c r="BU35" s="116">
        <v>2288</v>
      </c>
      <c r="BV35" s="116">
        <v>18176</v>
      </c>
      <c r="BW35" s="116">
        <v>13040</v>
      </c>
      <c r="BX35" s="116">
        <v>0</v>
      </c>
      <c r="BY35" s="115">
        <v>59008</v>
      </c>
      <c r="BZ35" s="118">
        <v>59008</v>
      </c>
      <c r="CA35" s="112">
        <v>0</v>
      </c>
      <c r="CB35" s="116">
        <v>0</v>
      </c>
      <c r="CC35" s="115">
        <v>0</v>
      </c>
      <c r="CD35" s="112">
        <v>0</v>
      </c>
      <c r="CE35" s="116">
        <v>41718</v>
      </c>
      <c r="CF35" s="116">
        <v>0</v>
      </c>
      <c r="CG35" s="116">
        <v>0</v>
      </c>
      <c r="CH35" s="116">
        <v>96152</v>
      </c>
      <c r="CI35" s="116">
        <v>0</v>
      </c>
      <c r="CJ35" s="115">
        <v>137870</v>
      </c>
      <c r="CK35" s="118">
        <v>137870</v>
      </c>
      <c r="CL35" s="112">
        <v>0</v>
      </c>
      <c r="CM35" s="116">
        <v>0</v>
      </c>
      <c r="CN35" s="115">
        <v>0</v>
      </c>
      <c r="CO35" s="113">
        <v>0</v>
      </c>
      <c r="CP35" s="116">
        <v>0</v>
      </c>
      <c r="CQ35" s="116">
        <v>0</v>
      </c>
      <c r="CR35" s="116">
        <v>0</v>
      </c>
      <c r="CS35" s="116">
        <v>96152</v>
      </c>
      <c r="CT35" s="116">
        <v>0</v>
      </c>
      <c r="CU35" s="115">
        <v>96152</v>
      </c>
      <c r="CV35" s="118">
        <v>96152</v>
      </c>
      <c r="CW35" s="112">
        <v>0</v>
      </c>
      <c r="CX35" s="116">
        <v>0</v>
      </c>
      <c r="CY35" s="115">
        <v>0</v>
      </c>
      <c r="CZ35" s="112">
        <v>0</v>
      </c>
      <c r="DA35" s="116">
        <v>41718</v>
      </c>
      <c r="DB35" s="116">
        <v>0</v>
      </c>
      <c r="DC35" s="116">
        <v>0</v>
      </c>
      <c r="DD35" s="116">
        <v>0</v>
      </c>
      <c r="DE35" s="116">
        <v>0</v>
      </c>
      <c r="DF35" s="115">
        <v>41718</v>
      </c>
      <c r="DG35" s="118">
        <v>41718</v>
      </c>
      <c r="DH35" s="112">
        <v>0</v>
      </c>
      <c r="DI35" s="116">
        <v>0</v>
      </c>
      <c r="DJ35" s="114">
        <v>0</v>
      </c>
      <c r="DK35" s="113">
        <v>0</v>
      </c>
      <c r="DL35" s="116">
        <v>29801</v>
      </c>
      <c r="DM35" s="116">
        <v>0</v>
      </c>
      <c r="DN35" s="116">
        <v>203537</v>
      </c>
      <c r="DO35" s="116">
        <v>64368</v>
      </c>
      <c r="DP35" s="116">
        <v>0</v>
      </c>
      <c r="DQ35" s="115">
        <v>297706</v>
      </c>
      <c r="DR35" s="118">
        <v>297706</v>
      </c>
      <c r="DS35" s="112">
        <v>0</v>
      </c>
      <c r="DT35" s="116">
        <v>0</v>
      </c>
      <c r="DU35" s="115">
        <v>0</v>
      </c>
      <c r="DV35" s="112">
        <v>0</v>
      </c>
      <c r="DW35" s="116">
        <v>29801</v>
      </c>
      <c r="DX35" s="116">
        <v>0</v>
      </c>
      <c r="DY35" s="116">
        <v>203537</v>
      </c>
      <c r="DZ35" s="116">
        <v>64368</v>
      </c>
      <c r="EA35" s="116">
        <v>0</v>
      </c>
      <c r="EB35" s="115">
        <v>297706</v>
      </c>
      <c r="EC35" s="118">
        <v>297706</v>
      </c>
      <c r="ED35" s="112">
        <v>0</v>
      </c>
      <c r="EE35" s="114">
        <v>0</v>
      </c>
      <c r="EF35" s="115">
        <v>0</v>
      </c>
      <c r="EG35" s="112">
        <v>0</v>
      </c>
      <c r="EH35" s="116">
        <v>0</v>
      </c>
      <c r="EI35" s="116">
        <v>0</v>
      </c>
      <c r="EJ35" s="116">
        <v>0</v>
      </c>
      <c r="EK35" s="116">
        <v>0</v>
      </c>
      <c r="EL35" s="116">
        <v>0</v>
      </c>
      <c r="EM35" s="114">
        <v>0</v>
      </c>
      <c r="EN35" s="118">
        <v>0</v>
      </c>
      <c r="EO35" s="112">
        <v>0</v>
      </c>
      <c r="EP35" s="116">
        <v>0</v>
      </c>
      <c r="EQ35" s="114">
        <v>0</v>
      </c>
      <c r="ER35" s="113">
        <v>0</v>
      </c>
      <c r="ES35" s="116">
        <v>0</v>
      </c>
      <c r="ET35" s="116">
        <v>0</v>
      </c>
      <c r="EU35" s="116">
        <v>0</v>
      </c>
      <c r="EV35" s="116">
        <v>0</v>
      </c>
      <c r="EW35" s="116">
        <v>0</v>
      </c>
      <c r="EX35" s="115">
        <v>0</v>
      </c>
      <c r="EY35" s="118">
        <v>0</v>
      </c>
      <c r="EZ35" s="112">
        <v>0</v>
      </c>
      <c r="FA35" s="116">
        <v>0</v>
      </c>
      <c r="FB35" s="114">
        <v>0</v>
      </c>
      <c r="FC35" s="390"/>
      <c r="FD35" s="116">
        <v>0</v>
      </c>
      <c r="FE35" s="116">
        <v>0</v>
      </c>
      <c r="FF35" s="116">
        <v>0</v>
      </c>
      <c r="FG35" s="116">
        <v>0</v>
      </c>
      <c r="FH35" s="116">
        <v>0</v>
      </c>
      <c r="FI35" s="115">
        <v>0</v>
      </c>
      <c r="FJ35" s="118">
        <v>0</v>
      </c>
      <c r="FK35" s="112">
        <v>7600</v>
      </c>
      <c r="FL35" s="116">
        <v>800</v>
      </c>
      <c r="FM35" s="115">
        <v>8400</v>
      </c>
      <c r="FN35" s="112">
        <v>0</v>
      </c>
      <c r="FO35" s="116">
        <v>3040</v>
      </c>
      <c r="FP35" s="116">
        <v>13600</v>
      </c>
      <c r="FQ35" s="116">
        <v>21920</v>
      </c>
      <c r="FR35" s="116">
        <v>48992</v>
      </c>
      <c r="FS35" s="116">
        <v>0</v>
      </c>
      <c r="FT35" s="115">
        <v>87552</v>
      </c>
      <c r="FU35" s="118">
        <v>95952</v>
      </c>
      <c r="FV35" s="117">
        <v>7600</v>
      </c>
      <c r="FW35" s="116">
        <v>800</v>
      </c>
      <c r="FX35" s="114">
        <v>8400</v>
      </c>
      <c r="FY35" s="113">
        <v>0</v>
      </c>
      <c r="FZ35" s="116">
        <v>3040</v>
      </c>
      <c r="GA35" s="116">
        <v>13600</v>
      </c>
      <c r="GB35" s="116">
        <v>21920</v>
      </c>
      <c r="GC35" s="116">
        <v>48992</v>
      </c>
      <c r="GD35" s="116">
        <v>0</v>
      </c>
      <c r="GE35" s="115">
        <v>87552</v>
      </c>
      <c r="GF35" s="354">
        <v>95952</v>
      </c>
      <c r="GG35" s="117">
        <v>0</v>
      </c>
      <c r="GH35" s="116">
        <v>0</v>
      </c>
      <c r="GI35" s="114">
        <v>0</v>
      </c>
      <c r="GJ35" s="113">
        <v>0</v>
      </c>
      <c r="GK35" s="116">
        <v>0</v>
      </c>
      <c r="GL35" s="116">
        <v>0</v>
      </c>
      <c r="GM35" s="116">
        <v>0</v>
      </c>
      <c r="GN35" s="116">
        <v>0</v>
      </c>
      <c r="GO35" s="116">
        <v>0</v>
      </c>
      <c r="GP35" s="115">
        <v>0</v>
      </c>
      <c r="GQ35" s="118">
        <v>0</v>
      </c>
      <c r="GR35" s="112">
        <v>0</v>
      </c>
      <c r="GS35" s="116">
        <v>0</v>
      </c>
      <c r="GT35" s="115">
        <v>0</v>
      </c>
      <c r="GU35" s="112">
        <v>0</v>
      </c>
      <c r="GV35" s="116">
        <v>0</v>
      </c>
      <c r="GW35" s="116">
        <v>0</v>
      </c>
      <c r="GX35" s="116">
        <v>0</v>
      </c>
      <c r="GY35" s="116">
        <v>0</v>
      </c>
      <c r="GZ35" s="116">
        <v>0</v>
      </c>
      <c r="HA35" s="114">
        <v>0</v>
      </c>
      <c r="HB35" s="118">
        <v>0</v>
      </c>
      <c r="HC35" s="112">
        <v>0</v>
      </c>
      <c r="HD35" s="116">
        <v>0</v>
      </c>
      <c r="HE35" s="114">
        <v>0</v>
      </c>
      <c r="HF35" s="113">
        <v>0</v>
      </c>
      <c r="HG35" s="116">
        <v>316505</v>
      </c>
      <c r="HH35" s="116">
        <v>0</v>
      </c>
      <c r="HI35" s="116">
        <v>0</v>
      </c>
      <c r="HJ35" s="116">
        <v>0</v>
      </c>
      <c r="HK35" s="116">
        <v>0</v>
      </c>
      <c r="HL35" s="115">
        <v>316505</v>
      </c>
      <c r="HM35" s="111">
        <v>316505</v>
      </c>
      <c r="HN35" s="370"/>
      <c r="HO35" s="371"/>
      <c r="HP35" s="372"/>
      <c r="HQ35" s="373"/>
      <c r="HR35" s="371"/>
      <c r="HS35" s="371"/>
      <c r="HT35" s="371"/>
      <c r="HU35" s="371"/>
      <c r="HV35" s="371"/>
      <c r="HW35" s="374"/>
      <c r="HX35" s="375"/>
      <c r="HY35" s="148">
        <v>47390</v>
      </c>
      <c r="HZ35" s="149">
        <v>0</v>
      </c>
      <c r="IA35" s="150">
        <v>47390</v>
      </c>
      <c r="IB35" s="163">
        <v>0</v>
      </c>
      <c r="IC35" s="149">
        <v>0</v>
      </c>
      <c r="ID35" s="164">
        <v>301104</v>
      </c>
      <c r="IE35" s="150">
        <v>244952</v>
      </c>
      <c r="IF35" s="149">
        <v>0</v>
      </c>
      <c r="IG35" s="150">
        <v>0</v>
      </c>
      <c r="IH35" s="165">
        <v>546056</v>
      </c>
      <c r="II35" s="156">
        <v>593446</v>
      </c>
      <c r="IJ35" s="261">
        <v>0</v>
      </c>
      <c r="IK35" s="268">
        <v>0</v>
      </c>
      <c r="IL35" s="269">
        <v>0</v>
      </c>
      <c r="IM35" s="157"/>
      <c r="IN35" s="122">
        <v>0</v>
      </c>
      <c r="IO35" s="122">
        <v>0</v>
      </c>
      <c r="IP35" s="122">
        <v>0</v>
      </c>
      <c r="IQ35" s="122">
        <v>0</v>
      </c>
      <c r="IR35" s="122">
        <v>0</v>
      </c>
      <c r="IS35" s="158">
        <v>0</v>
      </c>
      <c r="IT35" s="357">
        <v>0</v>
      </c>
      <c r="IU35" s="159">
        <v>0</v>
      </c>
      <c r="IV35" s="122">
        <v>0</v>
      </c>
      <c r="IW35" s="123">
        <v>0</v>
      </c>
      <c r="IX35" s="161"/>
      <c r="IY35" s="122">
        <v>0</v>
      </c>
      <c r="IZ35" s="122">
        <v>0</v>
      </c>
      <c r="JA35" s="122">
        <v>0</v>
      </c>
      <c r="JB35" s="122">
        <v>0</v>
      </c>
      <c r="JC35" s="122">
        <v>0</v>
      </c>
      <c r="JD35" s="123">
        <v>0</v>
      </c>
      <c r="JE35" s="124">
        <v>0</v>
      </c>
      <c r="JF35" s="159">
        <v>0</v>
      </c>
      <c r="JG35" s="122">
        <v>0</v>
      </c>
      <c r="JH35" s="158">
        <v>0</v>
      </c>
      <c r="JI35" s="121">
        <v>0</v>
      </c>
      <c r="JJ35" s="122">
        <v>0</v>
      </c>
      <c r="JK35" s="122">
        <v>102704</v>
      </c>
      <c r="JL35" s="122">
        <v>0</v>
      </c>
      <c r="JM35" s="122">
        <v>0</v>
      </c>
      <c r="JN35" s="122">
        <v>0</v>
      </c>
      <c r="JO35" s="123">
        <v>102704</v>
      </c>
      <c r="JP35" s="357">
        <v>102704</v>
      </c>
      <c r="JQ35" s="159">
        <v>47390</v>
      </c>
      <c r="JR35" s="122">
        <v>0</v>
      </c>
      <c r="JS35" s="158">
        <v>47390</v>
      </c>
      <c r="JT35" s="121">
        <v>0</v>
      </c>
      <c r="JU35" s="122">
        <v>0</v>
      </c>
      <c r="JV35" s="122">
        <v>0</v>
      </c>
      <c r="JW35" s="122">
        <v>0</v>
      </c>
      <c r="JX35" s="122">
        <v>0</v>
      </c>
      <c r="JY35" s="122">
        <v>0</v>
      </c>
      <c r="JZ35" s="123">
        <v>0</v>
      </c>
      <c r="KA35" s="357">
        <v>47390</v>
      </c>
      <c r="KB35" s="264">
        <v>0</v>
      </c>
      <c r="KC35" s="258">
        <v>0</v>
      </c>
      <c r="KD35" s="123">
        <v>0</v>
      </c>
      <c r="KE35" s="121">
        <v>0</v>
      </c>
      <c r="KF35" s="122">
        <v>0</v>
      </c>
      <c r="KG35" s="122">
        <v>0</v>
      </c>
      <c r="KH35" s="122">
        <v>0</v>
      </c>
      <c r="KI35" s="122">
        <v>0</v>
      </c>
      <c r="KJ35" s="122">
        <v>0</v>
      </c>
      <c r="KK35" s="123">
        <v>0</v>
      </c>
      <c r="KL35" s="160">
        <v>0</v>
      </c>
      <c r="KM35" s="261">
        <v>0</v>
      </c>
      <c r="KN35" s="268">
        <v>0</v>
      </c>
      <c r="KO35" s="269">
        <v>0</v>
      </c>
      <c r="KP35" s="157"/>
      <c r="KQ35" s="122">
        <v>0</v>
      </c>
      <c r="KR35" s="122">
        <v>198400</v>
      </c>
      <c r="KS35" s="122">
        <v>244952</v>
      </c>
      <c r="KT35" s="122">
        <v>0</v>
      </c>
      <c r="KU35" s="122">
        <v>0</v>
      </c>
      <c r="KV35" s="123">
        <v>443352</v>
      </c>
      <c r="KW35" s="357">
        <v>443352</v>
      </c>
      <c r="KX35" s="159">
        <v>0</v>
      </c>
      <c r="KY35" s="122">
        <v>0</v>
      </c>
      <c r="KZ35" s="123">
        <v>0</v>
      </c>
      <c r="LA35" s="162"/>
      <c r="LB35" s="122">
        <v>0</v>
      </c>
      <c r="LC35" s="122">
        <v>0</v>
      </c>
      <c r="LD35" s="122">
        <v>0</v>
      </c>
      <c r="LE35" s="122">
        <v>0</v>
      </c>
      <c r="LF35" s="122">
        <v>0</v>
      </c>
      <c r="LG35" s="123">
        <v>0</v>
      </c>
      <c r="LH35" s="124">
        <v>0</v>
      </c>
      <c r="LI35" s="159">
        <v>0</v>
      </c>
      <c r="LJ35" s="122">
        <v>0</v>
      </c>
      <c r="LK35" s="123">
        <v>0</v>
      </c>
      <c r="LL35" s="162"/>
      <c r="LM35" s="122">
        <v>0</v>
      </c>
      <c r="LN35" s="122">
        <v>0</v>
      </c>
      <c r="LO35" s="122">
        <v>0</v>
      </c>
      <c r="LP35" s="122">
        <v>0</v>
      </c>
      <c r="LQ35" s="122">
        <v>0</v>
      </c>
      <c r="LR35" s="123">
        <v>0</v>
      </c>
      <c r="LS35" s="357">
        <v>0</v>
      </c>
      <c r="LT35" s="159">
        <v>0</v>
      </c>
      <c r="LU35" s="122">
        <v>0</v>
      </c>
      <c r="LV35" s="123">
        <v>0</v>
      </c>
      <c r="LW35" s="162"/>
      <c r="LX35" s="122">
        <v>0</v>
      </c>
      <c r="LY35" s="122">
        <v>0</v>
      </c>
      <c r="LZ35" s="122">
        <v>0</v>
      </c>
      <c r="MA35" s="122">
        <v>0</v>
      </c>
      <c r="MB35" s="122">
        <v>0</v>
      </c>
      <c r="MC35" s="123">
        <v>0</v>
      </c>
      <c r="MD35" s="124">
        <v>0</v>
      </c>
      <c r="ME35" s="159">
        <v>0</v>
      </c>
      <c r="MF35" s="122">
        <v>0</v>
      </c>
      <c r="MG35" s="123">
        <v>0</v>
      </c>
      <c r="MH35" s="162"/>
      <c r="MI35" s="122">
        <v>204088</v>
      </c>
      <c r="MJ35" s="122">
        <v>0</v>
      </c>
      <c r="MK35" s="122">
        <v>575091</v>
      </c>
      <c r="ML35" s="122">
        <v>1278039</v>
      </c>
      <c r="MM35" s="122">
        <v>360646</v>
      </c>
      <c r="MN35" s="123">
        <v>2417864</v>
      </c>
      <c r="MO35" s="160">
        <v>2417864</v>
      </c>
      <c r="MP35" s="159">
        <v>0</v>
      </c>
      <c r="MQ35" s="122">
        <v>0</v>
      </c>
      <c r="MR35" s="123">
        <v>0</v>
      </c>
      <c r="MS35" s="162"/>
      <c r="MT35" s="122">
        <v>0</v>
      </c>
      <c r="MU35" s="122">
        <v>0</v>
      </c>
      <c r="MV35" s="122">
        <v>0</v>
      </c>
      <c r="MW35" s="122">
        <v>712688</v>
      </c>
      <c r="MX35" s="122">
        <v>0</v>
      </c>
      <c r="MY35" s="123">
        <v>712688</v>
      </c>
      <c r="MZ35" s="160">
        <v>712688</v>
      </c>
      <c r="NA35" s="159">
        <v>0</v>
      </c>
      <c r="NB35" s="122">
        <v>0</v>
      </c>
      <c r="NC35" s="123">
        <v>0</v>
      </c>
      <c r="ND35" s="162"/>
      <c r="NE35" s="122">
        <v>204088</v>
      </c>
      <c r="NF35" s="122">
        <v>0</v>
      </c>
      <c r="NG35" s="122">
        <v>575091</v>
      </c>
      <c r="NH35" s="122">
        <v>565351</v>
      </c>
      <c r="NI35" s="122">
        <v>0</v>
      </c>
      <c r="NJ35" s="123">
        <v>1344530</v>
      </c>
      <c r="NK35" s="357">
        <v>1344530</v>
      </c>
      <c r="NL35" s="159">
        <v>0</v>
      </c>
      <c r="NM35" s="122">
        <v>0</v>
      </c>
      <c r="NN35" s="123">
        <v>0</v>
      </c>
      <c r="NO35" s="162"/>
      <c r="NP35" s="122">
        <v>0</v>
      </c>
      <c r="NQ35" s="122">
        <v>0</v>
      </c>
      <c r="NR35" s="122">
        <v>0</v>
      </c>
      <c r="NS35" s="122">
        <v>0</v>
      </c>
      <c r="NT35" s="122">
        <v>0</v>
      </c>
      <c r="NU35" s="123">
        <v>0</v>
      </c>
      <c r="NV35" s="124">
        <v>0</v>
      </c>
      <c r="NW35" s="159">
        <v>0</v>
      </c>
      <c r="NX35" s="122">
        <v>0</v>
      </c>
      <c r="NY35" s="123">
        <v>0</v>
      </c>
      <c r="NZ35" s="162"/>
      <c r="OA35" s="122">
        <v>0</v>
      </c>
      <c r="OB35" s="122">
        <v>0</v>
      </c>
      <c r="OC35" s="122">
        <v>0</v>
      </c>
      <c r="OD35" s="122">
        <v>0</v>
      </c>
      <c r="OE35" s="122">
        <v>360646</v>
      </c>
      <c r="OF35" s="123">
        <v>360646</v>
      </c>
      <c r="OG35" s="124">
        <v>360646</v>
      </c>
      <c r="OH35" s="159">
        <v>54990</v>
      </c>
      <c r="OI35" s="122">
        <v>800</v>
      </c>
      <c r="OJ35" s="158">
        <v>55790</v>
      </c>
      <c r="OK35" s="121">
        <v>0</v>
      </c>
      <c r="OL35" s="122">
        <v>695847</v>
      </c>
      <c r="OM35" s="122">
        <v>370520</v>
      </c>
      <c r="ON35" s="122">
        <v>1070756</v>
      </c>
      <c r="OO35" s="122">
        <v>1792191</v>
      </c>
      <c r="OP35" s="122">
        <v>360646</v>
      </c>
      <c r="OQ35" s="123">
        <v>4289960</v>
      </c>
      <c r="OR35" s="160">
        <v>4345750</v>
      </c>
    </row>
    <row r="36" spans="1:408" ht="20.25" customHeight="1" x14ac:dyDescent="0.2">
      <c r="A36" s="129" t="s">
        <v>31</v>
      </c>
      <c r="B36" s="112">
        <v>7824</v>
      </c>
      <c r="C36" s="116">
        <v>3600</v>
      </c>
      <c r="D36" s="115">
        <v>11424</v>
      </c>
      <c r="E36" s="111">
        <v>0</v>
      </c>
      <c r="F36" s="116">
        <v>299839</v>
      </c>
      <c r="G36" s="116">
        <v>925404</v>
      </c>
      <c r="H36" s="116">
        <v>360176</v>
      </c>
      <c r="I36" s="116">
        <v>218736</v>
      </c>
      <c r="J36" s="116">
        <v>0</v>
      </c>
      <c r="K36" s="200">
        <v>1804155</v>
      </c>
      <c r="L36" s="118">
        <v>1815579</v>
      </c>
      <c r="M36" s="112">
        <v>0</v>
      </c>
      <c r="N36" s="116">
        <v>0</v>
      </c>
      <c r="O36" s="115">
        <v>0</v>
      </c>
      <c r="P36" s="112">
        <v>0</v>
      </c>
      <c r="Q36" s="116">
        <v>67208</v>
      </c>
      <c r="R36" s="116">
        <v>151328</v>
      </c>
      <c r="S36" s="116">
        <v>148169</v>
      </c>
      <c r="T36" s="116">
        <v>5456</v>
      </c>
      <c r="U36" s="116">
        <v>0</v>
      </c>
      <c r="V36" s="115">
        <v>372161</v>
      </c>
      <c r="W36" s="118">
        <v>372161</v>
      </c>
      <c r="X36" s="112">
        <v>0</v>
      </c>
      <c r="Y36" s="116">
        <v>0</v>
      </c>
      <c r="Z36" s="115">
        <v>0</v>
      </c>
      <c r="AA36" s="112">
        <v>0</v>
      </c>
      <c r="AB36" s="116">
        <v>38368</v>
      </c>
      <c r="AC36" s="116">
        <v>0</v>
      </c>
      <c r="AD36" s="116">
        <v>32801</v>
      </c>
      <c r="AE36" s="116">
        <v>0</v>
      </c>
      <c r="AF36" s="116">
        <v>0</v>
      </c>
      <c r="AG36" s="115">
        <v>71169</v>
      </c>
      <c r="AH36" s="118">
        <v>71169</v>
      </c>
      <c r="AI36" s="112">
        <v>0</v>
      </c>
      <c r="AJ36" s="116">
        <v>0</v>
      </c>
      <c r="AK36" s="115">
        <v>0</v>
      </c>
      <c r="AL36" s="112">
        <v>0</v>
      </c>
      <c r="AM36" s="116">
        <v>0</v>
      </c>
      <c r="AN36" s="116">
        <v>43264</v>
      </c>
      <c r="AO36" s="116">
        <v>86528</v>
      </c>
      <c r="AP36" s="116">
        <v>0</v>
      </c>
      <c r="AQ36" s="116">
        <v>0</v>
      </c>
      <c r="AR36" s="115">
        <v>129792</v>
      </c>
      <c r="AS36" s="118">
        <v>129792</v>
      </c>
      <c r="AT36" s="112">
        <v>0</v>
      </c>
      <c r="AU36" s="116">
        <v>0</v>
      </c>
      <c r="AV36" s="115">
        <v>0</v>
      </c>
      <c r="AW36" s="112">
        <v>0</v>
      </c>
      <c r="AX36" s="116">
        <v>28840</v>
      </c>
      <c r="AY36" s="116">
        <v>0</v>
      </c>
      <c r="AZ36" s="116">
        <v>28840</v>
      </c>
      <c r="BA36" s="116">
        <v>0</v>
      </c>
      <c r="BB36" s="116">
        <v>0</v>
      </c>
      <c r="BC36" s="115">
        <v>57680</v>
      </c>
      <c r="BD36" s="118">
        <v>57680</v>
      </c>
      <c r="BE36" s="112">
        <v>0</v>
      </c>
      <c r="BF36" s="116">
        <v>0</v>
      </c>
      <c r="BG36" s="114">
        <v>0</v>
      </c>
      <c r="BH36" s="113">
        <v>0</v>
      </c>
      <c r="BI36" s="116">
        <v>0</v>
      </c>
      <c r="BJ36" s="116">
        <v>108064</v>
      </c>
      <c r="BK36" s="116">
        <v>0</v>
      </c>
      <c r="BL36" s="116">
        <v>0</v>
      </c>
      <c r="BM36" s="116">
        <v>0</v>
      </c>
      <c r="BN36" s="115">
        <v>108064</v>
      </c>
      <c r="BO36" s="118">
        <v>108064</v>
      </c>
      <c r="BP36" s="112">
        <v>0</v>
      </c>
      <c r="BQ36" s="116">
        <v>0</v>
      </c>
      <c r="BR36" s="115">
        <v>0</v>
      </c>
      <c r="BS36" s="112">
        <v>0</v>
      </c>
      <c r="BT36" s="116">
        <v>0</v>
      </c>
      <c r="BU36" s="116">
        <v>0</v>
      </c>
      <c r="BV36" s="116">
        <v>0</v>
      </c>
      <c r="BW36" s="116">
        <v>5456</v>
      </c>
      <c r="BX36" s="116">
        <v>0</v>
      </c>
      <c r="BY36" s="115">
        <v>5456</v>
      </c>
      <c r="BZ36" s="118">
        <v>5456</v>
      </c>
      <c r="CA36" s="112">
        <v>0</v>
      </c>
      <c r="CB36" s="116">
        <v>0</v>
      </c>
      <c r="CC36" s="115">
        <v>0</v>
      </c>
      <c r="CD36" s="112">
        <v>0</v>
      </c>
      <c r="CE36" s="116">
        <v>179203</v>
      </c>
      <c r="CF36" s="116">
        <v>435684</v>
      </c>
      <c r="CG36" s="116">
        <v>136171</v>
      </c>
      <c r="CH36" s="116">
        <v>0</v>
      </c>
      <c r="CI36" s="116">
        <v>0</v>
      </c>
      <c r="CJ36" s="115">
        <v>751058</v>
      </c>
      <c r="CK36" s="118">
        <v>751058</v>
      </c>
      <c r="CL36" s="112">
        <v>0</v>
      </c>
      <c r="CM36" s="116">
        <v>0</v>
      </c>
      <c r="CN36" s="115">
        <v>0</v>
      </c>
      <c r="CO36" s="113">
        <v>0</v>
      </c>
      <c r="CP36" s="116">
        <v>179203</v>
      </c>
      <c r="CQ36" s="116">
        <v>317087</v>
      </c>
      <c r="CR36" s="116">
        <v>35027</v>
      </c>
      <c r="CS36" s="116">
        <v>0</v>
      </c>
      <c r="CT36" s="116">
        <v>0</v>
      </c>
      <c r="CU36" s="115">
        <v>531317</v>
      </c>
      <c r="CV36" s="118">
        <v>531317</v>
      </c>
      <c r="CW36" s="112">
        <v>0</v>
      </c>
      <c r="CX36" s="116">
        <v>0</v>
      </c>
      <c r="CY36" s="115">
        <v>0</v>
      </c>
      <c r="CZ36" s="112">
        <v>0</v>
      </c>
      <c r="DA36" s="116">
        <v>0</v>
      </c>
      <c r="DB36" s="116">
        <v>118597</v>
      </c>
      <c r="DC36" s="116">
        <v>101144</v>
      </c>
      <c r="DD36" s="116">
        <v>0</v>
      </c>
      <c r="DE36" s="116">
        <v>0</v>
      </c>
      <c r="DF36" s="115">
        <v>219741</v>
      </c>
      <c r="DG36" s="118">
        <v>219741</v>
      </c>
      <c r="DH36" s="112">
        <v>0</v>
      </c>
      <c r="DI36" s="116">
        <v>0</v>
      </c>
      <c r="DJ36" s="114">
        <v>0</v>
      </c>
      <c r="DK36" s="113">
        <v>0</v>
      </c>
      <c r="DL36" s="116">
        <v>47188</v>
      </c>
      <c r="DM36" s="116">
        <v>107256</v>
      </c>
      <c r="DN36" s="116">
        <v>32636</v>
      </c>
      <c r="DO36" s="116">
        <v>0</v>
      </c>
      <c r="DP36" s="116">
        <v>0</v>
      </c>
      <c r="DQ36" s="115">
        <v>187080</v>
      </c>
      <c r="DR36" s="118">
        <v>187080</v>
      </c>
      <c r="DS36" s="112">
        <v>0</v>
      </c>
      <c r="DT36" s="116">
        <v>0</v>
      </c>
      <c r="DU36" s="115">
        <v>0</v>
      </c>
      <c r="DV36" s="112">
        <v>0</v>
      </c>
      <c r="DW36" s="116">
        <v>47188</v>
      </c>
      <c r="DX36" s="116">
        <v>107256</v>
      </c>
      <c r="DY36" s="116">
        <v>32636</v>
      </c>
      <c r="DZ36" s="116">
        <v>0</v>
      </c>
      <c r="EA36" s="116">
        <v>0</v>
      </c>
      <c r="EB36" s="115">
        <v>187080</v>
      </c>
      <c r="EC36" s="118">
        <v>187080</v>
      </c>
      <c r="ED36" s="112">
        <v>0</v>
      </c>
      <c r="EE36" s="114">
        <v>0</v>
      </c>
      <c r="EF36" s="115">
        <v>0</v>
      </c>
      <c r="EG36" s="112">
        <v>0</v>
      </c>
      <c r="EH36" s="116">
        <v>0</v>
      </c>
      <c r="EI36" s="116">
        <v>0</v>
      </c>
      <c r="EJ36" s="116">
        <v>0</v>
      </c>
      <c r="EK36" s="116">
        <v>0</v>
      </c>
      <c r="EL36" s="116">
        <v>0</v>
      </c>
      <c r="EM36" s="114">
        <v>0</v>
      </c>
      <c r="EN36" s="118">
        <v>0</v>
      </c>
      <c r="EO36" s="112">
        <v>0</v>
      </c>
      <c r="EP36" s="116">
        <v>0</v>
      </c>
      <c r="EQ36" s="114">
        <v>0</v>
      </c>
      <c r="ER36" s="113">
        <v>0</v>
      </c>
      <c r="ES36" s="116">
        <v>0</v>
      </c>
      <c r="ET36" s="116">
        <v>0</v>
      </c>
      <c r="EU36" s="116">
        <v>0</v>
      </c>
      <c r="EV36" s="116">
        <v>0</v>
      </c>
      <c r="EW36" s="116">
        <v>0</v>
      </c>
      <c r="EX36" s="115">
        <v>0</v>
      </c>
      <c r="EY36" s="118">
        <v>0</v>
      </c>
      <c r="EZ36" s="112">
        <v>0</v>
      </c>
      <c r="FA36" s="116">
        <v>0</v>
      </c>
      <c r="FB36" s="114">
        <v>0</v>
      </c>
      <c r="FC36" s="390"/>
      <c r="FD36" s="116">
        <v>0</v>
      </c>
      <c r="FE36" s="116">
        <v>0</v>
      </c>
      <c r="FF36" s="116">
        <v>0</v>
      </c>
      <c r="FG36" s="116">
        <v>0</v>
      </c>
      <c r="FH36" s="116">
        <v>0</v>
      </c>
      <c r="FI36" s="115">
        <v>0</v>
      </c>
      <c r="FJ36" s="118">
        <v>0</v>
      </c>
      <c r="FK36" s="112">
        <v>7824</v>
      </c>
      <c r="FL36" s="116">
        <v>3600</v>
      </c>
      <c r="FM36" s="115">
        <v>11424</v>
      </c>
      <c r="FN36" s="112">
        <v>0</v>
      </c>
      <c r="FO36" s="116">
        <v>6240</v>
      </c>
      <c r="FP36" s="116">
        <v>132760</v>
      </c>
      <c r="FQ36" s="116">
        <v>43200</v>
      </c>
      <c r="FR36" s="116">
        <v>213280</v>
      </c>
      <c r="FS36" s="116">
        <v>0</v>
      </c>
      <c r="FT36" s="115">
        <v>395480</v>
      </c>
      <c r="FU36" s="118">
        <v>406904</v>
      </c>
      <c r="FV36" s="117">
        <v>7824</v>
      </c>
      <c r="FW36" s="116">
        <v>3600</v>
      </c>
      <c r="FX36" s="114">
        <v>11424</v>
      </c>
      <c r="FY36" s="113">
        <v>0</v>
      </c>
      <c r="FZ36" s="116">
        <v>6240</v>
      </c>
      <c r="GA36" s="116">
        <v>132760</v>
      </c>
      <c r="GB36" s="116">
        <v>43200</v>
      </c>
      <c r="GC36" s="116">
        <v>0</v>
      </c>
      <c r="GD36" s="116">
        <v>0</v>
      </c>
      <c r="GE36" s="115">
        <v>182200</v>
      </c>
      <c r="GF36" s="354">
        <v>193624</v>
      </c>
      <c r="GG36" s="117">
        <v>0</v>
      </c>
      <c r="GH36" s="116">
        <v>0</v>
      </c>
      <c r="GI36" s="114">
        <v>0</v>
      </c>
      <c r="GJ36" s="113">
        <v>0</v>
      </c>
      <c r="GK36" s="116">
        <v>0</v>
      </c>
      <c r="GL36" s="116">
        <v>0</v>
      </c>
      <c r="GM36" s="116">
        <v>0</v>
      </c>
      <c r="GN36" s="116">
        <v>53280</v>
      </c>
      <c r="GO36" s="116">
        <v>0</v>
      </c>
      <c r="GP36" s="115">
        <v>53280</v>
      </c>
      <c r="GQ36" s="118">
        <v>53280</v>
      </c>
      <c r="GR36" s="112">
        <v>0</v>
      </c>
      <c r="GS36" s="116">
        <v>0</v>
      </c>
      <c r="GT36" s="115">
        <v>0</v>
      </c>
      <c r="GU36" s="112">
        <v>0</v>
      </c>
      <c r="GV36" s="116">
        <v>0</v>
      </c>
      <c r="GW36" s="116">
        <v>0</v>
      </c>
      <c r="GX36" s="116">
        <v>0</v>
      </c>
      <c r="GY36" s="116">
        <v>160000</v>
      </c>
      <c r="GZ36" s="116">
        <v>0</v>
      </c>
      <c r="HA36" s="114">
        <v>160000</v>
      </c>
      <c r="HB36" s="118">
        <v>160000</v>
      </c>
      <c r="HC36" s="112">
        <v>0</v>
      </c>
      <c r="HD36" s="116">
        <v>0</v>
      </c>
      <c r="HE36" s="114">
        <v>0</v>
      </c>
      <c r="HF36" s="113">
        <v>0</v>
      </c>
      <c r="HG36" s="116">
        <v>0</v>
      </c>
      <c r="HH36" s="116">
        <v>98376</v>
      </c>
      <c r="HI36" s="116">
        <v>0</v>
      </c>
      <c r="HJ36" s="116">
        <v>0</v>
      </c>
      <c r="HK36" s="116">
        <v>0</v>
      </c>
      <c r="HL36" s="115">
        <v>98376</v>
      </c>
      <c r="HM36" s="111">
        <v>98376</v>
      </c>
      <c r="HN36" s="370"/>
      <c r="HO36" s="371"/>
      <c r="HP36" s="372"/>
      <c r="HQ36" s="373"/>
      <c r="HR36" s="371"/>
      <c r="HS36" s="371"/>
      <c r="HT36" s="371"/>
      <c r="HU36" s="371"/>
      <c r="HV36" s="371"/>
      <c r="HW36" s="374"/>
      <c r="HX36" s="375"/>
      <c r="HY36" s="167">
        <v>0</v>
      </c>
      <c r="HZ36" s="152">
        <v>0</v>
      </c>
      <c r="IA36" s="167">
        <v>0</v>
      </c>
      <c r="IB36" s="151">
        <v>0</v>
      </c>
      <c r="IC36" s="152">
        <v>32366</v>
      </c>
      <c r="ID36" s="153">
        <v>685202</v>
      </c>
      <c r="IE36" s="154">
        <v>112015</v>
      </c>
      <c r="IF36" s="152">
        <v>247318</v>
      </c>
      <c r="IG36" s="154">
        <v>0</v>
      </c>
      <c r="IH36" s="155">
        <v>1076901</v>
      </c>
      <c r="II36" s="167">
        <v>1076901</v>
      </c>
      <c r="IJ36" s="261">
        <v>0</v>
      </c>
      <c r="IK36" s="268">
        <v>0</v>
      </c>
      <c r="IL36" s="269">
        <v>0</v>
      </c>
      <c r="IM36" s="157"/>
      <c r="IN36" s="122">
        <v>0</v>
      </c>
      <c r="IO36" s="122">
        <v>0</v>
      </c>
      <c r="IP36" s="122">
        <v>0</v>
      </c>
      <c r="IQ36" s="122">
        <v>0</v>
      </c>
      <c r="IR36" s="122">
        <v>0</v>
      </c>
      <c r="IS36" s="158">
        <v>0</v>
      </c>
      <c r="IT36" s="357">
        <v>0</v>
      </c>
      <c r="IU36" s="159">
        <v>0</v>
      </c>
      <c r="IV36" s="122">
        <v>0</v>
      </c>
      <c r="IW36" s="123">
        <v>0</v>
      </c>
      <c r="IX36" s="161"/>
      <c r="IY36" s="122">
        <v>0</v>
      </c>
      <c r="IZ36" s="122">
        <v>0</v>
      </c>
      <c r="JA36" s="122">
        <v>0</v>
      </c>
      <c r="JB36" s="122">
        <v>0</v>
      </c>
      <c r="JC36" s="122">
        <v>0</v>
      </c>
      <c r="JD36" s="123">
        <v>0</v>
      </c>
      <c r="JE36" s="124">
        <v>0</v>
      </c>
      <c r="JF36" s="159">
        <v>0</v>
      </c>
      <c r="JG36" s="122">
        <v>0</v>
      </c>
      <c r="JH36" s="158">
        <v>0</v>
      </c>
      <c r="JI36" s="121">
        <v>0</v>
      </c>
      <c r="JJ36" s="122">
        <v>32366</v>
      </c>
      <c r="JK36" s="122">
        <v>13708</v>
      </c>
      <c r="JL36" s="122">
        <v>0</v>
      </c>
      <c r="JM36" s="122">
        <v>0</v>
      </c>
      <c r="JN36" s="122">
        <v>0</v>
      </c>
      <c r="JO36" s="123">
        <v>46074</v>
      </c>
      <c r="JP36" s="357">
        <v>46074</v>
      </c>
      <c r="JQ36" s="159">
        <v>0</v>
      </c>
      <c r="JR36" s="122">
        <v>0</v>
      </c>
      <c r="JS36" s="158">
        <v>0</v>
      </c>
      <c r="JT36" s="121">
        <v>0</v>
      </c>
      <c r="JU36" s="122">
        <v>0</v>
      </c>
      <c r="JV36" s="122">
        <v>0</v>
      </c>
      <c r="JW36" s="122">
        <v>112015</v>
      </c>
      <c r="JX36" s="122">
        <v>0</v>
      </c>
      <c r="JY36" s="122">
        <v>0</v>
      </c>
      <c r="JZ36" s="123">
        <v>112015</v>
      </c>
      <c r="KA36" s="357">
        <v>112015</v>
      </c>
      <c r="KB36" s="264">
        <v>0</v>
      </c>
      <c r="KC36" s="258">
        <v>0</v>
      </c>
      <c r="KD36" s="123">
        <v>0</v>
      </c>
      <c r="KE36" s="121">
        <v>0</v>
      </c>
      <c r="KF36" s="122">
        <v>0</v>
      </c>
      <c r="KG36" s="122">
        <v>179008</v>
      </c>
      <c r="KH36" s="122">
        <v>0</v>
      </c>
      <c r="KI36" s="122">
        <v>0</v>
      </c>
      <c r="KJ36" s="122">
        <v>0</v>
      </c>
      <c r="KK36" s="123">
        <v>179008</v>
      </c>
      <c r="KL36" s="160">
        <v>179008</v>
      </c>
      <c r="KM36" s="261">
        <v>0</v>
      </c>
      <c r="KN36" s="268">
        <v>0</v>
      </c>
      <c r="KO36" s="269">
        <v>0</v>
      </c>
      <c r="KP36" s="157"/>
      <c r="KQ36" s="122">
        <v>0</v>
      </c>
      <c r="KR36" s="122">
        <v>492486</v>
      </c>
      <c r="KS36" s="122">
        <v>0</v>
      </c>
      <c r="KT36" s="122">
        <v>247318</v>
      </c>
      <c r="KU36" s="122">
        <v>0</v>
      </c>
      <c r="KV36" s="123">
        <v>739804</v>
      </c>
      <c r="KW36" s="357">
        <v>739804</v>
      </c>
      <c r="KX36" s="159">
        <v>0</v>
      </c>
      <c r="KY36" s="122">
        <v>0</v>
      </c>
      <c r="KZ36" s="123">
        <v>0</v>
      </c>
      <c r="LA36" s="162"/>
      <c r="LB36" s="122">
        <v>0</v>
      </c>
      <c r="LC36" s="122">
        <v>0</v>
      </c>
      <c r="LD36" s="122">
        <v>0</v>
      </c>
      <c r="LE36" s="122">
        <v>0</v>
      </c>
      <c r="LF36" s="122">
        <v>0</v>
      </c>
      <c r="LG36" s="123">
        <v>0</v>
      </c>
      <c r="LH36" s="124">
        <v>0</v>
      </c>
      <c r="LI36" s="159">
        <v>0</v>
      </c>
      <c r="LJ36" s="122">
        <v>0</v>
      </c>
      <c r="LK36" s="123">
        <v>0</v>
      </c>
      <c r="LL36" s="162"/>
      <c r="LM36" s="122">
        <v>0</v>
      </c>
      <c r="LN36" s="122">
        <v>0</v>
      </c>
      <c r="LO36" s="122">
        <v>0</v>
      </c>
      <c r="LP36" s="122">
        <v>0</v>
      </c>
      <c r="LQ36" s="122">
        <v>0</v>
      </c>
      <c r="LR36" s="123">
        <v>0</v>
      </c>
      <c r="LS36" s="357">
        <v>0</v>
      </c>
      <c r="LT36" s="159">
        <v>0</v>
      </c>
      <c r="LU36" s="122">
        <v>0</v>
      </c>
      <c r="LV36" s="123">
        <v>0</v>
      </c>
      <c r="LW36" s="162"/>
      <c r="LX36" s="122">
        <v>0</v>
      </c>
      <c r="LY36" s="122">
        <v>0</v>
      </c>
      <c r="LZ36" s="122">
        <v>0</v>
      </c>
      <c r="MA36" s="122">
        <v>0</v>
      </c>
      <c r="MB36" s="122">
        <v>0</v>
      </c>
      <c r="MC36" s="123">
        <v>0</v>
      </c>
      <c r="MD36" s="124">
        <v>0</v>
      </c>
      <c r="ME36" s="159">
        <v>0</v>
      </c>
      <c r="MF36" s="122">
        <v>0</v>
      </c>
      <c r="MG36" s="123">
        <v>0</v>
      </c>
      <c r="MH36" s="162"/>
      <c r="MI36" s="122">
        <v>0</v>
      </c>
      <c r="MJ36" s="122">
        <v>446992</v>
      </c>
      <c r="MK36" s="122">
        <v>251696</v>
      </c>
      <c r="ML36" s="122">
        <v>293920</v>
      </c>
      <c r="MM36" s="122">
        <v>0</v>
      </c>
      <c r="MN36" s="123">
        <v>992608</v>
      </c>
      <c r="MO36" s="160">
        <v>992608</v>
      </c>
      <c r="MP36" s="159">
        <v>0</v>
      </c>
      <c r="MQ36" s="122">
        <v>0</v>
      </c>
      <c r="MR36" s="123">
        <v>0</v>
      </c>
      <c r="MS36" s="162"/>
      <c r="MT36" s="122">
        <v>0</v>
      </c>
      <c r="MU36" s="122">
        <v>0</v>
      </c>
      <c r="MV36" s="122">
        <v>251696</v>
      </c>
      <c r="MW36" s="122">
        <v>0</v>
      </c>
      <c r="MX36" s="122">
        <v>0</v>
      </c>
      <c r="MY36" s="123">
        <v>251696</v>
      </c>
      <c r="MZ36" s="160">
        <v>251696</v>
      </c>
      <c r="NA36" s="159">
        <v>0</v>
      </c>
      <c r="NB36" s="122">
        <v>0</v>
      </c>
      <c r="NC36" s="123">
        <v>0</v>
      </c>
      <c r="ND36" s="162"/>
      <c r="NE36" s="122">
        <v>0</v>
      </c>
      <c r="NF36" s="122">
        <v>446992</v>
      </c>
      <c r="NG36" s="122">
        <v>0</v>
      </c>
      <c r="NH36" s="122">
        <v>293920</v>
      </c>
      <c r="NI36" s="122">
        <v>0</v>
      </c>
      <c r="NJ36" s="123">
        <v>740912</v>
      </c>
      <c r="NK36" s="357">
        <v>740912</v>
      </c>
      <c r="NL36" s="159">
        <v>0</v>
      </c>
      <c r="NM36" s="122">
        <v>0</v>
      </c>
      <c r="NN36" s="123">
        <v>0</v>
      </c>
      <c r="NO36" s="162"/>
      <c r="NP36" s="122">
        <v>0</v>
      </c>
      <c r="NQ36" s="122">
        <v>0</v>
      </c>
      <c r="NR36" s="122">
        <v>0</v>
      </c>
      <c r="NS36" s="122">
        <v>0</v>
      </c>
      <c r="NT36" s="122">
        <v>0</v>
      </c>
      <c r="NU36" s="123">
        <v>0</v>
      </c>
      <c r="NV36" s="124">
        <v>0</v>
      </c>
      <c r="NW36" s="159">
        <v>0</v>
      </c>
      <c r="NX36" s="122">
        <v>0</v>
      </c>
      <c r="NY36" s="123">
        <v>0</v>
      </c>
      <c r="NZ36" s="162"/>
      <c r="OA36" s="122">
        <v>0</v>
      </c>
      <c r="OB36" s="122">
        <v>0</v>
      </c>
      <c r="OC36" s="122">
        <v>0</v>
      </c>
      <c r="OD36" s="122">
        <v>0</v>
      </c>
      <c r="OE36" s="122">
        <v>0</v>
      </c>
      <c r="OF36" s="123">
        <v>0</v>
      </c>
      <c r="OG36" s="124">
        <v>0</v>
      </c>
      <c r="OH36" s="159">
        <v>7824</v>
      </c>
      <c r="OI36" s="122">
        <v>3600</v>
      </c>
      <c r="OJ36" s="158">
        <v>11424</v>
      </c>
      <c r="OK36" s="121">
        <v>0</v>
      </c>
      <c r="OL36" s="122">
        <v>332205</v>
      </c>
      <c r="OM36" s="122">
        <v>2057598</v>
      </c>
      <c r="ON36" s="122">
        <v>723887</v>
      </c>
      <c r="OO36" s="122">
        <v>759974</v>
      </c>
      <c r="OP36" s="122">
        <v>0</v>
      </c>
      <c r="OQ36" s="123">
        <v>3873664</v>
      </c>
      <c r="OR36" s="160">
        <v>3885088</v>
      </c>
    </row>
    <row r="37" spans="1:408" ht="20.25" customHeight="1" x14ac:dyDescent="0.2">
      <c r="A37" s="129" t="s">
        <v>32</v>
      </c>
      <c r="B37" s="112">
        <v>0</v>
      </c>
      <c r="C37" s="116">
        <v>63400</v>
      </c>
      <c r="D37" s="201">
        <v>63400</v>
      </c>
      <c r="E37" s="202">
        <v>0</v>
      </c>
      <c r="F37" s="203">
        <v>410016</v>
      </c>
      <c r="G37" s="203">
        <v>320466</v>
      </c>
      <c r="H37" s="203">
        <v>702289</v>
      </c>
      <c r="I37" s="203">
        <v>847088</v>
      </c>
      <c r="J37" s="203">
        <v>229612</v>
      </c>
      <c r="K37" s="204">
        <v>2509471</v>
      </c>
      <c r="L37" s="118">
        <v>2572871</v>
      </c>
      <c r="M37" s="112">
        <v>0</v>
      </c>
      <c r="N37" s="116">
        <v>17360</v>
      </c>
      <c r="O37" s="115">
        <v>17360</v>
      </c>
      <c r="P37" s="112">
        <v>0</v>
      </c>
      <c r="Q37" s="116">
        <v>72440</v>
      </c>
      <c r="R37" s="116">
        <v>212946</v>
      </c>
      <c r="S37" s="116">
        <v>209305</v>
      </c>
      <c r="T37" s="116">
        <v>401424</v>
      </c>
      <c r="U37" s="116">
        <v>48688</v>
      </c>
      <c r="V37" s="115">
        <v>944803</v>
      </c>
      <c r="W37" s="118">
        <v>962163</v>
      </c>
      <c r="X37" s="112">
        <v>0</v>
      </c>
      <c r="Y37" s="116">
        <v>0</v>
      </c>
      <c r="Z37" s="115">
        <v>0</v>
      </c>
      <c r="AA37" s="112">
        <v>0</v>
      </c>
      <c r="AB37" s="116">
        <v>7936</v>
      </c>
      <c r="AC37" s="116">
        <v>108026</v>
      </c>
      <c r="AD37" s="116">
        <v>47113</v>
      </c>
      <c r="AE37" s="116">
        <v>330384</v>
      </c>
      <c r="AF37" s="116">
        <v>0</v>
      </c>
      <c r="AG37" s="115">
        <v>493459</v>
      </c>
      <c r="AH37" s="118">
        <v>493459</v>
      </c>
      <c r="AI37" s="112">
        <v>0</v>
      </c>
      <c r="AJ37" s="116">
        <v>0</v>
      </c>
      <c r="AK37" s="115">
        <v>0</v>
      </c>
      <c r="AL37" s="112">
        <v>0</v>
      </c>
      <c r="AM37" s="116">
        <v>0</v>
      </c>
      <c r="AN37" s="116">
        <v>0</v>
      </c>
      <c r="AO37" s="116">
        <v>33810</v>
      </c>
      <c r="AP37" s="116">
        <v>0</v>
      </c>
      <c r="AQ37" s="116">
        <v>0</v>
      </c>
      <c r="AR37" s="115">
        <v>33810</v>
      </c>
      <c r="AS37" s="118">
        <v>33810</v>
      </c>
      <c r="AT37" s="112">
        <v>0</v>
      </c>
      <c r="AU37" s="116">
        <v>17360</v>
      </c>
      <c r="AV37" s="115">
        <v>17360</v>
      </c>
      <c r="AW37" s="112">
        <v>0</v>
      </c>
      <c r="AX37" s="116">
        <v>64504</v>
      </c>
      <c r="AY37" s="116">
        <v>96144</v>
      </c>
      <c r="AZ37" s="116">
        <v>41070</v>
      </c>
      <c r="BA37" s="116">
        <v>0</v>
      </c>
      <c r="BB37" s="116">
        <v>48688</v>
      </c>
      <c r="BC37" s="115">
        <v>250406</v>
      </c>
      <c r="BD37" s="118">
        <v>267766</v>
      </c>
      <c r="BE37" s="112">
        <v>0</v>
      </c>
      <c r="BF37" s="116">
        <v>0</v>
      </c>
      <c r="BG37" s="114">
        <v>0</v>
      </c>
      <c r="BH37" s="113">
        <v>0</v>
      </c>
      <c r="BI37" s="116">
        <v>0</v>
      </c>
      <c r="BJ37" s="116">
        <v>0</v>
      </c>
      <c r="BK37" s="116">
        <v>0</v>
      </c>
      <c r="BL37" s="116">
        <v>0</v>
      </c>
      <c r="BM37" s="116">
        <v>0</v>
      </c>
      <c r="BN37" s="115">
        <v>0</v>
      </c>
      <c r="BO37" s="118">
        <v>0</v>
      </c>
      <c r="BP37" s="112">
        <v>0</v>
      </c>
      <c r="BQ37" s="116">
        <v>0</v>
      </c>
      <c r="BR37" s="115">
        <v>0</v>
      </c>
      <c r="BS37" s="112">
        <v>0</v>
      </c>
      <c r="BT37" s="116">
        <v>0</v>
      </c>
      <c r="BU37" s="116">
        <v>8776</v>
      </c>
      <c r="BV37" s="116">
        <v>87312</v>
      </c>
      <c r="BW37" s="116">
        <v>71040</v>
      </c>
      <c r="BX37" s="116">
        <v>0</v>
      </c>
      <c r="BY37" s="115">
        <v>167128</v>
      </c>
      <c r="BZ37" s="118">
        <v>167128</v>
      </c>
      <c r="CA37" s="112">
        <v>0</v>
      </c>
      <c r="CB37" s="116">
        <v>0</v>
      </c>
      <c r="CC37" s="115">
        <v>0</v>
      </c>
      <c r="CD37" s="112">
        <v>0</v>
      </c>
      <c r="CE37" s="116">
        <v>303808</v>
      </c>
      <c r="CF37" s="116">
        <v>36960</v>
      </c>
      <c r="CG37" s="116">
        <v>128936</v>
      </c>
      <c r="CH37" s="116">
        <v>0</v>
      </c>
      <c r="CI37" s="116">
        <v>140964</v>
      </c>
      <c r="CJ37" s="115">
        <v>610668</v>
      </c>
      <c r="CK37" s="118">
        <v>610668</v>
      </c>
      <c r="CL37" s="112">
        <v>0</v>
      </c>
      <c r="CM37" s="116">
        <v>0</v>
      </c>
      <c r="CN37" s="115">
        <v>0</v>
      </c>
      <c r="CO37" s="113">
        <v>0</v>
      </c>
      <c r="CP37" s="116">
        <v>164112</v>
      </c>
      <c r="CQ37" s="116">
        <v>36960</v>
      </c>
      <c r="CR37" s="116">
        <v>128936</v>
      </c>
      <c r="CS37" s="116">
        <v>0</v>
      </c>
      <c r="CT37" s="116">
        <v>0</v>
      </c>
      <c r="CU37" s="115">
        <v>330008</v>
      </c>
      <c r="CV37" s="118">
        <v>330008</v>
      </c>
      <c r="CW37" s="112">
        <v>0</v>
      </c>
      <c r="CX37" s="116">
        <v>0</v>
      </c>
      <c r="CY37" s="115">
        <v>0</v>
      </c>
      <c r="CZ37" s="112">
        <v>0</v>
      </c>
      <c r="DA37" s="116">
        <v>139696</v>
      </c>
      <c r="DB37" s="116">
        <v>0</v>
      </c>
      <c r="DC37" s="116">
        <v>0</v>
      </c>
      <c r="DD37" s="116">
        <v>0</v>
      </c>
      <c r="DE37" s="116">
        <v>140964</v>
      </c>
      <c r="DF37" s="115">
        <v>280660</v>
      </c>
      <c r="DG37" s="118">
        <v>280660</v>
      </c>
      <c r="DH37" s="112">
        <v>0</v>
      </c>
      <c r="DI37" s="116">
        <v>0</v>
      </c>
      <c r="DJ37" s="114">
        <v>0</v>
      </c>
      <c r="DK37" s="113">
        <v>0</v>
      </c>
      <c r="DL37" s="116">
        <v>14408</v>
      </c>
      <c r="DM37" s="116">
        <v>0</v>
      </c>
      <c r="DN37" s="116">
        <v>56472</v>
      </c>
      <c r="DO37" s="116">
        <v>0</v>
      </c>
      <c r="DP37" s="116">
        <v>0</v>
      </c>
      <c r="DQ37" s="115">
        <v>70880</v>
      </c>
      <c r="DR37" s="118">
        <v>70880</v>
      </c>
      <c r="DS37" s="112">
        <v>0</v>
      </c>
      <c r="DT37" s="116">
        <v>0</v>
      </c>
      <c r="DU37" s="115">
        <v>0</v>
      </c>
      <c r="DV37" s="112">
        <v>0</v>
      </c>
      <c r="DW37" s="116">
        <v>14408</v>
      </c>
      <c r="DX37" s="116">
        <v>0</v>
      </c>
      <c r="DY37" s="116">
        <v>56472</v>
      </c>
      <c r="DZ37" s="116">
        <v>0</v>
      </c>
      <c r="EA37" s="116">
        <v>0</v>
      </c>
      <c r="EB37" s="115">
        <v>70880</v>
      </c>
      <c r="EC37" s="118">
        <v>70880</v>
      </c>
      <c r="ED37" s="112">
        <v>0</v>
      </c>
      <c r="EE37" s="114">
        <v>0</v>
      </c>
      <c r="EF37" s="115">
        <v>0</v>
      </c>
      <c r="EG37" s="112">
        <v>0</v>
      </c>
      <c r="EH37" s="116">
        <v>0</v>
      </c>
      <c r="EI37" s="116">
        <v>0</v>
      </c>
      <c r="EJ37" s="116">
        <v>0</v>
      </c>
      <c r="EK37" s="116">
        <v>0</v>
      </c>
      <c r="EL37" s="116">
        <v>0</v>
      </c>
      <c r="EM37" s="114">
        <v>0</v>
      </c>
      <c r="EN37" s="118">
        <v>0</v>
      </c>
      <c r="EO37" s="112">
        <v>0</v>
      </c>
      <c r="EP37" s="116">
        <v>0</v>
      </c>
      <c r="EQ37" s="114">
        <v>0</v>
      </c>
      <c r="ER37" s="113">
        <v>0</v>
      </c>
      <c r="ES37" s="116">
        <v>0</v>
      </c>
      <c r="ET37" s="116">
        <v>0</v>
      </c>
      <c r="EU37" s="116">
        <v>0</v>
      </c>
      <c r="EV37" s="116">
        <v>0</v>
      </c>
      <c r="EW37" s="116">
        <v>0</v>
      </c>
      <c r="EX37" s="115">
        <v>0</v>
      </c>
      <c r="EY37" s="118">
        <v>0</v>
      </c>
      <c r="EZ37" s="112">
        <v>0</v>
      </c>
      <c r="FA37" s="116">
        <v>0</v>
      </c>
      <c r="FB37" s="114">
        <v>0</v>
      </c>
      <c r="FC37" s="390"/>
      <c r="FD37" s="116">
        <v>0</v>
      </c>
      <c r="FE37" s="116">
        <v>0</v>
      </c>
      <c r="FF37" s="116">
        <v>0</v>
      </c>
      <c r="FG37" s="116">
        <v>0</v>
      </c>
      <c r="FH37" s="116">
        <v>0</v>
      </c>
      <c r="FI37" s="115">
        <v>0</v>
      </c>
      <c r="FJ37" s="118">
        <v>0</v>
      </c>
      <c r="FK37" s="112">
        <v>0</v>
      </c>
      <c r="FL37" s="116">
        <v>7200</v>
      </c>
      <c r="FM37" s="115">
        <v>7200</v>
      </c>
      <c r="FN37" s="112">
        <v>0</v>
      </c>
      <c r="FO37" s="116">
        <v>19360</v>
      </c>
      <c r="FP37" s="116">
        <v>71264</v>
      </c>
      <c r="FQ37" s="116">
        <v>119664</v>
      </c>
      <c r="FR37" s="116">
        <v>36144</v>
      </c>
      <c r="FS37" s="116">
        <v>39960</v>
      </c>
      <c r="FT37" s="115">
        <v>286392</v>
      </c>
      <c r="FU37" s="118">
        <v>293592</v>
      </c>
      <c r="FV37" s="117">
        <v>0</v>
      </c>
      <c r="FW37" s="116">
        <v>7200</v>
      </c>
      <c r="FX37" s="114">
        <v>7200</v>
      </c>
      <c r="FY37" s="113">
        <v>0</v>
      </c>
      <c r="FZ37" s="116">
        <v>19360</v>
      </c>
      <c r="GA37" s="116">
        <v>71264</v>
      </c>
      <c r="GB37" s="116">
        <v>86928</v>
      </c>
      <c r="GC37" s="116">
        <v>36144</v>
      </c>
      <c r="GD37" s="116">
        <v>39960</v>
      </c>
      <c r="GE37" s="115">
        <v>253656</v>
      </c>
      <c r="GF37" s="354">
        <v>260856</v>
      </c>
      <c r="GG37" s="117">
        <v>0</v>
      </c>
      <c r="GH37" s="116">
        <v>0</v>
      </c>
      <c r="GI37" s="114">
        <v>0</v>
      </c>
      <c r="GJ37" s="113">
        <v>0</v>
      </c>
      <c r="GK37" s="116">
        <v>0</v>
      </c>
      <c r="GL37" s="116">
        <v>0</v>
      </c>
      <c r="GM37" s="116">
        <v>32736</v>
      </c>
      <c r="GN37" s="116">
        <v>0</v>
      </c>
      <c r="GO37" s="116">
        <v>0</v>
      </c>
      <c r="GP37" s="115">
        <v>32736</v>
      </c>
      <c r="GQ37" s="118">
        <v>32736</v>
      </c>
      <c r="GR37" s="112">
        <v>0</v>
      </c>
      <c r="GS37" s="116">
        <v>0</v>
      </c>
      <c r="GT37" s="115">
        <v>0</v>
      </c>
      <c r="GU37" s="112">
        <v>0</v>
      </c>
      <c r="GV37" s="116">
        <v>0</v>
      </c>
      <c r="GW37" s="116">
        <v>0</v>
      </c>
      <c r="GX37" s="116">
        <v>0</v>
      </c>
      <c r="GY37" s="116">
        <v>0</v>
      </c>
      <c r="GZ37" s="116">
        <v>0</v>
      </c>
      <c r="HA37" s="114">
        <v>0</v>
      </c>
      <c r="HB37" s="118">
        <v>0</v>
      </c>
      <c r="HC37" s="112">
        <v>0</v>
      </c>
      <c r="HD37" s="116">
        <v>38840</v>
      </c>
      <c r="HE37" s="114">
        <v>38840</v>
      </c>
      <c r="HF37" s="113">
        <v>0</v>
      </c>
      <c r="HG37" s="116">
        <v>0</v>
      </c>
      <c r="HH37" s="116">
        <v>-704</v>
      </c>
      <c r="HI37" s="116">
        <v>187912</v>
      </c>
      <c r="HJ37" s="116">
        <v>409520</v>
      </c>
      <c r="HK37" s="116">
        <v>0</v>
      </c>
      <c r="HL37" s="115">
        <v>596728</v>
      </c>
      <c r="HM37" s="111">
        <v>635568</v>
      </c>
      <c r="HN37" s="370"/>
      <c r="HO37" s="371"/>
      <c r="HP37" s="372"/>
      <c r="HQ37" s="373"/>
      <c r="HR37" s="371"/>
      <c r="HS37" s="371"/>
      <c r="HT37" s="371"/>
      <c r="HU37" s="371"/>
      <c r="HV37" s="371"/>
      <c r="HW37" s="374"/>
      <c r="HX37" s="375"/>
      <c r="HY37" s="148">
        <v>0</v>
      </c>
      <c r="HZ37" s="149">
        <v>0</v>
      </c>
      <c r="IA37" s="150">
        <v>0</v>
      </c>
      <c r="IB37" s="163">
        <v>0</v>
      </c>
      <c r="IC37" s="149">
        <v>154420</v>
      </c>
      <c r="ID37" s="164">
        <v>403120</v>
      </c>
      <c r="IE37" s="150">
        <v>549064</v>
      </c>
      <c r="IF37" s="149">
        <v>75682</v>
      </c>
      <c r="IG37" s="150">
        <v>0</v>
      </c>
      <c r="IH37" s="165">
        <v>1182286</v>
      </c>
      <c r="II37" s="156">
        <v>1182286</v>
      </c>
      <c r="IJ37" s="261">
        <v>0</v>
      </c>
      <c r="IK37" s="268">
        <v>0</v>
      </c>
      <c r="IL37" s="269">
        <v>0</v>
      </c>
      <c r="IM37" s="157"/>
      <c r="IN37" s="122">
        <v>0</v>
      </c>
      <c r="IO37" s="122">
        <v>109504</v>
      </c>
      <c r="IP37" s="122">
        <v>0</v>
      </c>
      <c r="IQ37" s="122">
        <v>0</v>
      </c>
      <c r="IR37" s="122">
        <v>0</v>
      </c>
      <c r="IS37" s="158">
        <v>109504</v>
      </c>
      <c r="IT37" s="357">
        <v>109504</v>
      </c>
      <c r="IU37" s="159">
        <v>0</v>
      </c>
      <c r="IV37" s="122">
        <v>0</v>
      </c>
      <c r="IW37" s="123">
        <v>0</v>
      </c>
      <c r="IX37" s="161"/>
      <c r="IY37" s="122">
        <v>0</v>
      </c>
      <c r="IZ37" s="122">
        <v>0</v>
      </c>
      <c r="JA37" s="122">
        <v>0</v>
      </c>
      <c r="JB37" s="122">
        <v>0</v>
      </c>
      <c r="JC37" s="122">
        <v>0</v>
      </c>
      <c r="JD37" s="123">
        <v>0</v>
      </c>
      <c r="JE37" s="124">
        <v>0</v>
      </c>
      <c r="JF37" s="159">
        <v>0</v>
      </c>
      <c r="JG37" s="122">
        <v>0</v>
      </c>
      <c r="JH37" s="158">
        <v>0</v>
      </c>
      <c r="JI37" s="121">
        <v>0</v>
      </c>
      <c r="JJ37" s="122">
        <v>89556</v>
      </c>
      <c r="JK37" s="122">
        <v>53448</v>
      </c>
      <c r="JL37" s="122">
        <v>110408</v>
      </c>
      <c r="JM37" s="122">
        <v>75682</v>
      </c>
      <c r="JN37" s="122">
        <v>0</v>
      </c>
      <c r="JO37" s="123">
        <v>329094</v>
      </c>
      <c r="JP37" s="357">
        <v>329094</v>
      </c>
      <c r="JQ37" s="159">
        <v>0</v>
      </c>
      <c r="JR37" s="122">
        <v>0</v>
      </c>
      <c r="JS37" s="158">
        <v>0</v>
      </c>
      <c r="JT37" s="121">
        <v>0</v>
      </c>
      <c r="JU37" s="122">
        <v>64864</v>
      </c>
      <c r="JV37" s="122">
        <v>0</v>
      </c>
      <c r="JW37" s="122">
        <v>0</v>
      </c>
      <c r="JX37" s="122">
        <v>0</v>
      </c>
      <c r="JY37" s="122">
        <v>0</v>
      </c>
      <c r="JZ37" s="123">
        <v>64864</v>
      </c>
      <c r="KA37" s="357">
        <v>64864</v>
      </c>
      <c r="KB37" s="264">
        <v>0</v>
      </c>
      <c r="KC37" s="258">
        <v>0</v>
      </c>
      <c r="KD37" s="123">
        <v>0</v>
      </c>
      <c r="KE37" s="121">
        <v>0</v>
      </c>
      <c r="KF37" s="122">
        <v>0</v>
      </c>
      <c r="KG37" s="122">
        <v>0</v>
      </c>
      <c r="KH37" s="122">
        <v>0</v>
      </c>
      <c r="KI37" s="122">
        <v>0</v>
      </c>
      <c r="KJ37" s="122">
        <v>0</v>
      </c>
      <c r="KK37" s="123">
        <v>0</v>
      </c>
      <c r="KL37" s="160">
        <v>0</v>
      </c>
      <c r="KM37" s="261">
        <v>0</v>
      </c>
      <c r="KN37" s="268">
        <v>0</v>
      </c>
      <c r="KO37" s="269">
        <v>0</v>
      </c>
      <c r="KP37" s="157"/>
      <c r="KQ37" s="122">
        <v>0</v>
      </c>
      <c r="KR37" s="122">
        <v>240168</v>
      </c>
      <c r="KS37" s="122">
        <v>234200</v>
      </c>
      <c r="KT37" s="122">
        <v>0</v>
      </c>
      <c r="KU37" s="122">
        <v>0</v>
      </c>
      <c r="KV37" s="123">
        <v>474368</v>
      </c>
      <c r="KW37" s="357">
        <v>474368</v>
      </c>
      <c r="KX37" s="159">
        <v>0</v>
      </c>
      <c r="KY37" s="122">
        <v>0</v>
      </c>
      <c r="KZ37" s="123">
        <v>0</v>
      </c>
      <c r="LA37" s="162"/>
      <c r="LB37" s="122">
        <v>0</v>
      </c>
      <c r="LC37" s="122">
        <v>0</v>
      </c>
      <c r="LD37" s="122">
        <v>0</v>
      </c>
      <c r="LE37" s="122">
        <v>0</v>
      </c>
      <c r="LF37" s="122">
        <v>0</v>
      </c>
      <c r="LG37" s="123">
        <v>0</v>
      </c>
      <c r="LH37" s="124">
        <v>0</v>
      </c>
      <c r="LI37" s="159">
        <v>0</v>
      </c>
      <c r="LJ37" s="122">
        <v>0</v>
      </c>
      <c r="LK37" s="123">
        <v>0</v>
      </c>
      <c r="LL37" s="162"/>
      <c r="LM37" s="122">
        <v>0</v>
      </c>
      <c r="LN37" s="122">
        <v>0</v>
      </c>
      <c r="LO37" s="122">
        <v>204456</v>
      </c>
      <c r="LP37" s="122">
        <v>0</v>
      </c>
      <c r="LQ37" s="122">
        <v>0</v>
      </c>
      <c r="LR37" s="123">
        <v>204456</v>
      </c>
      <c r="LS37" s="357">
        <v>204456</v>
      </c>
      <c r="LT37" s="159">
        <v>0</v>
      </c>
      <c r="LU37" s="122">
        <v>0</v>
      </c>
      <c r="LV37" s="123">
        <v>0</v>
      </c>
      <c r="LW37" s="162"/>
      <c r="LX37" s="122">
        <v>0</v>
      </c>
      <c r="LY37" s="122">
        <v>0</v>
      </c>
      <c r="LZ37" s="122">
        <v>0</v>
      </c>
      <c r="MA37" s="122">
        <v>0</v>
      </c>
      <c r="MB37" s="122">
        <v>0</v>
      </c>
      <c r="MC37" s="123">
        <v>0</v>
      </c>
      <c r="MD37" s="124">
        <v>0</v>
      </c>
      <c r="ME37" s="159">
        <v>0</v>
      </c>
      <c r="MF37" s="122">
        <v>0</v>
      </c>
      <c r="MG37" s="123">
        <v>0</v>
      </c>
      <c r="MH37" s="162"/>
      <c r="MI37" s="122">
        <v>229592</v>
      </c>
      <c r="MJ37" s="122">
        <v>0</v>
      </c>
      <c r="MK37" s="122">
        <v>269300</v>
      </c>
      <c r="ML37" s="122">
        <v>506647</v>
      </c>
      <c r="MM37" s="122">
        <v>539306</v>
      </c>
      <c r="MN37" s="123">
        <v>1544845</v>
      </c>
      <c r="MO37" s="160">
        <v>1544845</v>
      </c>
      <c r="MP37" s="159">
        <v>0</v>
      </c>
      <c r="MQ37" s="122">
        <v>0</v>
      </c>
      <c r="MR37" s="123">
        <v>0</v>
      </c>
      <c r="MS37" s="162"/>
      <c r="MT37" s="122">
        <v>0</v>
      </c>
      <c r="MU37" s="122">
        <v>0</v>
      </c>
      <c r="MV37" s="122">
        <v>0</v>
      </c>
      <c r="MW37" s="122">
        <v>506647</v>
      </c>
      <c r="MX37" s="122">
        <v>277488</v>
      </c>
      <c r="MY37" s="123">
        <v>784135</v>
      </c>
      <c r="MZ37" s="160">
        <v>784135</v>
      </c>
      <c r="NA37" s="159">
        <v>0</v>
      </c>
      <c r="NB37" s="122">
        <v>0</v>
      </c>
      <c r="NC37" s="123">
        <v>0</v>
      </c>
      <c r="ND37" s="162"/>
      <c r="NE37" s="122">
        <v>229592</v>
      </c>
      <c r="NF37" s="122">
        <v>0</v>
      </c>
      <c r="NG37" s="122">
        <v>269300</v>
      </c>
      <c r="NH37" s="122">
        <v>0</v>
      </c>
      <c r="NI37" s="122">
        <v>261818</v>
      </c>
      <c r="NJ37" s="123">
        <v>760710</v>
      </c>
      <c r="NK37" s="357">
        <v>760710</v>
      </c>
      <c r="NL37" s="159">
        <v>0</v>
      </c>
      <c r="NM37" s="122">
        <v>0</v>
      </c>
      <c r="NN37" s="123">
        <v>0</v>
      </c>
      <c r="NO37" s="162"/>
      <c r="NP37" s="122">
        <v>0</v>
      </c>
      <c r="NQ37" s="122">
        <v>0</v>
      </c>
      <c r="NR37" s="122">
        <v>0</v>
      </c>
      <c r="NS37" s="122">
        <v>0</v>
      </c>
      <c r="NT37" s="122">
        <v>0</v>
      </c>
      <c r="NU37" s="123">
        <v>0</v>
      </c>
      <c r="NV37" s="124">
        <v>0</v>
      </c>
      <c r="NW37" s="159">
        <v>0</v>
      </c>
      <c r="NX37" s="122">
        <v>0</v>
      </c>
      <c r="NY37" s="123">
        <v>0</v>
      </c>
      <c r="NZ37" s="162"/>
      <c r="OA37" s="122">
        <v>0</v>
      </c>
      <c r="OB37" s="122">
        <v>0</v>
      </c>
      <c r="OC37" s="122">
        <v>0</v>
      </c>
      <c r="OD37" s="122">
        <v>0</v>
      </c>
      <c r="OE37" s="122">
        <v>0</v>
      </c>
      <c r="OF37" s="123">
        <v>0</v>
      </c>
      <c r="OG37" s="124">
        <v>0</v>
      </c>
      <c r="OH37" s="159">
        <v>0</v>
      </c>
      <c r="OI37" s="122">
        <v>63400</v>
      </c>
      <c r="OJ37" s="158">
        <v>63400</v>
      </c>
      <c r="OK37" s="121">
        <v>0</v>
      </c>
      <c r="OL37" s="122">
        <v>794028</v>
      </c>
      <c r="OM37" s="122">
        <v>723586</v>
      </c>
      <c r="ON37" s="122">
        <v>1520653</v>
      </c>
      <c r="OO37" s="122">
        <v>1429417</v>
      </c>
      <c r="OP37" s="122">
        <v>768918</v>
      </c>
      <c r="OQ37" s="123">
        <v>5236602</v>
      </c>
      <c r="OR37" s="160">
        <v>5300002</v>
      </c>
    </row>
    <row r="38" spans="1:408" ht="20.25" customHeight="1" x14ac:dyDescent="0.2">
      <c r="A38" s="129" t="s">
        <v>33</v>
      </c>
      <c r="B38" s="112">
        <v>79617</v>
      </c>
      <c r="C38" s="116">
        <v>46814</v>
      </c>
      <c r="D38" s="115">
        <v>126431</v>
      </c>
      <c r="E38" s="111">
        <v>0</v>
      </c>
      <c r="F38" s="116">
        <v>49945</v>
      </c>
      <c r="G38" s="116">
        <v>205457</v>
      </c>
      <c r="H38" s="116">
        <v>61537</v>
      </c>
      <c r="I38" s="116">
        <v>0</v>
      </c>
      <c r="J38" s="116">
        <v>238850</v>
      </c>
      <c r="K38" s="200">
        <v>555789</v>
      </c>
      <c r="L38" s="118">
        <v>682220</v>
      </c>
      <c r="M38" s="112">
        <v>55429</v>
      </c>
      <c r="N38" s="116">
        <v>46814</v>
      </c>
      <c r="O38" s="115">
        <v>102243</v>
      </c>
      <c r="P38" s="112">
        <v>0</v>
      </c>
      <c r="Q38" s="116">
        <v>23151</v>
      </c>
      <c r="R38" s="116">
        <v>0</v>
      </c>
      <c r="S38" s="116">
        <v>42337</v>
      </c>
      <c r="T38" s="116">
        <v>0</v>
      </c>
      <c r="U38" s="116">
        <v>4144</v>
      </c>
      <c r="V38" s="115">
        <v>69632</v>
      </c>
      <c r="W38" s="118">
        <v>171875</v>
      </c>
      <c r="X38" s="112">
        <v>0</v>
      </c>
      <c r="Y38" s="116">
        <v>0</v>
      </c>
      <c r="Z38" s="115">
        <v>0</v>
      </c>
      <c r="AA38" s="112">
        <v>0</v>
      </c>
      <c r="AB38" s="116">
        <v>10111</v>
      </c>
      <c r="AC38" s="116">
        <v>0</v>
      </c>
      <c r="AD38" s="116">
        <v>0</v>
      </c>
      <c r="AE38" s="116">
        <v>0</v>
      </c>
      <c r="AF38" s="116">
        <v>0</v>
      </c>
      <c r="AG38" s="115">
        <v>10111</v>
      </c>
      <c r="AH38" s="118">
        <v>10111</v>
      </c>
      <c r="AI38" s="112">
        <v>0</v>
      </c>
      <c r="AJ38" s="116">
        <v>0</v>
      </c>
      <c r="AK38" s="115">
        <v>0</v>
      </c>
      <c r="AL38" s="112">
        <v>0</v>
      </c>
      <c r="AM38" s="116">
        <v>0</v>
      </c>
      <c r="AN38" s="116">
        <v>0</v>
      </c>
      <c r="AO38" s="116">
        <v>0</v>
      </c>
      <c r="AP38" s="116">
        <v>0</v>
      </c>
      <c r="AQ38" s="116">
        <v>0</v>
      </c>
      <c r="AR38" s="115">
        <v>0</v>
      </c>
      <c r="AS38" s="118">
        <v>0</v>
      </c>
      <c r="AT38" s="112">
        <v>0</v>
      </c>
      <c r="AU38" s="116">
        <v>0</v>
      </c>
      <c r="AV38" s="115">
        <v>0</v>
      </c>
      <c r="AW38" s="112">
        <v>0</v>
      </c>
      <c r="AX38" s="116">
        <v>0</v>
      </c>
      <c r="AY38" s="116">
        <v>0</v>
      </c>
      <c r="AZ38" s="116">
        <v>42337</v>
      </c>
      <c r="BA38" s="116">
        <v>0</v>
      </c>
      <c r="BB38" s="116">
        <v>0</v>
      </c>
      <c r="BC38" s="115">
        <v>42337</v>
      </c>
      <c r="BD38" s="118">
        <v>42337</v>
      </c>
      <c r="BE38" s="112">
        <v>55429</v>
      </c>
      <c r="BF38" s="116">
        <v>46814</v>
      </c>
      <c r="BG38" s="114">
        <v>102243</v>
      </c>
      <c r="BH38" s="113">
        <v>0</v>
      </c>
      <c r="BI38" s="116">
        <v>0</v>
      </c>
      <c r="BJ38" s="116">
        <v>0</v>
      </c>
      <c r="BK38" s="116">
        <v>0</v>
      </c>
      <c r="BL38" s="116">
        <v>0</v>
      </c>
      <c r="BM38" s="116">
        <v>0</v>
      </c>
      <c r="BN38" s="115">
        <v>0</v>
      </c>
      <c r="BO38" s="118">
        <v>102243</v>
      </c>
      <c r="BP38" s="112">
        <v>0</v>
      </c>
      <c r="BQ38" s="116">
        <v>0</v>
      </c>
      <c r="BR38" s="115">
        <v>0</v>
      </c>
      <c r="BS38" s="112">
        <v>0</v>
      </c>
      <c r="BT38" s="116">
        <v>13040</v>
      </c>
      <c r="BU38" s="116">
        <v>0</v>
      </c>
      <c r="BV38" s="116">
        <v>0</v>
      </c>
      <c r="BW38" s="116">
        <v>0</v>
      </c>
      <c r="BX38" s="116">
        <v>4144</v>
      </c>
      <c r="BY38" s="115">
        <v>17184</v>
      </c>
      <c r="BZ38" s="118">
        <v>17184</v>
      </c>
      <c r="CA38" s="112">
        <v>21788</v>
      </c>
      <c r="CB38" s="116">
        <v>0</v>
      </c>
      <c r="CC38" s="115">
        <v>21788</v>
      </c>
      <c r="CD38" s="112">
        <v>0</v>
      </c>
      <c r="CE38" s="116">
        <v>6394</v>
      </c>
      <c r="CF38" s="116">
        <v>117710</v>
      </c>
      <c r="CG38" s="116">
        <v>0</v>
      </c>
      <c r="CH38" s="116">
        <v>0</v>
      </c>
      <c r="CI38" s="116">
        <v>0</v>
      </c>
      <c r="CJ38" s="115">
        <v>124104</v>
      </c>
      <c r="CK38" s="118">
        <v>145892</v>
      </c>
      <c r="CL38" s="112">
        <v>0</v>
      </c>
      <c r="CM38" s="116">
        <v>0</v>
      </c>
      <c r="CN38" s="115">
        <v>0</v>
      </c>
      <c r="CO38" s="113">
        <v>0</v>
      </c>
      <c r="CP38" s="116">
        <v>0</v>
      </c>
      <c r="CQ38" s="116">
        <v>0</v>
      </c>
      <c r="CR38" s="116">
        <v>0</v>
      </c>
      <c r="CS38" s="116">
        <v>0</v>
      </c>
      <c r="CT38" s="116">
        <v>0</v>
      </c>
      <c r="CU38" s="115">
        <v>0</v>
      </c>
      <c r="CV38" s="118">
        <v>0</v>
      </c>
      <c r="CW38" s="112">
        <v>21788</v>
      </c>
      <c r="CX38" s="116">
        <v>0</v>
      </c>
      <c r="CY38" s="115">
        <v>21788</v>
      </c>
      <c r="CZ38" s="112">
        <v>0</v>
      </c>
      <c r="DA38" s="116">
        <v>6394</v>
      </c>
      <c r="DB38" s="116">
        <v>117710</v>
      </c>
      <c r="DC38" s="116">
        <v>0</v>
      </c>
      <c r="DD38" s="116">
        <v>0</v>
      </c>
      <c r="DE38" s="116">
        <v>0</v>
      </c>
      <c r="DF38" s="115">
        <v>124104</v>
      </c>
      <c r="DG38" s="118">
        <v>145892</v>
      </c>
      <c r="DH38" s="112">
        <v>0</v>
      </c>
      <c r="DI38" s="116">
        <v>0</v>
      </c>
      <c r="DJ38" s="114">
        <v>0</v>
      </c>
      <c r="DK38" s="113">
        <v>0</v>
      </c>
      <c r="DL38" s="116">
        <v>0</v>
      </c>
      <c r="DM38" s="116">
        <v>65763</v>
      </c>
      <c r="DN38" s="116">
        <v>0</v>
      </c>
      <c r="DO38" s="116">
        <v>0</v>
      </c>
      <c r="DP38" s="116">
        <v>0</v>
      </c>
      <c r="DQ38" s="115">
        <v>65763</v>
      </c>
      <c r="DR38" s="118">
        <v>65763</v>
      </c>
      <c r="DS38" s="112">
        <v>0</v>
      </c>
      <c r="DT38" s="116">
        <v>0</v>
      </c>
      <c r="DU38" s="115">
        <v>0</v>
      </c>
      <c r="DV38" s="112">
        <v>0</v>
      </c>
      <c r="DW38" s="116">
        <v>0</v>
      </c>
      <c r="DX38" s="116">
        <v>0</v>
      </c>
      <c r="DY38" s="116">
        <v>0</v>
      </c>
      <c r="DZ38" s="116">
        <v>0</v>
      </c>
      <c r="EA38" s="116">
        <v>0</v>
      </c>
      <c r="EB38" s="115">
        <v>0</v>
      </c>
      <c r="EC38" s="118">
        <v>0</v>
      </c>
      <c r="ED38" s="112">
        <v>0</v>
      </c>
      <c r="EE38" s="114">
        <v>0</v>
      </c>
      <c r="EF38" s="115">
        <v>0</v>
      </c>
      <c r="EG38" s="112">
        <v>0</v>
      </c>
      <c r="EH38" s="116">
        <v>0</v>
      </c>
      <c r="EI38" s="116">
        <v>65763</v>
      </c>
      <c r="EJ38" s="116">
        <v>0</v>
      </c>
      <c r="EK38" s="116">
        <v>0</v>
      </c>
      <c r="EL38" s="116">
        <v>0</v>
      </c>
      <c r="EM38" s="114">
        <v>65763</v>
      </c>
      <c r="EN38" s="118">
        <v>65763</v>
      </c>
      <c r="EO38" s="112">
        <v>0</v>
      </c>
      <c r="EP38" s="116">
        <v>0</v>
      </c>
      <c r="EQ38" s="114">
        <v>0</v>
      </c>
      <c r="ER38" s="113">
        <v>0</v>
      </c>
      <c r="ES38" s="116">
        <v>0</v>
      </c>
      <c r="ET38" s="116">
        <v>0</v>
      </c>
      <c r="EU38" s="116">
        <v>0</v>
      </c>
      <c r="EV38" s="116">
        <v>0</v>
      </c>
      <c r="EW38" s="116">
        <v>0</v>
      </c>
      <c r="EX38" s="115">
        <v>0</v>
      </c>
      <c r="EY38" s="118">
        <v>0</v>
      </c>
      <c r="EZ38" s="112">
        <v>0</v>
      </c>
      <c r="FA38" s="116">
        <v>0</v>
      </c>
      <c r="FB38" s="114">
        <v>0</v>
      </c>
      <c r="FC38" s="390"/>
      <c r="FD38" s="116">
        <v>0</v>
      </c>
      <c r="FE38" s="116">
        <v>0</v>
      </c>
      <c r="FF38" s="116">
        <v>0</v>
      </c>
      <c r="FG38" s="116">
        <v>0</v>
      </c>
      <c r="FH38" s="116">
        <v>0</v>
      </c>
      <c r="FI38" s="115">
        <v>0</v>
      </c>
      <c r="FJ38" s="118">
        <v>0</v>
      </c>
      <c r="FK38" s="112">
        <v>2400</v>
      </c>
      <c r="FL38" s="116">
        <v>0</v>
      </c>
      <c r="FM38" s="115">
        <v>2400</v>
      </c>
      <c r="FN38" s="112">
        <v>0</v>
      </c>
      <c r="FO38" s="116">
        <v>20400</v>
      </c>
      <c r="FP38" s="116">
        <v>21984</v>
      </c>
      <c r="FQ38" s="116">
        <v>19200</v>
      </c>
      <c r="FR38" s="116">
        <v>0</v>
      </c>
      <c r="FS38" s="116">
        <v>0</v>
      </c>
      <c r="FT38" s="115">
        <v>61584</v>
      </c>
      <c r="FU38" s="118">
        <v>63984</v>
      </c>
      <c r="FV38" s="117">
        <v>2400</v>
      </c>
      <c r="FW38" s="116">
        <v>0</v>
      </c>
      <c r="FX38" s="114">
        <v>2400</v>
      </c>
      <c r="FY38" s="113">
        <v>0</v>
      </c>
      <c r="FZ38" s="116">
        <v>20400</v>
      </c>
      <c r="GA38" s="116">
        <v>21984</v>
      </c>
      <c r="GB38" s="116">
        <v>19200</v>
      </c>
      <c r="GC38" s="116">
        <v>0</v>
      </c>
      <c r="GD38" s="116">
        <v>0</v>
      </c>
      <c r="GE38" s="115">
        <v>61584</v>
      </c>
      <c r="GF38" s="354">
        <v>63984</v>
      </c>
      <c r="GG38" s="117">
        <v>0</v>
      </c>
      <c r="GH38" s="116">
        <v>0</v>
      </c>
      <c r="GI38" s="114">
        <v>0</v>
      </c>
      <c r="GJ38" s="113">
        <v>0</v>
      </c>
      <c r="GK38" s="116">
        <v>0</v>
      </c>
      <c r="GL38" s="116">
        <v>0</v>
      </c>
      <c r="GM38" s="116">
        <v>0</v>
      </c>
      <c r="GN38" s="116">
        <v>0</v>
      </c>
      <c r="GO38" s="116">
        <v>0</v>
      </c>
      <c r="GP38" s="115">
        <v>0</v>
      </c>
      <c r="GQ38" s="118">
        <v>0</v>
      </c>
      <c r="GR38" s="112">
        <v>0</v>
      </c>
      <c r="GS38" s="116">
        <v>0</v>
      </c>
      <c r="GT38" s="115">
        <v>0</v>
      </c>
      <c r="GU38" s="112">
        <v>0</v>
      </c>
      <c r="GV38" s="116">
        <v>0</v>
      </c>
      <c r="GW38" s="116">
        <v>0</v>
      </c>
      <c r="GX38" s="116">
        <v>0</v>
      </c>
      <c r="GY38" s="116">
        <v>0</v>
      </c>
      <c r="GZ38" s="116">
        <v>0</v>
      </c>
      <c r="HA38" s="114">
        <v>0</v>
      </c>
      <c r="HB38" s="118">
        <v>0</v>
      </c>
      <c r="HC38" s="112">
        <v>0</v>
      </c>
      <c r="HD38" s="116">
        <v>0</v>
      </c>
      <c r="HE38" s="114">
        <v>0</v>
      </c>
      <c r="HF38" s="113">
        <v>0</v>
      </c>
      <c r="HG38" s="116">
        <v>0</v>
      </c>
      <c r="HH38" s="116">
        <v>0</v>
      </c>
      <c r="HI38" s="116">
        <v>0</v>
      </c>
      <c r="HJ38" s="116">
        <v>0</v>
      </c>
      <c r="HK38" s="116">
        <v>234706</v>
      </c>
      <c r="HL38" s="115">
        <v>234706</v>
      </c>
      <c r="HM38" s="111">
        <v>234706</v>
      </c>
      <c r="HN38" s="370"/>
      <c r="HO38" s="371"/>
      <c r="HP38" s="372"/>
      <c r="HQ38" s="373"/>
      <c r="HR38" s="371"/>
      <c r="HS38" s="371"/>
      <c r="HT38" s="371"/>
      <c r="HU38" s="371"/>
      <c r="HV38" s="371"/>
      <c r="HW38" s="374"/>
      <c r="HX38" s="375"/>
      <c r="HY38" s="167">
        <v>0</v>
      </c>
      <c r="HZ38" s="152">
        <v>0</v>
      </c>
      <c r="IA38" s="167">
        <v>0</v>
      </c>
      <c r="IB38" s="163">
        <v>0</v>
      </c>
      <c r="IC38" s="149">
        <v>163713</v>
      </c>
      <c r="ID38" s="164">
        <v>416057</v>
      </c>
      <c r="IE38" s="150">
        <v>242670</v>
      </c>
      <c r="IF38" s="149">
        <v>0</v>
      </c>
      <c r="IG38" s="150">
        <v>0</v>
      </c>
      <c r="IH38" s="165">
        <v>822440</v>
      </c>
      <c r="II38" s="167">
        <v>822440</v>
      </c>
      <c r="IJ38" s="261">
        <v>0</v>
      </c>
      <c r="IK38" s="268">
        <v>0</v>
      </c>
      <c r="IL38" s="269">
        <v>0</v>
      </c>
      <c r="IM38" s="157"/>
      <c r="IN38" s="122">
        <v>0</v>
      </c>
      <c r="IO38" s="122">
        <v>0</v>
      </c>
      <c r="IP38" s="122">
        <v>0</v>
      </c>
      <c r="IQ38" s="122">
        <v>0</v>
      </c>
      <c r="IR38" s="122">
        <v>0</v>
      </c>
      <c r="IS38" s="158">
        <v>0</v>
      </c>
      <c r="IT38" s="357">
        <v>0</v>
      </c>
      <c r="IU38" s="159">
        <v>0</v>
      </c>
      <c r="IV38" s="122">
        <v>0</v>
      </c>
      <c r="IW38" s="123">
        <v>0</v>
      </c>
      <c r="IX38" s="161"/>
      <c r="IY38" s="122">
        <v>0</v>
      </c>
      <c r="IZ38" s="122">
        <v>0</v>
      </c>
      <c r="JA38" s="122">
        <v>0</v>
      </c>
      <c r="JB38" s="122">
        <v>0</v>
      </c>
      <c r="JC38" s="122">
        <v>0</v>
      </c>
      <c r="JD38" s="123">
        <v>0</v>
      </c>
      <c r="JE38" s="124">
        <v>0</v>
      </c>
      <c r="JF38" s="159">
        <v>0</v>
      </c>
      <c r="JG38" s="122">
        <v>0</v>
      </c>
      <c r="JH38" s="158">
        <v>0</v>
      </c>
      <c r="JI38" s="121">
        <v>0</v>
      </c>
      <c r="JJ38" s="122">
        <v>39860</v>
      </c>
      <c r="JK38" s="122">
        <v>0</v>
      </c>
      <c r="JL38" s="122">
        <v>0</v>
      </c>
      <c r="JM38" s="122">
        <v>0</v>
      </c>
      <c r="JN38" s="122">
        <v>0</v>
      </c>
      <c r="JO38" s="123">
        <v>39860</v>
      </c>
      <c r="JP38" s="357">
        <v>39860</v>
      </c>
      <c r="JQ38" s="159">
        <v>0</v>
      </c>
      <c r="JR38" s="122">
        <v>0</v>
      </c>
      <c r="JS38" s="158">
        <v>0</v>
      </c>
      <c r="JT38" s="121">
        <v>0</v>
      </c>
      <c r="JU38" s="122">
        <v>0</v>
      </c>
      <c r="JV38" s="122">
        <v>0</v>
      </c>
      <c r="JW38" s="122">
        <v>0</v>
      </c>
      <c r="JX38" s="122">
        <v>0</v>
      </c>
      <c r="JY38" s="122">
        <v>0</v>
      </c>
      <c r="JZ38" s="123">
        <v>0</v>
      </c>
      <c r="KA38" s="357">
        <v>0</v>
      </c>
      <c r="KB38" s="264">
        <v>0</v>
      </c>
      <c r="KC38" s="258">
        <v>0</v>
      </c>
      <c r="KD38" s="123">
        <v>0</v>
      </c>
      <c r="KE38" s="121">
        <v>0</v>
      </c>
      <c r="KF38" s="122">
        <v>0</v>
      </c>
      <c r="KG38" s="122">
        <v>0</v>
      </c>
      <c r="KH38" s="122">
        <v>0</v>
      </c>
      <c r="KI38" s="122">
        <v>0</v>
      </c>
      <c r="KJ38" s="122">
        <v>0</v>
      </c>
      <c r="KK38" s="123">
        <v>0</v>
      </c>
      <c r="KL38" s="160">
        <v>0</v>
      </c>
      <c r="KM38" s="261">
        <v>0</v>
      </c>
      <c r="KN38" s="268">
        <v>0</v>
      </c>
      <c r="KO38" s="269">
        <v>0</v>
      </c>
      <c r="KP38" s="157"/>
      <c r="KQ38" s="122">
        <v>0</v>
      </c>
      <c r="KR38" s="122">
        <v>228449</v>
      </c>
      <c r="KS38" s="122">
        <v>242670</v>
      </c>
      <c r="KT38" s="122">
        <v>0</v>
      </c>
      <c r="KU38" s="122">
        <v>0</v>
      </c>
      <c r="KV38" s="123">
        <v>471119</v>
      </c>
      <c r="KW38" s="357">
        <v>471119</v>
      </c>
      <c r="KX38" s="159">
        <v>0</v>
      </c>
      <c r="KY38" s="122">
        <v>0</v>
      </c>
      <c r="KZ38" s="123">
        <v>0</v>
      </c>
      <c r="LA38" s="162"/>
      <c r="LB38" s="122">
        <v>0</v>
      </c>
      <c r="LC38" s="122">
        <v>0</v>
      </c>
      <c r="LD38" s="122">
        <v>0</v>
      </c>
      <c r="LE38" s="122">
        <v>0</v>
      </c>
      <c r="LF38" s="122">
        <v>0</v>
      </c>
      <c r="LG38" s="123">
        <v>0</v>
      </c>
      <c r="LH38" s="124">
        <v>0</v>
      </c>
      <c r="LI38" s="159">
        <v>0</v>
      </c>
      <c r="LJ38" s="122">
        <v>0</v>
      </c>
      <c r="LK38" s="123">
        <v>0</v>
      </c>
      <c r="LL38" s="162"/>
      <c r="LM38" s="122">
        <v>0</v>
      </c>
      <c r="LN38" s="122">
        <v>0</v>
      </c>
      <c r="LO38" s="122">
        <v>0</v>
      </c>
      <c r="LP38" s="122">
        <v>0</v>
      </c>
      <c r="LQ38" s="122">
        <v>0</v>
      </c>
      <c r="LR38" s="123">
        <v>0</v>
      </c>
      <c r="LS38" s="357">
        <v>0</v>
      </c>
      <c r="LT38" s="159">
        <v>0</v>
      </c>
      <c r="LU38" s="122">
        <v>0</v>
      </c>
      <c r="LV38" s="123">
        <v>0</v>
      </c>
      <c r="LW38" s="162"/>
      <c r="LX38" s="122">
        <v>123853</v>
      </c>
      <c r="LY38" s="122">
        <v>187608</v>
      </c>
      <c r="LZ38" s="122">
        <v>0</v>
      </c>
      <c r="MA38" s="122">
        <v>0</v>
      </c>
      <c r="MB38" s="122">
        <v>0</v>
      </c>
      <c r="MC38" s="123">
        <v>311461</v>
      </c>
      <c r="MD38" s="124">
        <v>311461</v>
      </c>
      <c r="ME38" s="159">
        <v>0</v>
      </c>
      <c r="MF38" s="122">
        <v>0</v>
      </c>
      <c r="MG38" s="123">
        <v>0</v>
      </c>
      <c r="MH38" s="162"/>
      <c r="MI38" s="122">
        <v>233965</v>
      </c>
      <c r="MJ38" s="122">
        <v>0</v>
      </c>
      <c r="MK38" s="122">
        <v>319200</v>
      </c>
      <c r="ML38" s="122">
        <v>343885</v>
      </c>
      <c r="MM38" s="122">
        <v>316002</v>
      </c>
      <c r="MN38" s="123">
        <v>1213052</v>
      </c>
      <c r="MO38" s="160">
        <v>1213052</v>
      </c>
      <c r="MP38" s="159">
        <v>0</v>
      </c>
      <c r="MQ38" s="122">
        <v>0</v>
      </c>
      <c r="MR38" s="123">
        <v>0</v>
      </c>
      <c r="MS38" s="162"/>
      <c r="MT38" s="122">
        <v>0</v>
      </c>
      <c r="MU38" s="122">
        <v>0</v>
      </c>
      <c r="MV38" s="122">
        <v>0</v>
      </c>
      <c r="MW38" s="122">
        <v>0</v>
      </c>
      <c r="MX38" s="122">
        <v>0</v>
      </c>
      <c r="MY38" s="123">
        <v>0</v>
      </c>
      <c r="MZ38" s="160">
        <v>0</v>
      </c>
      <c r="NA38" s="159">
        <v>0</v>
      </c>
      <c r="NB38" s="122">
        <v>0</v>
      </c>
      <c r="NC38" s="123">
        <v>0</v>
      </c>
      <c r="ND38" s="162"/>
      <c r="NE38" s="122">
        <v>233965</v>
      </c>
      <c r="NF38" s="122">
        <v>0</v>
      </c>
      <c r="NG38" s="122">
        <v>0</v>
      </c>
      <c r="NH38" s="122">
        <v>0</v>
      </c>
      <c r="NI38" s="122">
        <v>316002</v>
      </c>
      <c r="NJ38" s="123">
        <v>549967</v>
      </c>
      <c r="NK38" s="357">
        <v>549967</v>
      </c>
      <c r="NL38" s="159">
        <v>0</v>
      </c>
      <c r="NM38" s="122">
        <v>0</v>
      </c>
      <c r="NN38" s="123">
        <v>0</v>
      </c>
      <c r="NO38" s="162"/>
      <c r="NP38" s="122">
        <v>0</v>
      </c>
      <c r="NQ38" s="122">
        <v>0</v>
      </c>
      <c r="NR38" s="122">
        <v>0</v>
      </c>
      <c r="NS38" s="122">
        <v>0</v>
      </c>
      <c r="NT38" s="122">
        <v>0</v>
      </c>
      <c r="NU38" s="123">
        <v>0</v>
      </c>
      <c r="NV38" s="124">
        <v>0</v>
      </c>
      <c r="NW38" s="159">
        <v>0</v>
      </c>
      <c r="NX38" s="122">
        <v>0</v>
      </c>
      <c r="NY38" s="123">
        <v>0</v>
      </c>
      <c r="NZ38" s="162"/>
      <c r="OA38" s="122">
        <v>0</v>
      </c>
      <c r="OB38" s="122">
        <v>0</v>
      </c>
      <c r="OC38" s="122">
        <v>319200</v>
      </c>
      <c r="OD38" s="122">
        <v>343885</v>
      </c>
      <c r="OE38" s="122">
        <v>0</v>
      </c>
      <c r="OF38" s="123">
        <v>663085</v>
      </c>
      <c r="OG38" s="124">
        <v>663085</v>
      </c>
      <c r="OH38" s="159">
        <v>79617</v>
      </c>
      <c r="OI38" s="122">
        <v>46814</v>
      </c>
      <c r="OJ38" s="158">
        <v>126431</v>
      </c>
      <c r="OK38" s="121">
        <v>0</v>
      </c>
      <c r="OL38" s="122">
        <v>447623</v>
      </c>
      <c r="OM38" s="122">
        <v>621514</v>
      </c>
      <c r="ON38" s="122">
        <v>623407</v>
      </c>
      <c r="OO38" s="122">
        <v>343885</v>
      </c>
      <c r="OP38" s="122">
        <v>554852</v>
      </c>
      <c r="OQ38" s="123">
        <v>2591281</v>
      </c>
      <c r="OR38" s="160">
        <v>2717712</v>
      </c>
    </row>
    <row r="39" spans="1:408" ht="20.25" customHeight="1" x14ac:dyDescent="0.2">
      <c r="A39" s="129" t="s">
        <v>34</v>
      </c>
      <c r="B39" s="112">
        <v>0</v>
      </c>
      <c r="C39" s="116">
        <v>21712</v>
      </c>
      <c r="D39" s="201">
        <v>21712</v>
      </c>
      <c r="E39" s="202">
        <v>0</v>
      </c>
      <c r="F39" s="203">
        <v>394591</v>
      </c>
      <c r="G39" s="203">
        <v>228188</v>
      </c>
      <c r="H39" s="203">
        <v>330680</v>
      </c>
      <c r="I39" s="203">
        <v>0</v>
      </c>
      <c r="J39" s="203">
        <v>242160</v>
      </c>
      <c r="K39" s="204">
        <v>1195619</v>
      </c>
      <c r="L39" s="118">
        <v>1217331</v>
      </c>
      <c r="M39" s="112">
        <v>0</v>
      </c>
      <c r="N39" s="116">
        <v>21712</v>
      </c>
      <c r="O39" s="115">
        <v>21712</v>
      </c>
      <c r="P39" s="112">
        <v>0</v>
      </c>
      <c r="Q39" s="116">
        <v>55032</v>
      </c>
      <c r="R39" s="116">
        <v>70076</v>
      </c>
      <c r="S39" s="116">
        <v>84128</v>
      </c>
      <c r="T39" s="116">
        <v>0</v>
      </c>
      <c r="U39" s="116">
        <v>4144</v>
      </c>
      <c r="V39" s="115">
        <v>213380</v>
      </c>
      <c r="W39" s="118">
        <v>235092</v>
      </c>
      <c r="X39" s="112">
        <v>0</v>
      </c>
      <c r="Y39" s="116">
        <v>0</v>
      </c>
      <c r="Z39" s="115">
        <v>0</v>
      </c>
      <c r="AA39" s="112">
        <v>0</v>
      </c>
      <c r="AB39" s="116">
        <v>34176</v>
      </c>
      <c r="AC39" s="116">
        <v>57556</v>
      </c>
      <c r="AD39" s="116">
        <v>31224</v>
      </c>
      <c r="AE39" s="116">
        <v>0</v>
      </c>
      <c r="AF39" s="116">
        <v>0</v>
      </c>
      <c r="AG39" s="115">
        <v>122956</v>
      </c>
      <c r="AH39" s="118">
        <v>122956</v>
      </c>
      <c r="AI39" s="112">
        <v>0</v>
      </c>
      <c r="AJ39" s="116">
        <v>0</v>
      </c>
      <c r="AK39" s="115">
        <v>0</v>
      </c>
      <c r="AL39" s="112">
        <v>0</v>
      </c>
      <c r="AM39" s="116">
        <v>0</v>
      </c>
      <c r="AN39" s="116">
        <v>0</v>
      </c>
      <c r="AO39" s="116">
        <v>0</v>
      </c>
      <c r="AP39" s="116">
        <v>0</v>
      </c>
      <c r="AQ39" s="116">
        <v>0</v>
      </c>
      <c r="AR39" s="115">
        <v>0</v>
      </c>
      <c r="AS39" s="118">
        <v>0</v>
      </c>
      <c r="AT39" s="112">
        <v>0</v>
      </c>
      <c r="AU39" s="116">
        <v>21712</v>
      </c>
      <c r="AV39" s="115">
        <v>21712</v>
      </c>
      <c r="AW39" s="112">
        <v>0</v>
      </c>
      <c r="AX39" s="116">
        <v>0</v>
      </c>
      <c r="AY39" s="116">
        <v>0</v>
      </c>
      <c r="AZ39" s="116">
        <v>24472</v>
      </c>
      <c r="BA39" s="116">
        <v>0</v>
      </c>
      <c r="BB39" s="116">
        <v>0</v>
      </c>
      <c r="BC39" s="115">
        <v>24472</v>
      </c>
      <c r="BD39" s="118">
        <v>46184</v>
      </c>
      <c r="BE39" s="112">
        <v>0</v>
      </c>
      <c r="BF39" s="116">
        <v>0</v>
      </c>
      <c r="BG39" s="114">
        <v>0</v>
      </c>
      <c r="BH39" s="113">
        <v>0</v>
      </c>
      <c r="BI39" s="116">
        <v>0</v>
      </c>
      <c r="BJ39" s="116">
        <v>12520</v>
      </c>
      <c r="BK39" s="116">
        <v>0</v>
      </c>
      <c r="BL39" s="116">
        <v>0</v>
      </c>
      <c r="BM39" s="116">
        <v>0</v>
      </c>
      <c r="BN39" s="115">
        <v>12520</v>
      </c>
      <c r="BO39" s="118">
        <v>12520</v>
      </c>
      <c r="BP39" s="112">
        <v>0</v>
      </c>
      <c r="BQ39" s="116">
        <v>0</v>
      </c>
      <c r="BR39" s="115">
        <v>0</v>
      </c>
      <c r="BS39" s="112">
        <v>0</v>
      </c>
      <c r="BT39" s="116">
        <v>20856</v>
      </c>
      <c r="BU39" s="116">
        <v>0</v>
      </c>
      <c r="BV39" s="116">
        <v>28432</v>
      </c>
      <c r="BW39" s="116">
        <v>0</v>
      </c>
      <c r="BX39" s="116">
        <v>4144</v>
      </c>
      <c r="BY39" s="115">
        <v>53432</v>
      </c>
      <c r="BZ39" s="118">
        <v>53432</v>
      </c>
      <c r="CA39" s="112">
        <v>0</v>
      </c>
      <c r="CB39" s="116">
        <v>0</v>
      </c>
      <c r="CC39" s="115">
        <v>0</v>
      </c>
      <c r="CD39" s="112">
        <v>0</v>
      </c>
      <c r="CE39" s="116">
        <v>166696</v>
      </c>
      <c r="CF39" s="116">
        <v>147928</v>
      </c>
      <c r="CG39" s="116">
        <v>0</v>
      </c>
      <c r="CH39" s="116">
        <v>0</v>
      </c>
      <c r="CI39" s="116">
        <v>0</v>
      </c>
      <c r="CJ39" s="115">
        <v>314624</v>
      </c>
      <c r="CK39" s="118">
        <v>314624</v>
      </c>
      <c r="CL39" s="112">
        <v>0</v>
      </c>
      <c r="CM39" s="116">
        <v>0</v>
      </c>
      <c r="CN39" s="115">
        <v>0</v>
      </c>
      <c r="CO39" s="113">
        <v>0</v>
      </c>
      <c r="CP39" s="116">
        <v>66432</v>
      </c>
      <c r="CQ39" s="116">
        <v>147928</v>
      </c>
      <c r="CR39" s="116">
        <v>0</v>
      </c>
      <c r="CS39" s="116">
        <v>0</v>
      </c>
      <c r="CT39" s="116">
        <v>0</v>
      </c>
      <c r="CU39" s="115">
        <v>214360</v>
      </c>
      <c r="CV39" s="118">
        <v>214360</v>
      </c>
      <c r="CW39" s="112">
        <v>0</v>
      </c>
      <c r="CX39" s="116">
        <v>0</v>
      </c>
      <c r="CY39" s="115">
        <v>0</v>
      </c>
      <c r="CZ39" s="112">
        <v>0</v>
      </c>
      <c r="DA39" s="116">
        <v>100264</v>
      </c>
      <c r="DB39" s="116">
        <v>0</v>
      </c>
      <c r="DC39" s="116">
        <v>0</v>
      </c>
      <c r="DD39" s="116">
        <v>0</v>
      </c>
      <c r="DE39" s="116">
        <v>0</v>
      </c>
      <c r="DF39" s="115">
        <v>100264</v>
      </c>
      <c r="DG39" s="118">
        <v>100264</v>
      </c>
      <c r="DH39" s="112">
        <v>0</v>
      </c>
      <c r="DI39" s="116">
        <v>0</v>
      </c>
      <c r="DJ39" s="114">
        <v>0</v>
      </c>
      <c r="DK39" s="113">
        <v>0</v>
      </c>
      <c r="DL39" s="116">
        <v>0</v>
      </c>
      <c r="DM39" s="116">
        <v>0</v>
      </c>
      <c r="DN39" s="116">
        <v>0</v>
      </c>
      <c r="DO39" s="116">
        <v>0</v>
      </c>
      <c r="DP39" s="116">
        <v>0</v>
      </c>
      <c r="DQ39" s="115">
        <v>0</v>
      </c>
      <c r="DR39" s="118">
        <v>0</v>
      </c>
      <c r="DS39" s="112">
        <v>0</v>
      </c>
      <c r="DT39" s="116">
        <v>0</v>
      </c>
      <c r="DU39" s="115">
        <v>0</v>
      </c>
      <c r="DV39" s="112">
        <v>0</v>
      </c>
      <c r="DW39" s="116">
        <v>0</v>
      </c>
      <c r="DX39" s="116">
        <v>0</v>
      </c>
      <c r="DY39" s="116">
        <v>0</v>
      </c>
      <c r="DZ39" s="116">
        <v>0</v>
      </c>
      <c r="EA39" s="116">
        <v>0</v>
      </c>
      <c r="EB39" s="115">
        <v>0</v>
      </c>
      <c r="EC39" s="118">
        <v>0</v>
      </c>
      <c r="ED39" s="112">
        <v>0</v>
      </c>
      <c r="EE39" s="114">
        <v>0</v>
      </c>
      <c r="EF39" s="115">
        <v>0</v>
      </c>
      <c r="EG39" s="112">
        <v>0</v>
      </c>
      <c r="EH39" s="116">
        <v>0</v>
      </c>
      <c r="EI39" s="116">
        <v>0</v>
      </c>
      <c r="EJ39" s="116">
        <v>0</v>
      </c>
      <c r="EK39" s="116">
        <v>0</v>
      </c>
      <c r="EL39" s="116">
        <v>0</v>
      </c>
      <c r="EM39" s="114">
        <v>0</v>
      </c>
      <c r="EN39" s="118">
        <v>0</v>
      </c>
      <c r="EO39" s="112">
        <v>0</v>
      </c>
      <c r="EP39" s="116">
        <v>0</v>
      </c>
      <c r="EQ39" s="114">
        <v>0</v>
      </c>
      <c r="ER39" s="113">
        <v>0</v>
      </c>
      <c r="ES39" s="116">
        <v>0</v>
      </c>
      <c r="ET39" s="116">
        <v>0</v>
      </c>
      <c r="EU39" s="116">
        <v>0</v>
      </c>
      <c r="EV39" s="116">
        <v>0</v>
      </c>
      <c r="EW39" s="116">
        <v>0</v>
      </c>
      <c r="EX39" s="115">
        <v>0</v>
      </c>
      <c r="EY39" s="118">
        <v>0</v>
      </c>
      <c r="EZ39" s="112">
        <v>0</v>
      </c>
      <c r="FA39" s="116">
        <v>0</v>
      </c>
      <c r="FB39" s="114">
        <v>0</v>
      </c>
      <c r="FC39" s="390"/>
      <c r="FD39" s="116">
        <v>0</v>
      </c>
      <c r="FE39" s="116">
        <v>0</v>
      </c>
      <c r="FF39" s="116">
        <v>0</v>
      </c>
      <c r="FG39" s="116">
        <v>0</v>
      </c>
      <c r="FH39" s="116">
        <v>0</v>
      </c>
      <c r="FI39" s="115">
        <v>0</v>
      </c>
      <c r="FJ39" s="118">
        <v>0</v>
      </c>
      <c r="FK39" s="112">
        <v>0</v>
      </c>
      <c r="FL39" s="116">
        <v>0</v>
      </c>
      <c r="FM39" s="115">
        <v>0</v>
      </c>
      <c r="FN39" s="112">
        <v>0</v>
      </c>
      <c r="FO39" s="116">
        <v>19600</v>
      </c>
      <c r="FP39" s="116">
        <v>10184</v>
      </c>
      <c r="FQ39" s="116">
        <v>61360</v>
      </c>
      <c r="FR39" s="116">
        <v>0</v>
      </c>
      <c r="FS39" s="116">
        <v>0</v>
      </c>
      <c r="FT39" s="115">
        <v>91144</v>
      </c>
      <c r="FU39" s="118">
        <v>91144</v>
      </c>
      <c r="FV39" s="117">
        <v>0</v>
      </c>
      <c r="FW39" s="116">
        <v>0</v>
      </c>
      <c r="FX39" s="114">
        <v>0</v>
      </c>
      <c r="FY39" s="113">
        <v>0</v>
      </c>
      <c r="FZ39" s="116">
        <v>19600</v>
      </c>
      <c r="GA39" s="116">
        <v>10184</v>
      </c>
      <c r="GB39" s="116">
        <v>61360</v>
      </c>
      <c r="GC39" s="116">
        <v>0</v>
      </c>
      <c r="GD39" s="116">
        <v>0</v>
      </c>
      <c r="GE39" s="115">
        <v>91144</v>
      </c>
      <c r="GF39" s="354">
        <v>91144</v>
      </c>
      <c r="GG39" s="117">
        <v>0</v>
      </c>
      <c r="GH39" s="116">
        <v>0</v>
      </c>
      <c r="GI39" s="114">
        <v>0</v>
      </c>
      <c r="GJ39" s="113">
        <v>0</v>
      </c>
      <c r="GK39" s="116">
        <v>0</v>
      </c>
      <c r="GL39" s="116">
        <v>0</v>
      </c>
      <c r="GM39" s="116">
        <v>0</v>
      </c>
      <c r="GN39" s="116">
        <v>0</v>
      </c>
      <c r="GO39" s="116">
        <v>0</v>
      </c>
      <c r="GP39" s="115">
        <v>0</v>
      </c>
      <c r="GQ39" s="118">
        <v>0</v>
      </c>
      <c r="GR39" s="112">
        <v>0</v>
      </c>
      <c r="GS39" s="116">
        <v>0</v>
      </c>
      <c r="GT39" s="115">
        <v>0</v>
      </c>
      <c r="GU39" s="112">
        <v>0</v>
      </c>
      <c r="GV39" s="116">
        <v>0</v>
      </c>
      <c r="GW39" s="116">
        <v>0</v>
      </c>
      <c r="GX39" s="116">
        <v>0</v>
      </c>
      <c r="GY39" s="116">
        <v>0</v>
      </c>
      <c r="GZ39" s="116">
        <v>0</v>
      </c>
      <c r="HA39" s="114">
        <v>0</v>
      </c>
      <c r="HB39" s="118">
        <v>0</v>
      </c>
      <c r="HC39" s="112">
        <v>0</v>
      </c>
      <c r="HD39" s="116">
        <v>0</v>
      </c>
      <c r="HE39" s="114">
        <v>0</v>
      </c>
      <c r="HF39" s="113">
        <v>0</v>
      </c>
      <c r="HG39" s="116">
        <v>153263</v>
      </c>
      <c r="HH39" s="116">
        <v>0</v>
      </c>
      <c r="HI39" s="116">
        <v>185192</v>
      </c>
      <c r="HJ39" s="116">
        <v>0</v>
      </c>
      <c r="HK39" s="116">
        <v>238016</v>
      </c>
      <c r="HL39" s="115">
        <v>576471</v>
      </c>
      <c r="HM39" s="111">
        <v>576471</v>
      </c>
      <c r="HN39" s="370"/>
      <c r="HO39" s="371"/>
      <c r="HP39" s="372"/>
      <c r="HQ39" s="373"/>
      <c r="HR39" s="371"/>
      <c r="HS39" s="371"/>
      <c r="HT39" s="371"/>
      <c r="HU39" s="371"/>
      <c r="HV39" s="371"/>
      <c r="HW39" s="374"/>
      <c r="HX39" s="375"/>
      <c r="HY39" s="148">
        <v>0</v>
      </c>
      <c r="HZ39" s="149">
        <v>0</v>
      </c>
      <c r="IA39" s="150">
        <v>0</v>
      </c>
      <c r="IB39" s="163">
        <v>0</v>
      </c>
      <c r="IC39" s="149">
        <v>282088</v>
      </c>
      <c r="ID39" s="164">
        <v>0</v>
      </c>
      <c r="IE39" s="150">
        <v>246008</v>
      </c>
      <c r="IF39" s="149">
        <v>0</v>
      </c>
      <c r="IG39" s="150">
        <v>0</v>
      </c>
      <c r="IH39" s="165">
        <v>528096</v>
      </c>
      <c r="II39" s="156">
        <v>528096</v>
      </c>
      <c r="IJ39" s="261">
        <v>0</v>
      </c>
      <c r="IK39" s="268">
        <v>0</v>
      </c>
      <c r="IL39" s="269">
        <v>0</v>
      </c>
      <c r="IM39" s="157"/>
      <c r="IN39" s="122">
        <v>0</v>
      </c>
      <c r="IO39" s="122">
        <v>0</v>
      </c>
      <c r="IP39" s="122">
        <v>0</v>
      </c>
      <c r="IQ39" s="122">
        <v>0</v>
      </c>
      <c r="IR39" s="122">
        <v>0</v>
      </c>
      <c r="IS39" s="158">
        <v>0</v>
      </c>
      <c r="IT39" s="357">
        <v>0</v>
      </c>
      <c r="IU39" s="159">
        <v>0</v>
      </c>
      <c r="IV39" s="122">
        <v>0</v>
      </c>
      <c r="IW39" s="123">
        <v>0</v>
      </c>
      <c r="IX39" s="161"/>
      <c r="IY39" s="122">
        <v>0</v>
      </c>
      <c r="IZ39" s="122">
        <v>0</v>
      </c>
      <c r="JA39" s="122">
        <v>0</v>
      </c>
      <c r="JB39" s="122">
        <v>0</v>
      </c>
      <c r="JC39" s="122">
        <v>0</v>
      </c>
      <c r="JD39" s="123">
        <v>0</v>
      </c>
      <c r="JE39" s="124">
        <v>0</v>
      </c>
      <c r="JF39" s="159">
        <v>0</v>
      </c>
      <c r="JG39" s="122">
        <v>0</v>
      </c>
      <c r="JH39" s="158">
        <v>0</v>
      </c>
      <c r="JI39" s="121">
        <v>0</v>
      </c>
      <c r="JJ39" s="122">
        <v>171376</v>
      </c>
      <c r="JK39" s="122">
        <v>0</v>
      </c>
      <c r="JL39" s="122">
        <v>0</v>
      </c>
      <c r="JM39" s="122">
        <v>0</v>
      </c>
      <c r="JN39" s="122">
        <v>0</v>
      </c>
      <c r="JO39" s="123">
        <v>171376</v>
      </c>
      <c r="JP39" s="357">
        <v>171376</v>
      </c>
      <c r="JQ39" s="159">
        <v>0</v>
      </c>
      <c r="JR39" s="122">
        <v>0</v>
      </c>
      <c r="JS39" s="158">
        <v>0</v>
      </c>
      <c r="JT39" s="121">
        <v>0</v>
      </c>
      <c r="JU39" s="122">
        <v>0</v>
      </c>
      <c r="JV39" s="122">
        <v>0</v>
      </c>
      <c r="JW39" s="122">
        <v>0</v>
      </c>
      <c r="JX39" s="122">
        <v>0</v>
      </c>
      <c r="JY39" s="122">
        <v>0</v>
      </c>
      <c r="JZ39" s="123">
        <v>0</v>
      </c>
      <c r="KA39" s="357">
        <v>0</v>
      </c>
      <c r="KB39" s="264">
        <v>0</v>
      </c>
      <c r="KC39" s="258">
        <v>0</v>
      </c>
      <c r="KD39" s="123">
        <v>0</v>
      </c>
      <c r="KE39" s="121">
        <v>0</v>
      </c>
      <c r="KF39" s="122">
        <v>110712</v>
      </c>
      <c r="KG39" s="122">
        <v>0</v>
      </c>
      <c r="KH39" s="122">
        <v>0</v>
      </c>
      <c r="KI39" s="122">
        <v>0</v>
      </c>
      <c r="KJ39" s="122">
        <v>0</v>
      </c>
      <c r="KK39" s="123">
        <v>110712</v>
      </c>
      <c r="KL39" s="160">
        <v>110712</v>
      </c>
      <c r="KM39" s="261">
        <v>0</v>
      </c>
      <c r="KN39" s="268">
        <v>0</v>
      </c>
      <c r="KO39" s="269">
        <v>0</v>
      </c>
      <c r="KP39" s="157"/>
      <c r="KQ39" s="122">
        <v>0</v>
      </c>
      <c r="KR39" s="122">
        <v>0</v>
      </c>
      <c r="KS39" s="122">
        <v>0</v>
      </c>
      <c r="KT39" s="122">
        <v>0</v>
      </c>
      <c r="KU39" s="122">
        <v>0</v>
      </c>
      <c r="KV39" s="123">
        <v>0</v>
      </c>
      <c r="KW39" s="357">
        <v>0</v>
      </c>
      <c r="KX39" s="159">
        <v>0</v>
      </c>
      <c r="KY39" s="122">
        <v>0</v>
      </c>
      <c r="KZ39" s="123">
        <v>0</v>
      </c>
      <c r="LA39" s="162"/>
      <c r="LB39" s="122">
        <v>0</v>
      </c>
      <c r="LC39" s="122">
        <v>0</v>
      </c>
      <c r="LD39" s="122">
        <v>0</v>
      </c>
      <c r="LE39" s="122">
        <v>0</v>
      </c>
      <c r="LF39" s="122">
        <v>0</v>
      </c>
      <c r="LG39" s="123">
        <v>0</v>
      </c>
      <c r="LH39" s="124">
        <v>0</v>
      </c>
      <c r="LI39" s="159">
        <v>0</v>
      </c>
      <c r="LJ39" s="122">
        <v>0</v>
      </c>
      <c r="LK39" s="123">
        <v>0</v>
      </c>
      <c r="LL39" s="162"/>
      <c r="LM39" s="122">
        <v>0</v>
      </c>
      <c r="LN39" s="122">
        <v>0</v>
      </c>
      <c r="LO39" s="122">
        <v>0</v>
      </c>
      <c r="LP39" s="122">
        <v>0</v>
      </c>
      <c r="LQ39" s="122">
        <v>0</v>
      </c>
      <c r="LR39" s="123">
        <v>0</v>
      </c>
      <c r="LS39" s="357">
        <v>0</v>
      </c>
      <c r="LT39" s="159">
        <v>0</v>
      </c>
      <c r="LU39" s="122">
        <v>0</v>
      </c>
      <c r="LV39" s="123">
        <v>0</v>
      </c>
      <c r="LW39" s="162"/>
      <c r="LX39" s="122">
        <v>0</v>
      </c>
      <c r="LY39" s="122">
        <v>0</v>
      </c>
      <c r="LZ39" s="122">
        <v>246008</v>
      </c>
      <c r="MA39" s="122">
        <v>0</v>
      </c>
      <c r="MB39" s="122">
        <v>0</v>
      </c>
      <c r="MC39" s="123">
        <v>246008</v>
      </c>
      <c r="MD39" s="124">
        <v>246008</v>
      </c>
      <c r="ME39" s="159">
        <v>0</v>
      </c>
      <c r="MF39" s="122">
        <v>0</v>
      </c>
      <c r="MG39" s="123">
        <v>0</v>
      </c>
      <c r="MH39" s="162"/>
      <c r="MI39" s="122">
        <v>0</v>
      </c>
      <c r="MJ39" s="122">
        <v>0</v>
      </c>
      <c r="MK39" s="122">
        <v>215272</v>
      </c>
      <c r="ML39" s="122">
        <v>0</v>
      </c>
      <c r="MM39" s="122">
        <v>279136</v>
      </c>
      <c r="MN39" s="123">
        <v>494408</v>
      </c>
      <c r="MO39" s="160">
        <v>494408</v>
      </c>
      <c r="MP39" s="159">
        <v>0</v>
      </c>
      <c r="MQ39" s="122">
        <v>0</v>
      </c>
      <c r="MR39" s="123">
        <v>0</v>
      </c>
      <c r="MS39" s="162"/>
      <c r="MT39" s="122">
        <v>0</v>
      </c>
      <c r="MU39" s="122">
        <v>0</v>
      </c>
      <c r="MV39" s="122">
        <v>215272</v>
      </c>
      <c r="MW39" s="122">
        <v>0</v>
      </c>
      <c r="MX39" s="122">
        <v>279136</v>
      </c>
      <c r="MY39" s="123">
        <v>494408</v>
      </c>
      <c r="MZ39" s="160">
        <v>494408</v>
      </c>
      <c r="NA39" s="159">
        <v>0</v>
      </c>
      <c r="NB39" s="122">
        <v>0</v>
      </c>
      <c r="NC39" s="123">
        <v>0</v>
      </c>
      <c r="ND39" s="162"/>
      <c r="NE39" s="122">
        <v>0</v>
      </c>
      <c r="NF39" s="122">
        <v>0</v>
      </c>
      <c r="NG39" s="122">
        <v>0</v>
      </c>
      <c r="NH39" s="122">
        <v>0</v>
      </c>
      <c r="NI39" s="122">
        <v>0</v>
      </c>
      <c r="NJ39" s="123">
        <v>0</v>
      </c>
      <c r="NK39" s="357">
        <v>0</v>
      </c>
      <c r="NL39" s="159">
        <v>0</v>
      </c>
      <c r="NM39" s="122">
        <v>0</v>
      </c>
      <c r="NN39" s="123">
        <v>0</v>
      </c>
      <c r="NO39" s="162"/>
      <c r="NP39" s="122">
        <v>0</v>
      </c>
      <c r="NQ39" s="122">
        <v>0</v>
      </c>
      <c r="NR39" s="122">
        <v>0</v>
      </c>
      <c r="NS39" s="122">
        <v>0</v>
      </c>
      <c r="NT39" s="122">
        <v>0</v>
      </c>
      <c r="NU39" s="123">
        <v>0</v>
      </c>
      <c r="NV39" s="124">
        <v>0</v>
      </c>
      <c r="NW39" s="159">
        <v>0</v>
      </c>
      <c r="NX39" s="122">
        <v>0</v>
      </c>
      <c r="NY39" s="123">
        <v>0</v>
      </c>
      <c r="NZ39" s="162"/>
      <c r="OA39" s="122">
        <v>0</v>
      </c>
      <c r="OB39" s="122">
        <v>0</v>
      </c>
      <c r="OC39" s="122">
        <v>0</v>
      </c>
      <c r="OD39" s="122">
        <v>0</v>
      </c>
      <c r="OE39" s="122">
        <v>0</v>
      </c>
      <c r="OF39" s="123">
        <v>0</v>
      </c>
      <c r="OG39" s="124">
        <v>0</v>
      </c>
      <c r="OH39" s="159">
        <v>0</v>
      </c>
      <c r="OI39" s="122">
        <v>21712</v>
      </c>
      <c r="OJ39" s="158">
        <v>21712</v>
      </c>
      <c r="OK39" s="121">
        <v>0</v>
      </c>
      <c r="OL39" s="122">
        <v>676679</v>
      </c>
      <c r="OM39" s="122">
        <v>228188</v>
      </c>
      <c r="ON39" s="122">
        <v>791960</v>
      </c>
      <c r="OO39" s="122">
        <v>0</v>
      </c>
      <c r="OP39" s="122">
        <v>521296</v>
      </c>
      <c r="OQ39" s="123">
        <v>2218123</v>
      </c>
      <c r="OR39" s="160">
        <v>2239835</v>
      </c>
    </row>
    <row r="40" spans="1:408" ht="20.25" customHeight="1" x14ac:dyDescent="0.2">
      <c r="A40" s="129" t="s">
        <v>35</v>
      </c>
      <c r="B40" s="112">
        <v>290785</v>
      </c>
      <c r="C40" s="116">
        <v>29792</v>
      </c>
      <c r="D40" s="115">
        <v>320577</v>
      </c>
      <c r="E40" s="111">
        <v>0</v>
      </c>
      <c r="F40" s="116">
        <v>1338752</v>
      </c>
      <c r="G40" s="116">
        <v>1597818</v>
      </c>
      <c r="H40" s="116">
        <v>509354</v>
      </c>
      <c r="I40" s="116">
        <v>571224</v>
      </c>
      <c r="J40" s="116">
        <v>565039</v>
      </c>
      <c r="K40" s="200">
        <v>4582187</v>
      </c>
      <c r="L40" s="118">
        <v>4902764</v>
      </c>
      <c r="M40" s="112">
        <v>31288</v>
      </c>
      <c r="N40" s="116">
        <v>28192</v>
      </c>
      <c r="O40" s="115">
        <v>59480</v>
      </c>
      <c r="P40" s="112">
        <v>0</v>
      </c>
      <c r="Q40" s="116">
        <v>216776</v>
      </c>
      <c r="R40" s="116">
        <v>621354</v>
      </c>
      <c r="S40" s="116">
        <v>47568</v>
      </c>
      <c r="T40" s="116">
        <v>20512</v>
      </c>
      <c r="U40" s="116">
        <v>314096</v>
      </c>
      <c r="V40" s="115">
        <v>1220306</v>
      </c>
      <c r="W40" s="118">
        <v>1279786</v>
      </c>
      <c r="X40" s="112">
        <v>0</v>
      </c>
      <c r="Y40" s="116">
        <v>0</v>
      </c>
      <c r="Z40" s="115">
        <v>0</v>
      </c>
      <c r="AA40" s="112">
        <v>0</v>
      </c>
      <c r="AB40" s="116">
        <v>87688</v>
      </c>
      <c r="AC40" s="116">
        <v>293033</v>
      </c>
      <c r="AD40" s="116">
        <v>0</v>
      </c>
      <c r="AE40" s="116">
        <v>0</v>
      </c>
      <c r="AF40" s="116">
        <v>180376</v>
      </c>
      <c r="AG40" s="115">
        <v>561097</v>
      </c>
      <c r="AH40" s="118">
        <v>561097</v>
      </c>
      <c r="AI40" s="112">
        <v>0</v>
      </c>
      <c r="AJ40" s="116">
        <v>0</v>
      </c>
      <c r="AK40" s="115">
        <v>0</v>
      </c>
      <c r="AL40" s="112">
        <v>0</v>
      </c>
      <c r="AM40" s="116">
        <v>0</v>
      </c>
      <c r="AN40" s="116">
        <v>0</v>
      </c>
      <c r="AO40" s="116">
        <v>0</v>
      </c>
      <c r="AP40" s="116">
        <v>0</v>
      </c>
      <c r="AQ40" s="116">
        <v>96256</v>
      </c>
      <c r="AR40" s="115">
        <v>96256</v>
      </c>
      <c r="AS40" s="118">
        <v>96256</v>
      </c>
      <c r="AT40" s="112">
        <v>0</v>
      </c>
      <c r="AU40" s="116">
        <v>0</v>
      </c>
      <c r="AV40" s="115">
        <v>0</v>
      </c>
      <c r="AW40" s="112">
        <v>0</v>
      </c>
      <c r="AX40" s="116">
        <v>0</v>
      </c>
      <c r="AY40" s="116">
        <v>169153</v>
      </c>
      <c r="AZ40" s="116">
        <v>0</v>
      </c>
      <c r="BA40" s="116">
        <v>0</v>
      </c>
      <c r="BB40" s="116">
        <v>0</v>
      </c>
      <c r="BC40" s="115">
        <v>169153</v>
      </c>
      <c r="BD40" s="118">
        <v>169153</v>
      </c>
      <c r="BE40" s="112">
        <v>0</v>
      </c>
      <c r="BF40" s="116">
        <v>0</v>
      </c>
      <c r="BG40" s="114">
        <v>0</v>
      </c>
      <c r="BH40" s="113">
        <v>0</v>
      </c>
      <c r="BI40" s="116">
        <v>49792</v>
      </c>
      <c r="BJ40" s="116">
        <v>30592</v>
      </c>
      <c r="BK40" s="116">
        <v>0</v>
      </c>
      <c r="BL40" s="116">
        <v>0</v>
      </c>
      <c r="BM40" s="116">
        <v>0</v>
      </c>
      <c r="BN40" s="115">
        <v>80384</v>
      </c>
      <c r="BO40" s="118">
        <v>80384</v>
      </c>
      <c r="BP40" s="112">
        <v>31288</v>
      </c>
      <c r="BQ40" s="116">
        <v>28192</v>
      </c>
      <c r="BR40" s="115">
        <v>59480</v>
      </c>
      <c r="BS40" s="112">
        <v>0</v>
      </c>
      <c r="BT40" s="116">
        <v>79296</v>
      </c>
      <c r="BU40" s="116">
        <v>128576</v>
      </c>
      <c r="BV40" s="116">
        <v>47568</v>
      </c>
      <c r="BW40" s="116">
        <v>20512</v>
      </c>
      <c r="BX40" s="116">
        <v>37464</v>
      </c>
      <c r="BY40" s="115">
        <v>313416</v>
      </c>
      <c r="BZ40" s="118">
        <v>372896</v>
      </c>
      <c r="CA40" s="112">
        <v>39792</v>
      </c>
      <c r="CB40" s="116">
        <v>0</v>
      </c>
      <c r="CC40" s="115">
        <v>39792</v>
      </c>
      <c r="CD40" s="112">
        <v>0</v>
      </c>
      <c r="CE40" s="116">
        <v>319624</v>
      </c>
      <c r="CF40" s="116">
        <v>466568</v>
      </c>
      <c r="CG40" s="116">
        <v>72504</v>
      </c>
      <c r="CH40" s="116">
        <v>79104</v>
      </c>
      <c r="CI40" s="116">
        <v>0</v>
      </c>
      <c r="CJ40" s="115">
        <v>937800</v>
      </c>
      <c r="CK40" s="118">
        <v>977592</v>
      </c>
      <c r="CL40" s="112">
        <v>0</v>
      </c>
      <c r="CM40" s="116">
        <v>0</v>
      </c>
      <c r="CN40" s="115">
        <v>0</v>
      </c>
      <c r="CO40" s="113">
        <v>0</v>
      </c>
      <c r="CP40" s="116">
        <v>273144</v>
      </c>
      <c r="CQ40" s="116">
        <v>350744</v>
      </c>
      <c r="CR40" s="116">
        <v>72504</v>
      </c>
      <c r="CS40" s="116">
        <v>0</v>
      </c>
      <c r="CT40" s="116">
        <v>0</v>
      </c>
      <c r="CU40" s="115">
        <v>696392</v>
      </c>
      <c r="CV40" s="118">
        <v>696392</v>
      </c>
      <c r="CW40" s="112">
        <v>39792</v>
      </c>
      <c r="CX40" s="116">
        <v>0</v>
      </c>
      <c r="CY40" s="115">
        <v>39792</v>
      </c>
      <c r="CZ40" s="112">
        <v>0</v>
      </c>
      <c r="DA40" s="116">
        <v>46480</v>
      </c>
      <c r="DB40" s="116">
        <v>115824</v>
      </c>
      <c r="DC40" s="116">
        <v>0</v>
      </c>
      <c r="DD40" s="116">
        <v>79104</v>
      </c>
      <c r="DE40" s="116">
        <v>0</v>
      </c>
      <c r="DF40" s="115">
        <v>241408</v>
      </c>
      <c r="DG40" s="118">
        <v>281200</v>
      </c>
      <c r="DH40" s="112">
        <v>0</v>
      </c>
      <c r="DI40" s="116">
        <v>0</v>
      </c>
      <c r="DJ40" s="114">
        <v>0</v>
      </c>
      <c r="DK40" s="113">
        <v>0</v>
      </c>
      <c r="DL40" s="116">
        <v>0</v>
      </c>
      <c r="DM40" s="116">
        <v>73912</v>
      </c>
      <c r="DN40" s="116">
        <v>0</v>
      </c>
      <c r="DO40" s="116">
        <v>107616</v>
      </c>
      <c r="DP40" s="116">
        <v>0</v>
      </c>
      <c r="DQ40" s="115">
        <v>181528</v>
      </c>
      <c r="DR40" s="118">
        <v>181528</v>
      </c>
      <c r="DS40" s="112">
        <v>0</v>
      </c>
      <c r="DT40" s="116">
        <v>0</v>
      </c>
      <c r="DU40" s="115">
        <v>0</v>
      </c>
      <c r="DV40" s="112">
        <v>0</v>
      </c>
      <c r="DW40" s="116">
        <v>0</v>
      </c>
      <c r="DX40" s="116">
        <v>73912</v>
      </c>
      <c r="DY40" s="116">
        <v>0</v>
      </c>
      <c r="DZ40" s="116">
        <v>0</v>
      </c>
      <c r="EA40" s="116">
        <v>0</v>
      </c>
      <c r="EB40" s="115">
        <v>73912</v>
      </c>
      <c r="EC40" s="118">
        <v>73912</v>
      </c>
      <c r="ED40" s="112">
        <v>0</v>
      </c>
      <c r="EE40" s="114">
        <v>0</v>
      </c>
      <c r="EF40" s="115">
        <v>0</v>
      </c>
      <c r="EG40" s="112">
        <v>0</v>
      </c>
      <c r="EH40" s="116">
        <v>0</v>
      </c>
      <c r="EI40" s="116">
        <v>0</v>
      </c>
      <c r="EJ40" s="116">
        <v>0</v>
      </c>
      <c r="EK40" s="116">
        <v>107616</v>
      </c>
      <c r="EL40" s="116">
        <v>0</v>
      </c>
      <c r="EM40" s="114">
        <v>107616</v>
      </c>
      <c r="EN40" s="118">
        <v>107616</v>
      </c>
      <c r="EO40" s="112">
        <v>0</v>
      </c>
      <c r="EP40" s="116">
        <v>0</v>
      </c>
      <c r="EQ40" s="114">
        <v>0</v>
      </c>
      <c r="ER40" s="113">
        <v>0</v>
      </c>
      <c r="ES40" s="116">
        <v>0</v>
      </c>
      <c r="ET40" s="116">
        <v>0</v>
      </c>
      <c r="EU40" s="116">
        <v>0</v>
      </c>
      <c r="EV40" s="116">
        <v>0</v>
      </c>
      <c r="EW40" s="116">
        <v>0</v>
      </c>
      <c r="EX40" s="115">
        <v>0</v>
      </c>
      <c r="EY40" s="118">
        <v>0</v>
      </c>
      <c r="EZ40" s="112">
        <v>0</v>
      </c>
      <c r="FA40" s="116">
        <v>0</v>
      </c>
      <c r="FB40" s="114">
        <v>0</v>
      </c>
      <c r="FC40" s="390"/>
      <c r="FD40" s="116">
        <v>0</v>
      </c>
      <c r="FE40" s="116">
        <v>0</v>
      </c>
      <c r="FF40" s="116">
        <v>0</v>
      </c>
      <c r="FG40" s="116">
        <v>0</v>
      </c>
      <c r="FH40" s="116">
        <v>0</v>
      </c>
      <c r="FI40" s="115">
        <v>0</v>
      </c>
      <c r="FJ40" s="118">
        <v>0</v>
      </c>
      <c r="FK40" s="112">
        <v>0</v>
      </c>
      <c r="FL40" s="116">
        <v>1600</v>
      </c>
      <c r="FM40" s="115">
        <v>1600</v>
      </c>
      <c r="FN40" s="112">
        <v>0</v>
      </c>
      <c r="FO40" s="116">
        <v>32976</v>
      </c>
      <c r="FP40" s="116">
        <v>94704</v>
      </c>
      <c r="FQ40" s="116">
        <v>2800</v>
      </c>
      <c r="FR40" s="116">
        <v>26704</v>
      </c>
      <c r="FS40" s="116">
        <v>8800</v>
      </c>
      <c r="FT40" s="115">
        <v>165984</v>
      </c>
      <c r="FU40" s="118">
        <v>167584</v>
      </c>
      <c r="FV40" s="117">
        <v>0</v>
      </c>
      <c r="FW40" s="116">
        <v>1600</v>
      </c>
      <c r="FX40" s="114">
        <v>1600</v>
      </c>
      <c r="FY40" s="113">
        <v>0</v>
      </c>
      <c r="FZ40" s="116">
        <v>19600</v>
      </c>
      <c r="GA40" s="116">
        <v>94704</v>
      </c>
      <c r="GB40" s="116">
        <v>2800</v>
      </c>
      <c r="GC40" s="116">
        <v>26704</v>
      </c>
      <c r="GD40" s="116">
        <v>8800</v>
      </c>
      <c r="GE40" s="115">
        <v>152608</v>
      </c>
      <c r="GF40" s="354">
        <v>154208</v>
      </c>
      <c r="GG40" s="117">
        <v>0</v>
      </c>
      <c r="GH40" s="116">
        <v>0</v>
      </c>
      <c r="GI40" s="114">
        <v>0</v>
      </c>
      <c r="GJ40" s="113">
        <v>0</v>
      </c>
      <c r="GK40" s="116">
        <v>13376</v>
      </c>
      <c r="GL40" s="116">
        <v>0</v>
      </c>
      <c r="GM40" s="116">
        <v>0</v>
      </c>
      <c r="GN40" s="116">
        <v>0</v>
      </c>
      <c r="GO40" s="116">
        <v>0</v>
      </c>
      <c r="GP40" s="115">
        <v>13376</v>
      </c>
      <c r="GQ40" s="118">
        <v>13376</v>
      </c>
      <c r="GR40" s="112">
        <v>0</v>
      </c>
      <c r="GS40" s="116">
        <v>0</v>
      </c>
      <c r="GT40" s="115">
        <v>0</v>
      </c>
      <c r="GU40" s="112">
        <v>0</v>
      </c>
      <c r="GV40" s="116">
        <v>0</v>
      </c>
      <c r="GW40" s="116">
        <v>0</v>
      </c>
      <c r="GX40" s="116">
        <v>0</v>
      </c>
      <c r="GY40" s="116">
        <v>0</v>
      </c>
      <c r="GZ40" s="116">
        <v>0</v>
      </c>
      <c r="HA40" s="114">
        <v>0</v>
      </c>
      <c r="HB40" s="118">
        <v>0</v>
      </c>
      <c r="HC40" s="112">
        <v>219705</v>
      </c>
      <c r="HD40" s="116">
        <v>0</v>
      </c>
      <c r="HE40" s="114">
        <v>219705</v>
      </c>
      <c r="HF40" s="113">
        <v>0</v>
      </c>
      <c r="HG40" s="116">
        <v>769376</v>
      </c>
      <c r="HH40" s="116">
        <v>341280</v>
      </c>
      <c r="HI40" s="116">
        <v>386482</v>
      </c>
      <c r="HJ40" s="116">
        <v>337288</v>
      </c>
      <c r="HK40" s="116">
        <v>242143</v>
      </c>
      <c r="HL40" s="115">
        <v>2076569</v>
      </c>
      <c r="HM40" s="111">
        <v>2296274</v>
      </c>
      <c r="HN40" s="370"/>
      <c r="HO40" s="371"/>
      <c r="HP40" s="372"/>
      <c r="HQ40" s="373"/>
      <c r="HR40" s="371"/>
      <c r="HS40" s="371"/>
      <c r="HT40" s="371"/>
      <c r="HU40" s="371"/>
      <c r="HV40" s="371"/>
      <c r="HW40" s="374"/>
      <c r="HX40" s="375"/>
      <c r="HY40" s="167">
        <v>0</v>
      </c>
      <c r="HZ40" s="152">
        <v>0</v>
      </c>
      <c r="IA40" s="167">
        <v>0</v>
      </c>
      <c r="IB40" s="163">
        <v>0</v>
      </c>
      <c r="IC40" s="149">
        <v>118200</v>
      </c>
      <c r="ID40" s="164">
        <v>482312</v>
      </c>
      <c r="IE40" s="150">
        <v>0</v>
      </c>
      <c r="IF40" s="149">
        <v>0</v>
      </c>
      <c r="IG40" s="150">
        <v>0</v>
      </c>
      <c r="IH40" s="165">
        <v>600512</v>
      </c>
      <c r="II40" s="167">
        <v>600512</v>
      </c>
      <c r="IJ40" s="261">
        <v>0</v>
      </c>
      <c r="IK40" s="268">
        <v>0</v>
      </c>
      <c r="IL40" s="269">
        <v>0</v>
      </c>
      <c r="IM40" s="157"/>
      <c r="IN40" s="122">
        <v>0</v>
      </c>
      <c r="IO40" s="122">
        <v>63840</v>
      </c>
      <c r="IP40" s="122">
        <v>0</v>
      </c>
      <c r="IQ40" s="122">
        <v>0</v>
      </c>
      <c r="IR40" s="122">
        <v>0</v>
      </c>
      <c r="IS40" s="158">
        <v>63840</v>
      </c>
      <c r="IT40" s="357">
        <v>63840</v>
      </c>
      <c r="IU40" s="159">
        <v>0</v>
      </c>
      <c r="IV40" s="122">
        <v>0</v>
      </c>
      <c r="IW40" s="123">
        <v>0</v>
      </c>
      <c r="IX40" s="161"/>
      <c r="IY40" s="122">
        <v>0</v>
      </c>
      <c r="IZ40" s="122">
        <v>0</v>
      </c>
      <c r="JA40" s="122">
        <v>0</v>
      </c>
      <c r="JB40" s="122">
        <v>0</v>
      </c>
      <c r="JC40" s="122">
        <v>0</v>
      </c>
      <c r="JD40" s="123">
        <v>0</v>
      </c>
      <c r="JE40" s="124">
        <v>0</v>
      </c>
      <c r="JF40" s="159">
        <v>0</v>
      </c>
      <c r="JG40" s="122">
        <v>0</v>
      </c>
      <c r="JH40" s="158">
        <v>0</v>
      </c>
      <c r="JI40" s="121">
        <v>0</v>
      </c>
      <c r="JJ40" s="122">
        <v>0</v>
      </c>
      <c r="JK40" s="122">
        <v>180552</v>
      </c>
      <c r="JL40" s="122">
        <v>0</v>
      </c>
      <c r="JM40" s="122">
        <v>0</v>
      </c>
      <c r="JN40" s="122">
        <v>0</v>
      </c>
      <c r="JO40" s="123">
        <v>180552</v>
      </c>
      <c r="JP40" s="357">
        <v>180552</v>
      </c>
      <c r="JQ40" s="159">
        <v>0</v>
      </c>
      <c r="JR40" s="122">
        <v>0</v>
      </c>
      <c r="JS40" s="158">
        <v>0</v>
      </c>
      <c r="JT40" s="121">
        <v>0</v>
      </c>
      <c r="JU40" s="122">
        <v>0</v>
      </c>
      <c r="JV40" s="122">
        <v>0</v>
      </c>
      <c r="JW40" s="122">
        <v>0</v>
      </c>
      <c r="JX40" s="122">
        <v>0</v>
      </c>
      <c r="JY40" s="122">
        <v>0</v>
      </c>
      <c r="JZ40" s="123">
        <v>0</v>
      </c>
      <c r="KA40" s="357">
        <v>0</v>
      </c>
      <c r="KB40" s="264">
        <v>0</v>
      </c>
      <c r="KC40" s="258">
        <v>0</v>
      </c>
      <c r="KD40" s="123">
        <v>0</v>
      </c>
      <c r="KE40" s="121">
        <v>0</v>
      </c>
      <c r="KF40" s="122">
        <v>118200</v>
      </c>
      <c r="KG40" s="122">
        <v>0</v>
      </c>
      <c r="KH40" s="122">
        <v>0</v>
      </c>
      <c r="KI40" s="122">
        <v>0</v>
      </c>
      <c r="KJ40" s="122">
        <v>0</v>
      </c>
      <c r="KK40" s="123">
        <v>118200</v>
      </c>
      <c r="KL40" s="160">
        <v>118200</v>
      </c>
      <c r="KM40" s="261">
        <v>0</v>
      </c>
      <c r="KN40" s="268">
        <v>0</v>
      </c>
      <c r="KO40" s="269">
        <v>0</v>
      </c>
      <c r="KP40" s="157"/>
      <c r="KQ40" s="122">
        <v>0</v>
      </c>
      <c r="KR40" s="122">
        <v>237920</v>
      </c>
      <c r="KS40" s="122">
        <v>0</v>
      </c>
      <c r="KT40" s="122">
        <v>0</v>
      </c>
      <c r="KU40" s="122">
        <v>0</v>
      </c>
      <c r="KV40" s="123">
        <v>237920</v>
      </c>
      <c r="KW40" s="357">
        <v>237920</v>
      </c>
      <c r="KX40" s="159">
        <v>0</v>
      </c>
      <c r="KY40" s="122">
        <v>0</v>
      </c>
      <c r="KZ40" s="123">
        <v>0</v>
      </c>
      <c r="LA40" s="162"/>
      <c r="LB40" s="122">
        <v>0</v>
      </c>
      <c r="LC40" s="122">
        <v>0</v>
      </c>
      <c r="LD40" s="122">
        <v>0</v>
      </c>
      <c r="LE40" s="122">
        <v>0</v>
      </c>
      <c r="LF40" s="122">
        <v>0</v>
      </c>
      <c r="LG40" s="123">
        <v>0</v>
      </c>
      <c r="LH40" s="124">
        <v>0</v>
      </c>
      <c r="LI40" s="159">
        <v>0</v>
      </c>
      <c r="LJ40" s="122">
        <v>0</v>
      </c>
      <c r="LK40" s="123">
        <v>0</v>
      </c>
      <c r="LL40" s="162"/>
      <c r="LM40" s="122">
        <v>0</v>
      </c>
      <c r="LN40" s="122">
        <v>0</v>
      </c>
      <c r="LO40" s="122">
        <v>0</v>
      </c>
      <c r="LP40" s="122">
        <v>0</v>
      </c>
      <c r="LQ40" s="122">
        <v>0</v>
      </c>
      <c r="LR40" s="123">
        <v>0</v>
      </c>
      <c r="LS40" s="357">
        <v>0</v>
      </c>
      <c r="LT40" s="159">
        <v>0</v>
      </c>
      <c r="LU40" s="122">
        <v>0</v>
      </c>
      <c r="LV40" s="123">
        <v>0</v>
      </c>
      <c r="LW40" s="162"/>
      <c r="LX40" s="122">
        <v>0</v>
      </c>
      <c r="LY40" s="122">
        <v>0</v>
      </c>
      <c r="LZ40" s="122">
        <v>0</v>
      </c>
      <c r="MA40" s="122">
        <v>0</v>
      </c>
      <c r="MB40" s="122">
        <v>0</v>
      </c>
      <c r="MC40" s="123">
        <v>0</v>
      </c>
      <c r="MD40" s="124">
        <v>0</v>
      </c>
      <c r="ME40" s="159">
        <v>0</v>
      </c>
      <c r="MF40" s="122">
        <v>0</v>
      </c>
      <c r="MG40" s="123">
        <v>0</v>
      </c>
      <c r="MH40" s="162"/>
      <c r="MI40" s="122">
        <v>0</v>
      </c>
      <c r="MJ40" s="122">
        <v>0</v>
      </c>
      <c r="MK40" s="122">
        <v>273144</v>
      </c>
      <c r="ML40" s="122">
        <v>1165832</v>
      </c>
      <c r="MM40" s="122">
        <v>252432</v>
      </c>
      <c r="MN40" s="123">
        <v>1691408</v>
      </c>
      <c r="MO40" s="160">
        <v>1691408</v>
      </c>
      <c r="MP40" s="159">
        <v>0</v>
      </c>
      <c r="MQ40" s="122">
        <v>0</v>
      </c>
      <c r="MR40" s="123">
        <v>0</v>
      </c>
      <c r="MS40" s="162"/>
      <c r="MT40" s="122">
        <v>0</v>
      </c>
      <c r="MU40" s="122">
        <v>0</v>
      </c>
      <c r="MV40" s="122">
        <v>0</v>
      </c>
      <c r="MW40" s="122">
        <v>755376</v>
      </c>
      <c r="MX40" s="122">
        <v>252432</v>
      </c>
      <c r="MY40" s="123">
        <v>1007808</v>
      </c>
      <c r="MZ40" s="160">
        <v>1007808</v>
      </c>
      <c r="NA40" s="159">
        <v>0</v>
      </c>
      <c r="NB40" s="122">
        <v>0</v>
      </c>
      <c r="NC40" s="123">
        <v>0</v>
      </c>
      <c r="ND40" s="162"/>
      <c r="NE40" s="122">
        <v>0</v>
      </c>
      <c r="NF40" s="122">
        <v>0</v>
      </c>
      <c r="NG40" s="122">
        <v>273144</v>
      </c>
      <c r="NH40" s="122">
        <v>410456</v>
      </c>
      <c r="NI40" s="122">
        <v>0</v>
      </c>
      <c r="NJ40" s="123">
        <v>683600</v>
      </c>
      <c r="NK40" s="357">
        <v>683600</v>
      </c>
      <c r="NL40" s="159">
        <v>0</v>
      </c>
      <c r="NM40" s="122">
        <v>0</v>
      </c>
      <c r="NN40" s="123">
        <v>0</v>
      </c>
      <c r="NO40" s="162"/>
      <c r="NP40" s="122">
        <v>0</v>
      </c>
      <c r="NQ40" s="122">
        <v>0</v>
      </c>
      <c r="NR40" s="122">
        <v>0</v>
      </c>
      <c r="NS40" s="122">
        <v>0</v>
      </c>
      <c r="NT40" s="122">
        <v>0</v>
      </c>
      <c r="NU40" s="123">
        <v>0</v>
      </c>
      <c r="NV40" s="124">
        <v>0</v>
      </c>
      <c r="NW40" s="159">
        <v>0</v>
      </c>
      <c r="NX40" s="122">
        <v>0</v>
      </c>
      <c r="NY40" s="123">
        <v>0</v>
      </c>
      <c r="NZ40" s="162"/>
      <c r="OA40" s="122">
        <v>0</v>
      </c>
      <c r="OB40" s="122">
        <v>0</v>
      </c>
      <c r="OC40" s="122">
        <v>0</v>
      </c>
      <c r="OD40" s="122">
        <v>0</v>
      </c>
      <c r="OE40" s="122">
        <v>0</v>
      </c>
      <c r="OF40" s="123">
        <v>0</v>
      </c>
      <c r="OG40" s="124">
        <v>0</v>
      </c>
      <c r="OH40" s="159">
        <v>290785</v>
      </c>
      <c r="OI40" s="122">
        <v>29792</v>
      </c>
      <c r="OJ40" s="158">
        <v>320577</v>
      </c>
      <c r="OK40" s="121">
        <v>0</v>
      </c>
      <c r="OL40" s="122">
        <v>1456952</v>
      </c>
      <c r="OM40" s="122">
        <v>2080130</v>
      </c>
      <c r="ON40" s="122">
        <v>782498</v>
      </c>
      <c r="OO40" s="122">
        <v>1737056</v>
      </c>
      <c r="OP40" s="122">
        <v>817471</v>
      </c>
      <c r="OQ40" s="123">
        <v>6874107</v>
      </c>
      <c r="OR40" s="160">
        <v>7194684</v>
      </c>
    </row>
    <row r="41" spans="1:408" ht="20.25" customHeight="1" x14ac:dyDescent="0.2">
      <c r="A41" s="129" t="s">
        <v>36</v>
      </c>
      <c r="B41" s="112">
        <v>4424</v>
      </c>
      <c r="C41" s="116">
        <v>88304</v>
      </c>
      <c r="D41" s="115">
        <v>92728</v>
      </c>
      <c r="E41" s="111">
        <v>0</v>
      </c>
      <c r="F41" s="116">
        <v>401602</v>
      </c>
      <c r="G41" s="116">
        <v>410536</v>
      </c>
      <c r="H41" s="116">
        <v>361437</v>
      </c>
      <c r="I41" s="116">
        <v>340122</v>
      </c>
      <c r="J41" s="116">
        <v>80188</v>
      </c>
      <c r="K41" s="200">
        <v>1593885</v>
      </c>
      <c r="L41" s="118">
        <v>1686613</v>
      </c>
      <c r="M41" s="112">
        <v>0</v>
      </c>
      <c r="N41" s="116">
        <v>8256</v>
      </c>
      <c r="O41" s="115">
        <v>8256</v>
      </c>
      <c r="P41" s="112">
        <v>0</v>
      </c>
      <c r="Q41" s="116">
        <v>197582</v>
      </c>
      <c r="R41" s="116">
        <v>61890</v>
      </c>
      <c r="S41" s="116">
        <v>97614</v>
      </c>
      <c r="T41" s="116">
        <v>223181</v>
      </c>
      <c r="U41" s="116">
        <v>9116</v>
      </c>
      <c r="V41" s="115">
        <v>589383</v>
      </c>
      <c r="W41" s="118">
        <v>597639</v>
      </c>
      <c r="X41" s="112">
        <v>0</v>
      </c>
      <c r="Y41" s="116">
        <v>0</v>
      </c>
      <c r="Z41" s="115">
        <v>0</v>
      </c>
      <c r="AA41" s="112">
        <v>0</v>
      </c>
      <c r="AB41" s="116">
        <v>118665</v>
      </c>
      <c r="AC41" s="116">
        <v>11350</v>
      </c>
      <c r="AD41" s="116">
        <v>0</v>
      </c>
      <c r="AE41" s="116">
        <v>0</v>
      </c>
      <c r="AF41" s="116">
        <v>0</v>
      </c>
      <c r="AG41" s="115">
        <v>130015</v>
      </c>
      <c r="AH41" s="118">
        <v>130015</v>
      </c>
      <c r="AI41" s="112">
        <v>0</v>
      </c>
      <c r="AJ41" s="116">
        <v>0</v>
      </c>
      <c r="AK41" s="115">
        <v>0</v>
      </c>
      <c r="AL41" s="112">
        <v>0</v>
      </c>
      <c r="AM41" s="116">
        <v>0</v>
      </c>
      <c r="AN41" s="116">
        <v>0</v>
      </c>
      <c r="AO41" s="116">
        <v>0</v>
      </c>
      <c r="AP41" s="116">
        <v>46238</v>
      </c>
      <c r="AQ41" s="116">
        <v>0</v>
      </c>
      <c r="AR41" s="115">
        <v>46238</v>
      </c>
      <c r="AS41" s="118">
        <v>46238</v>
      </c>
      <c r="AT41" s="112">
        <v>0</v>
      </c>
      <c r="AU41" s="116">
        <v>0</v>
      </c>
      <c r="AV41" s="115">
        <v>0</v>
      </c>
      <c r="AW41" s="112">
        <v>0</v>
      </c>
      <c r="AX41" s="116">
        <v>57989</v>
      </c>
      <c r="AY41" s="116">
        <v>31548</v>
      </c>
      <c r="AZ41" s="116">
        <v>28478</v>
      </c>
      <c r="BA41" s="116">
        <v>176943</v>
      </c>
      <c r="BB41" s="116">
        <v>9116</v>
      </c>
      <c r="BC41" s="115">
        <v>304074</v>
      </c>
      <c r="BD41" s="118">
        <v>304074</v>
      </c>
      <c r="BE41" s="112">
        <v>0</v>
      </c>
      <c r="BF41" s="116">
        <v>0</v>
      </c>
      <c r="BG41" s="114">
        <v>0</v>
      </c>
      <c r="BH41" s="113">
        <v>0</v>
      </c>
      <c r="BI41" s="116">
        <v>0</v>
      </c>
      <c r="BJ41" s="116">
        <v>0</v>
      </c>
      <c r="BK41" s="116">
        <v>0</v>
      </c>
      <c r="BL41" s="116">
        <v>0</v>
      </c>
      <c r="BM41" s="116">
        <v>0</v>
      </c>
      <c r="BN41" s="115">
        <v>0</v>
      </c>
      <c r="BO41" s="118">
        <v>0</v>
      </c>
      <c r="BP41" s="112">
        <v>0</v>
      </c>
      <c r="BQ41" s="116">
        <v>8256</v>
      </c>
      <c r="BR41" s="115">
        <v>8256</v>
      </c>
      <c r="BS41" s="112">
        <v>0</v>
      </c>
      <c r="BT41" s="116">
        <v>20928</v>
      </c>
      <c r="BU41" s="116">
        <v>18992</v>
      </c>
      <c r="BV41" s="116">
        <v>69136</v>
      </c>
      <c r="BW41" s="116">
        <v>0</v>
      </c>
      <c r="BX41" s="116">
        <v>0</v>
      </c>
      <c r="BY41" s="115">
        <v>109056</v>
      </c>
      <c r="BZ41" s="118">
        <v>117312</v>
      </c>
      <c r="CA41" s="112">
        <v>0</v>
      </c>
      <c r="CB41" s="116">
        <v>37312</v>
      </c>
      <c r="CC41" s="115">
        <v>37312</v>
      </c>
      <c r="CD41" s="112">
        <v>0</v>
      </c>
      <c r="CE41" s="116">
        <v>50058</v>
      </c>
      <c r="CF41" s="116">
        <v>140277</v>
      </c>
      <c r="CG41" s="116">
        <v>35726</v>
      </c>
      <c r="CH41" s="116">
        <v>37820</v>
      </c>
      <c r="CI41" s="116">
        <v>0</v>
      </c>
      <c r="CJ41" s="115">
        <v>263881</v>
      </c>
      <c r="CK41" s="118">
        <v>301193</v>
      </c>
      <c r="CL41" s="112">
        <v>0</v>
      </c>
      <c r="CM41" s="116">
        <v>0</v>
      </c>
      <c r="CN41" s="115">
        <v>0</v>
      </c>
      <c r="CO41" s="113">
        <v>0</v>
      </c>
      <c r="CP41" s="116">
        <v>50058</v>
      </c>
      <c r="CQ41" s="116">
        <v>99665</v>
      </c>
      <c r="CR41" s="116">
        <v>0</v>
      </c>
      <c r="CS41" s="116">
        <v>37820</v>
      </c>
      <c r="CT41" s="116">
        <v>0</v>
      </c>
      <c r="CU41" s="115">
        <v>187543</v>
      </c>
      <c r="CV41" s="118">
        <v>187543</v>
      </c>
      <c r="CW41" s="112">
        <v>0</v>
      </c>
      <c r="CX41" s="116">
        <v>37312</v>
      </c>
      <c r="CY41" s="115">
        <v>37312</v>
      </c>
      <c r="CZ41" s="112">
        <v>0</v>
      </c>
      <c r="DA41" s="116">
        <v>0</v>
      </c>
      <c r="DB41" s="116">
        <v>40612</v>
      </c>
      <c r="DC41" s="116">
        <v>35726</v>
      </c>
      <c r="DD41" s="116">
        <v>0</v>
      </c>
      <c r="DE41" s="116">
        <v>0</v>
      </c>
      <c r="DF41" s="115">
        <v>76338</v>
      </c>
      <c r="DG41" s="118">
        <v>113650</v>
      </c>
      <c r="DH41" s="112">
        <v>0</v>
      </c>
      <c r="DI41" s="116">
        <v>0</v>
      </c>
      <c r="DJ41" s="114">
        <v>0</v>
      </c>
      <c r="DK41" s="113">
        <v>0</v>
      </c>
      <c r="DL41" s="116">
        <v>120362</v>
      </c>
      <c r="DM41" s="116">
        <v>0</v>
      </c>
      <c r="DN41" s="116">
        <v>0</v>
      </c>
      <c r="DO41" s="116">
        <v>25361</v>
      </c>
      <c r="DP41" s="116">
        <v>0</v>
      </c>
      <c r="DQ41" s="115">
        <v>145723</v>
      </c>
      <c r="DR41" s="118">
        <v>145723</v>
      </c>
      <c r="DS41" s="112">
        <v>0</v>
      </c>
      <c r="DT41" s="116">
        <v>0</v>
      </c>
      <c r="DU41" s="115">
        <v>0</v>
      </c>
      <c r="DV41" s="112">
        <v>0</v>
      </c>
      <c r="DW41" s="116">
        <v>120362</v>
      </c>
      <c r="DX41" s="116">
        <v>0</v>
      </c>
      <c r="DY41" s="116">
        <v>0</v>
      </c>
      <c r="DZ41" s="116">
        <v>25361</v>
      </c>
      <c r="EA41" s="116">
        <v>0</v>
      </c>
      <c r="EB41" s="115">
        <v>145723</v>
      </c>
      <c r="EC41" s="118">
        <v>145723</v>
      </c>
      <c r="ED41" s="112">
        <v>0</v>
      </c>
      <c r="EE41" s="114">
        <v>0</v>
      </c>
      <c r="EF41" s="115">
        <v>0</v>
      </c>
      <c r="EG41" s="112">
        <v>0</v>
      </c>
      <c r="EH41" s="116">
        <v>0</v>
      </c>
      <c r="EI41" s="116">
        <v>0</v>
      </c>
      <c r="EJ41" s="116">
        <v>0</v>
      </c>
      <c r="EK41" s="116">
        <v>0</v>
      </c>
      <c r="EL41" s="116">
        <v>0</v>
      </c>
      <c r="EM41" s="114">
        <v>0</v>
      </c>
      <c r="EN41" s="118">
        <v>0</v>
      </c>
      <c r="EO41" s="112">
        <v>0</v>
      </c>
      <c r="EP41" s="116">
        <v>0</v>
      </c>
      <c r="EQ41" s="114">
        <v>0</v>
      </c>
      <c r="ER41" s="113">
        <v>0</v>
      </c>
      <c r="ES41" s="116">
        <v>0</v>
      </c>
      <c r="ET41" s="116">
        <v>0</v>
      </c>
      <c r="EU41" s="116">
        <v>0</v>
      </c>
      <c r="EV41" s="116">
        <v>0</v>
      </c>
      <c r="EW41" s="116">
        <v>0</v>
      </c>
      <c r="EX41" s="115">
        <v>0</v>
      </c>
      <c r="EY41" s="118">
        <v>0</v>
      </c>
      <c r="EZ41" s="112">
        <v>0</v>
      </c>
      <c r="FA41" s="116">
        <v>0</v>
      </c>
      <c r="FB41" s="114">
        <v>0</v>
      </c>
      <c r="FC41" s="390"/>
      <c r="FD41" s="116">
        <v>0</v>
      </c>
      <c r="FE41" s="116">
        <v>0</v>
      </c>
      <c r="FF41" s="116">
        <v>0</v>
      </c>
      <c r="FG41" s="116">
        <v>0</v>
      </c>
      <c r="FH41" s="116">
        <v>0</v>
      </c>
      <c r="FI41" s="115">
        <v>0</v>
      </c>
      <c r="FJ41" s="118">
        <v>0</v>
      </c>
      <c r="FK41" s="112">
        <v>4424</v>
      </c>
      <c r="FL41" s="116">
        <v>42736</v>
      </c>
      <c r="FM41" s="115">
        <v>47160</v>
      </c>
      <c r="FN41" s="112">
        <v>0</v>
      </c>
      <c r="FO41" s="116">
        <v>33600</v>
      </c>
      <c r="FP41" s="116">
        <v>35744</v>
      </c>
      <c r="FQ41" s="116">
        <v>32800</v>
      </c>
      <c r="FR41" s="116">
        <v>53760</v>
      </c>
      <c r="FS41" s="116">
        <v>71072</v>
      </c>
      <c r="FT41" s="115">
        <v>226976</v>
      </c>
      <c r="FU41" s="118">
        <v>274136</v>
      </c>
      <c r="FV41" s="117">
        <v>4424</v>
      </c>
      <c r="FW41" s="116">
        <v>42736</v>
      </c>
      <c r="FX41" s="114">
        <v>47160</v>
      </c>
      <c r="FY41" s="113">
        <v>0</v>
      </c>
      <c r="FZ41" s="116">
        <v>33600</v>
      </c>
      <c r="GA41" s="116">
        <v>35744</v>
      </c>
      <c r="GB41" s="116">
        <v>32800</v>
      </c>
      <c r="GC41" s="116">
        <v>53760</v>
      </c>
      <c r="GD41" s="116">
        <v>71072</v>
      </c>
      <c r="GE41" s="115">
        <v>226976</v>
      </c>
      <c r="GF41" s="354">
        <v>274136</v>
      </c>
      <c r="GG41" s="117">
        <v>0</v>
      </c>
      <c r="GH41" s="116">
        <v>0</v>
      </c>
      <c r="GI41" s="114">
        <v>0</v>
      </c>
      <c r="GJ41" s="113">
        <v>0</v>
      </c>
      <c r="GK41" s="116">
        <v>0</v>
      </c>
      <c r="GL41" s="116">
        <v>0</v>
      </c>
      <c r="GM41" s="116">
        <v>0</v>
      </c>
      <c r="GN41" s="116">
        <v>0</v>
      </c>
      <c r="GO41" s="116">
        <v>0</v>
      </c>
      <c r="GP41" s="115">
        <v>0</v>
      </c>
      <c r="GQ41" s="118">
        <v>0</v>
      </c>
      <c r="GR41" s="112">
        <v>0</v>
      </c>
      <c r="GS41" s="116">
        <v>0</v>
      </c>
      <c r="GT41" s="115">
        <v>0</v>
      </c>
      <c r="GU41" s="112">
        <v>0</v>
      </c>
      <c r="GV41" s="116">
        <v>0</v>
      </c>
      <c r="GW41" s="116">
        <v>0</v>
      </c>
      <c r="GX41" s="116">
        <v>0</v>
      </c>
      <c r="GY41" s="116">
        <v>0</v>
      </c>
      <c r="GZ41" s="116">
        <v>0</v>
      </c>
      <c r="HA41" s="114">
        <v>0</v>
      </c>
      <c r="HB41" s="118">
        <v>0</v>
      </c>
      <c r="HC41" s="112">
        <v>0</v>
      </c>
      <c r="HD41" s="116">
        <v>0</v>
      </c>
      <c r="HE41" s="114">
        <v>0</v>
      </c>
      <c r="HF41" s="113">
        <v>0</v>
      </c>
      <c r="HG41" s="116">
        <v>0</v>
      </c>
      <c r="HH41" s="116">
        <v>172625</v>
      </c>
      <c r="HI41" s="116">
        <v>195297</v>
      </c>
      <c r="HJ41" s="116">
        <v>0</v>
      </c>
      <c r="HK41" s="116">
        <v>0</v>
      </c>
      <c r="HL41" s="115">
        <v>367922</v>
      </c>
      <c r="HM41" s="111">
        <v>367922</v>
      </c>
      <c r="HN41" s="370"/>
      <c r="HO41" s="371"/>
      <c r="HP41" s="372"/>
      <c r="HQ41" s="373"/>
      <c r="HR41" s="371"/>
      <c r="HS41" s="371"/>
      <c r="HT41" s="371"/>
      <c r="HU41" s="371"/>
      <c r="HV41" s="371"/>
      <c r="HW41" s="374"/>
      <c r="HX41" s="375"/>
      <c r="HY41" s="148">
        <v>0</v>
      </c>
      <c r="HZ41" s="149">
        <v>0</v>
      </c>
      <c r="IA41" s="150">
        <v>0</v>
      </c>
      <c r="IB41" s="163">
        <v>0</v>
      </c>
      <c r="IC41" s="149">
        <v>82360</v>
      </c>
      <c r="ID41" s="164">
        <v>14797</v>
      </c>
      <c r="IE41" s="150">
        <v>496234</v>
      </c>
      <c r="IF41" s="149">
        <v>240624</v>
      </c>
      <c r="IG41" s="150">
        <v>234553</v>
      </c>
      <c r="IH41" s="165">
        <v>1068568</v>
      </c>
      <c r="II41" s="156">
        <v>1068568</v>
      </c>
      <c r="IJ41" s="261">
        <v>0</v>
      </c>
      <c r="IK41" s="268">
        <v>0</v>
      </c>
      <c r="IL41" s="269">
        <v>0</v>
      </c>
      <c r="IM41" s="157"/>
      <c r="IN41" s="122">
        <v>0</v>
      </c>
      <c r="IO41" s="122">
        <v>0</v>
      </c>
      <c r="IP41" s="122">
        <v>0</v>
      </c>
      <c r="IQ41" s="122">
        <v>0</v>
      </c>
      <c r="IR41" s="122">
        <v>0</v>
      </c>
      <c r="IS41" s="158">
        <v>0</v>
      </c>
      <c r="IT41" s="357">
        <v>0</v>
      </c>
      <c r="IU41" s="159">
        <v>0</v>
      </c>
      <c r="IV41" s="122">
        <v>0</v>
      </c>
      <c r="IW41" s="123">
        <v>0</v>
      </c>
      <c r="IX41" s="161"/>
      <c r="IY41" s="122">
        <v>0</v>
      </c>
      <c r="IZ41" s="122">
        <v>0</v>
      </c>
      <c r="JA41" s="122">
        <v>0</v>
      </c>
      <c r="JB41" s="122">
        <v>0</v>
      </c>
      <c r="JC41" s="122">
        <v>0</v>
      </c>
      <c r="JD41" s="123">
        <v>0</v>
      </c>
      <c r="JE41" s="124">
        <v>0</v>
      </c>
      <c r="JF41" s="159">
        <v>0</v>
      </c>
      <c r="JG41" s="122">
        <v>0</v>
      </c>
      <c r="JH41" s="158">
        <v>0</v>
      </c>
      <c r="JI41" s="121">
        <v>0</v>
      </c>
      <c r="JJ41" s="122">
        <v>82360</v>
      </c>
      <c r="JK41" s="122">
        <v>14797</v>
      </c>
      <c r="JL41" s="122">
        <v>0</v>
      </c>
      <c r="JM41" s="122">
        <v>0</v>
      </c>
      <c r="JN41" s="122">
        <v>234553</v>
      </c>
      <c r="JO41" s="123">
        <v>331710</v>
      </c>
      <c r="JP41" s="357">
        <v>331710</v>
      </c>
      <c r="JQ41" s="159">
        <v>0</v>
      </c>
      <c r="JR41" s="122">
        <v>0</v>
      </c>
      <c r="JS41" s="158">
        <v>0</v>
      </c>
      <c r="JT41" s="121">
        <v>0</v>
      </c>
      <c r="JU41" s="122">
        <v>0</v>
      </c>
      <c r="JV41" s="122">
        <v>0</v>
      </c>
      <c r="JW41" s="122">
        <v>0</v>
      </c>
      <c r="JX41" s="122">
        <v>0</v>
      </c>
      <c r="JY41" s="122">
        <v>0</v>
      </c>
      <c r="JZ41" s="123">
        <v>0</v>
      </c>
      <c r="KA41" s="357">
        <v>0</v>
      </c>
      <c r="KB41" s="264">
        <v>0</v>
      </c>
      <c r="KC41" s="258">
        <v>0</v>
      </c>
      <c r="KD41" s="123">
        <v>0</v>
      </c>
      <c r="KE41" s="121">
        <v>0</v>
      </c>
      <c r="KF41" s="122">
        <v>0</v>
      </c>
      <c r="KG41" s="122">
        <v>0</v>
      </c>
      <c r="KH41" s="122">
        <v>0</v>
      </c>
      <c r="KI41" s="122">
        <v>240624</v>
      </c>
      <c r="KJ41" s="122">
        <v>0</v>
      </c>
      <c r="KK41" s="123">
        <v>240624</v>
      </c>
      <c r="KL41" s="160">
        <v>240624</v>
      </c>
      <c r="KM41" s="261">
        <v>0</v>
      </c>
      <c r="KN41" s="268">
        <v>0</v>
      </c>
      <c r="KO41" s="269">
        <v>0</v>
      </c>
      <c r="KP41" s="157"/>
      <c r="KQ41" s="122">
        <v>0</v>
      </c>
      <c r="KR41" s="122">
        <v>0</v>
      </c>
      <c r="KS41" s="122">
        <v>496234</v>
      </c>
      <c r="KT41" s="122">
        <v>0</v>
      </c>
      <c r="KU41" s="122">
        <v>0</v>
      </c>
      <c r="KV41" s="123">
        <v>496234</v>
      </c>
      <c r="KW41" s="357">
        <v>496234</v>
      </c>
      <c r="KX41" s="159">
        <v>0</v>
      </c>
      <c r="KY41" s="122">
        <v>0</v>
      </c>
      <c r="KZ41" s="123">
        <v>0</v>
      </c>
      <c r="LA41" s="162"/>
      <c r="LB41" s="122">
        <v>0</v>
      </c>
      <c r="LC41" s="122">
        <v>0</v>
      </c>
      <c r="LD41" s="122">
        <v>0</v>
      </c>
      <c r="LE41" s="122">
        <v>0</v>
      </c>
      <c r="LF41" s="122">
        <v>0</v>
      </c>
      <c r="LG41" s="123">
        <v>0</v>
      </c>
      <c r="LH41" s="124">
        <v>0</v>
      </c>
      <c r="LI41" s="159">
        <v>0</v>
      </c>
      <c r="LJ41" s="122">
        <v>0</v>
      </c>
      <c r="LK41" s="123">
        <v>0</v>
      </c>
      <c r="LL41" s="162"/>
      <c r="LM41" s="122">
        <v>0</v>
      </c>
      <c r="LN41" s="122">
        <v>0</v>
      </c>
      <c r="LO41" s="122">
        <v>0</v>
      </c>
      <c r="LP41" s="122">
        <v>0</v>
      </c>
      <c r="LQ41" s="122">
        <v>0</v>
      </c>
      <c r="LR41" s="123">
        <v>0</v>
      </c>
      <c r="LS41" s="357">
        <v>0</v>
      </c>
      <c r="LT41" s="159">
        <v>0</v>
      </c>
      <c r="LU41" s="122">
        <v>0</v>
      </c>
      <c r="LV41" s="123">
        <v>0</v>
      </c>
      <c r="LW41" s="162"/>
      <c r="LX41" s="122">
        <v>0</v>
      </c>
      <c r="LY41" s="122">
        <v>0</v>
      </c>
      <c r="LZ41" s="122">
        <v>0</v>
      </c>
      <c r="MA41" s="122">
        <v>0</v>
      </c>
      <c r="MB41" s="122">
        <v>0</v>
      </c>
      <c r="MC41" s="123">
        <v>0</v>
      </c>
      <c r="MD41" s="124">
        <v>0</v>
      </c>
      <c r="ME41" s="159">
        <v>0</v>
      </c>
      <c r="MF41" s="122">
        <v>0</v>
      </c>
      <c r="MG41" s="123">
        <v>0</v>
      </c>
      <c r="MH41" s="162"/>
      <c r="MI41" s="122">
        <v>0</v>
      </c>
      <c r="MJ41" s="122">
        <v>0</v>
      </c>
      <c r="MK41" s="122">
        <v>1050930</v>
      </c>
      <c r="ML41" s="122">
        <v>807765</v>
      </c>
      <c r="MM41" s="122">
        <v>1094202</v>
      </c>
      <c r="MN41" s="123">
        <v>2952897</v>
      </c>
      <c r="MO41" s="160">
        <v>2952897</v>
      </c>
      <c r="MP41" s="159">
        <v>0</v>
      </c>
      <c r="MQ41" s="122">
        <v>0</v>
      </c>
      <c r="MR41" s="123">
        <v>0</v>
      </c>
      <c r="MS41" s="162"/>
      <c r="MT41" s="122">
        <v>0</v>
      </c>
      <c r="MU41" s="122">
        <v>0</v>
      </c>
      <c r="MV41" s="122">
        <v>260764</v>
      </c>
      <c r="MW41" s="122">
        <v>807765</v>
      </c>
      <c r="MX41" s="122">
        <v>1094202</v>
      </c>
      <c r="MY41" s="123">
        <v>2162731</v>
      </c>
      <c r="MZ41" s="160">
        <v>2162731</v>
      </c>
      <c r="NA41" s="159">
        <v>0</v>
      </c>
      <c r="NB41" s="122">
        <v>0</v>
      </c>
      <c r="NC41" s="123">
        <v>0</v>
      </c>
      <c r="ND41" s="162"/>
      <c r="NE41" s="122">
        <v>0</v>
      </c>
      <c r="NF41" s="122">
        <v>0</v>
      </c>
      <c r="NG41" s="122">
        <v>790166</v>
      </c>
      <c r="NH41" s="122">
        <v>0</v>
      </c>
      <c r="NI41" s="122">
        <v>0</v>
      </c>
      <c r="NJ41" s="123">
        <v>790166</v>
      </c>
      <c r="NK41" s="357">
        <v>790166</v>
      </c>
      <c r="NL41" s="159">
        <v>0</v>
      </c>
      <c r="NM41" s="122">
        <v>0</v>
      </c>
      <c r="NN41" s="123">
        <v>0</v>
      </c>
      <c r="NO41" s="162"/>
      <c r="NP41" s="122">
        <v>0</v>
      </c>
      <c r="NQ41" s="122">
        <v>0</v>
      </c>
      <c r="NR41" s="122">
        <v>0</v>
      </c>
      <c r="NS41" s="122">
        <v>0</v>
      </c>
      <c r="NT41" s="122">
        <v>0</v>
      </c>
      <c r="NU41" s="123">
        <v>0</v>
      </c>
      <c r="NV41" s="124">
        <v>0</v>
      </c>
      <c r="NW41" s="159">
        <v>0</v>
      </c>
      <c r="NX41" s="122">
        <v>0</v>
      </c>
      <c r="NY41" s="123">
        <v>0</v>
      </c>
      <c r="NZ41" s="162"/>
      <c r="OA41" s="122">
        <v>0</v>
      </c>
      <c r="OB41" s="122">
        <v>0</v>
      </c>
      <c r="OC41" s="122">
        <v>0</v>
      </c>
      <c r="OD41" s="122">
        <v>0</v>
      </c>
      <c r="OE41" s="122">
        <v>0</v>
      </c>
      <c r="OF41" s="123">
        <v>0</v>
      </c>
      <c r="OG41" s="124">
        <v>0</v>
      </c>
      <c r="OH41" s="159">
        <v>4424</v>
      </c>
      <c r="OI41" s="122">
        <v>88304</v>
      </c>
      <c r="OJ41" s="158">
        <v>92728</v>
      </c>
      <c r="OK41" s="121">
        <v>0</v>
      </c>
      <c r="OL41" s="122">
        <v>483962</v>
      </c>
      <c r="OM41" s="122">
        <v>425333</v>
      </c>
      <c r="ON41" s="122">
        <v>1908601</v>
      </c>
      <c r="OO41" s="122">
        <v>1388511</v>
      </c>
      <c r="OP41" s="122">
        <v>1408943</v>
      </c>
      <c r="OQ41" s="123">
        <v>5615350</v>
      </c>
      <c r="OR41" s="160">
        <v>5708078</v>
      </c>
    </row>
    <row r="42" spans="1:408" ht="20.25" customHeight="1" thickBot="1" x14ac:dyDescent="0.25">
      <c r="A42" s="130" t="s">
        <v>37</v>
      </c>
      <c r="B42" s="119">
        <v>71380</v>
      </c>
      <c r="C42" s="205">
        <v>0</v>
      </c>
      <c r="D42" s="206">
        <v>71380</v>
      </c>
      <c r="E42" s="207">
        <v>0</v>
      </c>
      <c r="F42" s="205">
        <v>-348561</v>
      </c>
      <c r="G42" s="205">
        <v>202851</v>
      </c>
      <c r="H42" s="205">
        <v>0</v>
      </c>
      <c r="I42" s="205">
        <v>0</v>
      </c>
      <c r="J42" s="205">
        <v>250897</v>
      </c>
      <c r="K42" s="207">
        <v>105187</v>
      </c>
      <c r="L42" s="208">
        <v>176567</v>
      </c>
      <c r="M42" s="119">
        <v>0</v>
      </c>
      <c r="N42" s="205">
        <v>0</v>
      </c>
      <c r="O42" s="206">
        <v>0</v>
      </c>
      <c r="P42" s="119">
        <v>0</v>
      </c>
      <c r="Q42" s="205">
        <v>-397929</v>
      </c>
      <c r="R42" s="205">
        <v>0</v>
      </c>
      <c r="S42" s="205">
        <v>0</v>
      </c>
      <c r="T42" s="205">
        <v>0</v>
      </c>
      <c r="U42" s="205">
        <v>12112</v>
      </c>
      <c r="V42" s="206">
        <v>-385817</v>
      </c>
      <c r="W42" s="208">
        <v>-385817</v>
      </c>
      <c r="X42" s="119">
        <v>0</v>
      </c>
      <c r="Y42" s="205">
        <v>0</v>
      </c>
      <c r="Z42" s="206">
        <v>0</v>
      </c>
      <c r="AA42" s="119">
        <v>0</v>
      </c>
      <c r="AB42" s="205">
        <v>0</v>
      </c>
      <c r="AC42" s="205">
        <v>0</v>
      </c>
      <c r="AD42" s="205">
        <v>0</v>
      </c>
      <c r="AE42" s="205">
        <v>0</v>
      </c>
      <c r="AF42" s="205">
        <v>0</v>
      </c>
      <c r="AG42" s="206">
        <v>0</v>
      </c>
      <c r="AH42" s="208">
        <v>0</v>
      </c>
      <c r="AI42" s="119">
        <v>0</v>
      </c>
      <c r="AJ42" s="205">
        <v>0</v>
      </c>
      <c r="AK42" s="206">
        <v>0</v>
      </c>
      <c r="AL42" s="119">
        <v>0</v>
      </c>
      <c r="AM42" s="205">
        <v>0</v>
      </c>
      <c r="AN42" s="205">
        <v>0</v>
      </c>
      <c r="AO42" s="205">
        <v>0</v>
      </c>
      <c r="AP42" s="205">
        <v>0</v>
      </c>
      <c r="AQ42" s="205">
        <v>0</v>
      </c>
      <c r="AR42" s="206">
        <v>0</v>
      </c>
      <c r="AS42" s="208">
        <v>0</v>
      </c>
      <c r="AT42" s="119">
        <v>0</v>
      </c>
      <c r="AU42" s="205">
        <v>0</v>
      </c>
      <c r="AV42" s="206">
        <v>0</v>
      </c>
      <c r="AW42" s="119">
        <v>0</v>
      </c>
      <c r="AX42" s="205">
        <v>40601</v>
      </c>
      <c r="AY42" s="205">
        <v>0</v>
      </c>
      <c r="AZ42" s="205">
        <v>0</v>
      </c>
      <c r="BA42" s="205">
        <v>0</v>
      </c>
      <c r="BB42" s="205">
        <v>0</v>
      </c>
      <c r="BC42" s="206">
        <v>40601</v>
      </c>
      <c r="BD42" s="208">
        <v>40601</v>
      </c>
      <c r="BE42" s="119">
        <v>0</v>
      </c>
      <c r="BF42" s="205">
        <v>0</v>
      </c>
      <c r="BG42" s="210">
        <v>0</v>
      </c>
      <c r="BH42" s="209">
        <v>0</v>
      </c>
      <c r="BI42" s="205">
        <v>-438530</v>
      </c>
      <c r="BJ42" s="205">
        <v>0</v>
      </c>
      <c r="BK42" s="205">
        <v>0</v>
      </c>
      <c r="BL42" s="205">
        <v>0</v>
      </c>
      <c r="BM42" s="205">
        <v>0</v>
      </c>
      <c r="BN42" s="206">
        <v>-438530</v>
      </c>
      <c r="BO42" s="208">
        <v>-438530</v>
      </c>
      <c r="BP42" s="119">
        <v>0</v>
      </c>
      <c r="BQ42" s="205">
        <v>0</v>
      </c>
      <c r="BR42" s="206">
        <v>0</v>
      </c>
      <c r="BS42" s="119">
        <v>0</v>
      </c>
      <c r="BT42" s="205">
        <v>0</v>
      </c>
      <c r="BU42" s="205">
        <v>0</v>
      </c>
      <c r="BV42" s="205">
        <v>0</v>
      </c>
      <c r="BW42" s="205">
        <v>0</v>
      </c>
      <c r="BX42" s="205">
        <v>12112</v>
      </c>
      <c r="BY42" s="206">
        <v>12112</v>
      </c>
      <c r="BZ42" s="208">
        <v>12112</v>
      </c>
      <c r="CA42" s="119">
        <v>0</v>
      </c>
      <c r="CB42" s="205">
        <v>0</v>
      </c>
      <c r="CC42" s="206">
        <v>0</v>
      </c>
      <c r="CD42" s="119">
        <v>0</v>
      </c>
      <c r="CE42" s="205">
        <v>45400</v>
      </c>
      <c r="CF42" s="205">
        <v>158691</v>
      </c>
      <c r="CG42" s="205">
        <v>0</v>
      </c>
      <c r="CH42" s="205">
        <v>0</v>
      </c>
      <c r="CI42" s="205">
        <v>0</v>
      </c>
      <c r="CJ42" s="206">
        <v>204091</v>
      </c>
      <c r="CK42" s="208">
        <v>204091</v>
      </c>
      <c r="CL42" s="119">
        <v>0</v>
      </c>
      <c r="CM42" s="205">
        <v>0</v>
      </c>
      <c r="CN42" s="206">
        <v>0</v>
      </c>
      <c r="CO42" s="209">
        <v>0</v>
      </c>
      <c r="CP42" s="205">
        <v>22605</v>
      </c>
      <c r="CQ42" s="205">
        <v>57362</v>
      </c>
      <c r="CR42" s="205">
        <v>0</v>
      </c>
      <c r="CS42" s="205">
        <v>0</v>
      </c>
      <c r="CT42" s="205">
        <v>0</v>
      </c>
      <c r="CU42" s="206">
        <v>79967</v>
      </c>
      <c r="CV42" s="208">
        <v>79967</v>
      </c>
      <c r="CW42" s="119">
        <v>0</v>
      </c>
      <c r="CX42" s="205">
        <v>0</v>
      </c>
      <c r="CY42" s="206">
        <v>0</v>
      </c>
      <c r="CZ42" s="119">
        <v>0</v>
      </c>
      <c r="DA42" s="205">
        <v>22795</v>
      </c>
      <c r="DB42" s="205">
        <v>101329</v>
      </c>
      <c r="DC42" s="205">
        <v>0</v>
      </c>
      <c r="DD42" s="205">
        <v>0</v>
      </c>
      <c r="DE42" s="205">
        <v>0</v>
      </c>
      <c r="DF42" s="206">
        <v>124124</v>
      </c>
      <c r="DG42" s="208">
        <v>124124</v>
      </c>
      <c r="DH42" s="119">
        <v>0</v>
      </c>
      <c r="DI42" s="205">
        <v>0</v>
      </c>
      <c r="DJ42" s="210">
        <v>0</v>
      </c>
      <c r="DK42" s="209">
        <v>0</v>
      </c>
      <c r="DL42" s="205">
        <v>0</v>
      </c>
      <c r="DM42" s="205">
        <v>0</v>
      </c>
      <c r="DN42" s="205">
        <v>0</v>
      </c>
      <c r="DO42" s="205">
        <v>0</v>
      </c>
      <c r="DP42" s="205">
        <v>0</v>
      </c>
      <c r="DQ42" s="206">
        <v>0</v>
      </c>
      <c r="DR42" s="208">
        <v>0</v>
      </c>
      <c r="DS42" s="119">
        <v>0</v>
      </c>
      <c r="DT42" s="205">
        <v>0</v>
      </c>
      <c r="DU42" s="206">
        <v>0</v>
      </c>
      <c r="DV42" s="119">
        <v>0</v>
      </c>
      <c r="DW42" s="205">
        <v>0</v>
      </c>
      <c r="DX42" s="205">
        <v>0</v>
      </c>
      <c r="DY42" s="205">
        <v>0</v>
      </c>
      <c r="DZ42" s="205">
        <v>0</v>
      </c>
      <c r="EA42" s="205">
        <v>0</v>
      </c>
      <c r="EB42" s="206">
        <v>0</v>
      </c>
      <c r="EC42" s="208">
        <v>0</v>
      </c>
      <c r="ED42" s="119">
        <v>0</v>
      </c>
      <c r="EE42" s="210">
        <v>0</v>
      </c>
      <c r="EF42" s="206">
        <v>0</v>
      </c>
      <c r="EG42" s="119">
        <v>0</v>
      </c>
      <c r="EH42" s="205">
        <v>0</v>
      </c>
      <c r="EI42" s="205">
        <v>0</v>
      </c>
      <c r="EJ42" s="205">
        <v>0</v>
      </c>
      <c r="EK42" s="205">
        <v>0</v>
      </c>
      <c r="EL42" s="205">
        <v>0</v>
      </c>
      <c r="EM42" s="210">
        <v>0</v>
      </c>
      <c r="EN42" s="208">
        <v>0</v>
      </c>
      <c r="EO42" s="119">
        <v>0</v>
      </c>
      <c r="EP42" s="205">
        <v>0</v>
      </c>
      <c r="EQ42" s="210">
        <v>0</v>
      </c>
      <c r="ER42" s="209">
        <v>0</v>
      </c>
      <c r="ES42" s="205">
        <v>0</v>
      </c>
      <c r="ET42" s="205">
        <v>0</v>
      </c>
      <c r="EU42" s="205">
        <v>0</v>
      </c>
      <c r="EV42" s="205">
        <v>0</v>
      </c>
      <c r="EW42" s="205">
        <v>0</v>
      </c>
      <c r="EX42" s="206">
        <v>0</v>
      </c>
      <c r="EY42" s="208">
        <v>0</v>
      </c>
      <c r="EZ42" s="119">
        <v>0</v>
      </c>
      <c r="FA42" s="205">
        <v>0</v>
      </c>
      <c r="FB42" s="210">
        <v>0</v>
      </c>
      <c r="FC42" s="391"/>
      <c r="FD42" s="205">
        <v>0</v>
      </c>
      <c r="FE42" s="205">
        <v>0</v>
      </c>
      <c r="FF42" s="205">
        <v>0</v>
      </c>
      <c r="FG42" s="205">
        <v>0</v>
      </c>
      <c r="FH42" s="205">
        <v>0</v>
      </c>
      <c r="FI42" s="206">
        <v>0</v>
      </c>
      <c r="FJ42" s="208">
        <v>0</v>
      </c>
      <c r="FK42" s="119">
        <v>71380</v>
      </c>
      <c r="FL42" s="205">
        <v>0</v>
      </c>
      <c r="FM42" s="206">
        <v>71380</v>
      </c>
      <c r="FN42" s="119">
        <v>0</v>
      </c>
      <c r="FO42" s="205">
        <v>3968</v>
      </c>
      <c r="FP42" s="205">
        <v>44160</v>
      </c>
      <c r="FQ42" s="205">
        <v>0</v>
      </c>
      <c r="FR42" s="205">
        <v>0</v>
      </c>
      <c r="FS42" s="205">
        <v>0</v>
      </c>
      <c r="FT42" s="206">
        <v>48128</v>
      </c>
      <c r="FU42" s="208">
        <v>119508</v>
      </c>
      <c r="FV42" s="211">
        <v>3200</v>
      </c>
      <c r="FW42" s="205">
        <v>0</v>
      </c>
      <c r="FX42" s="210">
        <v>3200</v>
      </c>
      <c r="FY42" s="209">
        <v>0</v>
      </c>
      <c r="FZ42" s="205">
        <v>3968</v>
      </c>
      <c r="GA42" s="205">
        <v>44160</v>
      </c>
      <c r="GB42" s="205">
        <v>0</v>
      </c>
      <c r="GC42" s="205">
        <v>0</v>
      </c>
      <c r="GD42" s="205">
        <v>0</v>
      </c>
      <c r="GE42" s="206">
        <v>48128</v>
      </c>
      <c r="GF42" s="355">
        <v>51328</v>
      </c>
      <c r="GG42" s="211">
        <v>0</v>
      </c>
      <c r="GH42" s="205">
        <v>0</v>
      </c>
      <c r="GI42" s="210">
        <v>0</v>
      </c>
      <c r="GJ42" s="209">
        <v>0</v>
      </c>
      <c r="GK42" s="205">
        <v>0</v>
      </c>
      <c r="GL42" s="205">
        <v>0</v>
      </c>
      <c r="GM42" s="205">
        <v>0</v>
      </c>
      <c r="GN42" s="205">
        <v>0</v>
      </c>
      <c r="GO42" s="205">
        <v>0</v>
      </c>
      <c r="GP42" s="206">
        <v>0</v>
      </c>
      <c r="GQ42" s="208">
        <v>0</v>
      </c>
      <c r="GR42" s="119">
        <v>68180</v>
      </c>
      <c r="GS42" s="205">
        <v>0</v>
      </c>
      <c r="GT42" s="206">
        <v>68180</v>
      </c>
      <c r="GU42" s="119">
        <v>0</v>
      </c>
      <c r="GV42" s="205">
        <v>0</v>
      </c>
      <c r="GW42" s="205">
        <v>0</v>
      </c>
      <c r="GX42" s="205">
        <v>0</v>
      </c>
      <c r="GY42" s="205">
        <v>0</v>
      </c>
      <c r="GZ42" s="205">
        <v>0</v>
      </c>
      <c r="HA42" s="210">
        <v>0</v>
      </c>
      <c r="HB42" s="208">
        <v>68180</v>
      </c>
      <c r="HC42" s="119">
        <v>0</v>
      </c>
      <c r="HD42" s="205">
        <v>0</v>
      </c>
      <c r="HE42" s="210">
        <v>0</v>
      </c>
      <c r="HF42" s="209">
        <v>0</v>
      </c>
      <c r="HG42" s="205">
        <v>0</v>
      </c>
      <c r="HH42" s="205">
        <v>0</v>
      </c>
      <c r="HI42" s="205">
        <v>0</v>
      </c>
      <c r="HJ42" s="205">
        <v>0</v>
      </c>
      <c r="HK42" s="205">
        <v>238785</v>
      </c>
      <c r="HL42" s="206">
        <v>238785</v>
      </c>
      <c r="HM42" s="207">
        <v>238785</v>
      </c>
      <c r="HN42" s="376"/>
      <c r="HO42" s="377"/>
      <c r="HP42" s="378"/>
      <c r="HQ42" s="379"/>
      <c r="HR42" s="377"/>
      <c r="HS42" s="377"/>
      <c r="HT42" s="377"/>
      <c r="HU42" s="377"/>
      <c r="HV42" s="377"/>
      <c r="HW42" s="380"/>
      <c r="HX42" s="381"/>
      <c r="HY42" s="168">
        <v>0</v>
      </c>
      <c r="HZ42" s="169">
        <v>0</v>
      </c>
      <c r="IA42" s="170">
        <v>0</v>
      </c>
      <c r="IB42" s="171">
        <v>0</v>
      </c>
      <c r="IC42" s="172">
        <v>0</v>
      </c>
      <c r="ID42" s="173">
        <v>0</v>
      </c>
      <c r="IE42" s="174">
        <v>0</v>
      </c>
      <c r="IF42" s="172">
        <v>0</v>
      </c>
      <c r="IG42" s="174">
        <v>0</v>
      </c>
      <c r="IH42" s="175">
        <v>0</v>
      </c>
      <c r="II42" s="176">
        <v>0</v>
      </c>
      <c r="IJ42" s="262">
        <v>0</v>
      </c>
      <c r="IK42" s="270">
        <v>0</v>
      </c>
      <c r="IL42" s="271">
        <v>0</v>
      </c>
      <c r="IM42" s="177"/>
      <c r="IN42" s="178">
        <v>0</v>
      </c>
      <c r="IO42" s="178">
        <v>0</v>
      </c>
      <c r="IP42" s="178">
        <v>0</v>
      </c>
      <c r="IQ42" s="178">
        <v>0</v>
      </c>
      <c r="IR42" s="178">
        <v>0</v>
      </c>
      <c r="IS42" s="179">
        <v>0</v>
      </c>
      <c r="IT42" s="358">
        <v>0</v>
      </c>
      <c r="IU42" s="180">
        <v>0</v>
      </c>
      <c r="IV42" s="178">
        <v>0</v>
      </c>
      <c r="IW42" s="182">
        <v>0</v>
      </c>
      <c r="IX42" s="185"/>
      <c r="IY42" s="178">
        <v>0</v>
      </c>
      <c r="IZ42" s="178">
        <v>0</v>
      </c>
      <c r="JA42" s="178">
        <v>0</v>
      </c>
      <c r="JB42" s="178">
        <v>0</v>
      </c>
      <c r="JC42" s="178">
        <v>0</v>
      </c>
      <c r="JD42" s="182">
        <v>0</v>
      </c>
      <c r="JE42" s="183">
        <v>0</v>
      </c>
      <c r="JF42" s="180">
        <v>0</v>
      </c>
      <c r="JG42" s="178">
        <v>0</v>
      </c>
      <c r="JH42" s="179">
        <v>0</v>
      </c>
      <c r="JI42" s="181">
        <v>0</v>
      </c>
      <c r="JJ42" s="178">
        <v>0</v>
      </c>
      <c r="JK42" s="178">
        <v>0</v>
      </c>
      <c r="JL42" s="178">
        <v>0</v>
      </c>
      <c r="JM42" s="178">
        <v>0</v>
      </c>
      <c r="JN42" s="178">
        <v>0</v>
      </c>
      <c r="JO42" s="182">
        <v>0</v>
      </c>
      <c r="JP42" s="358">
        <v>0</v>
      </c>
      <c r="JQ42" s="180">
        <v>0</v>
      </c>
      <c r="JR42" s="178">
        <v>0</v>
      </c>
      <c r="JS42" s="179">
        <v>0</v>
      </c>
      <c r="JT42" s="181">
        <v>0</v>
      </c>
      <c r="JU42" s="178">
        <v>0</v>
      </c>
      <c r="JV42" s="178">
        <v>0</v>
      </c>
      <c r="JW42" s="178">
        <v>0</v>
      </c>
      <c r="JX42" s="178">
        <v>0</v>
      </c>
      <c r="JY42" s="178">
        <v>0</v>
      </c>
      <c r="JZ42" s="182">
        <v>0</v>
      </c>
      <c r="KA42" s="358">
        <v>0</v>
      </c>
      <c r="KB42" s="265">
        <v>0</v>
      </c>
      <c r="KC42" s="259">
        <v>0</v>
      </c>
      <c r="KD42" s="182">
        <v>0</v>
      </c>
      <c r="KE42" s="181">
        <v>0</v>
      </c>
      <c r="KF42" s="178">
        <v>0</v>
      </c>
      <c r="KG42" s="178">
        <v>0</v>
      </c>
      <c r="KH42" s="178">
        <v>0</v>
      </c>
      <c r="KI42" s="178">
        <v>0</v>
      </c>
      <c r="KJ42" s="178">
        <v>0</v>
      </c>
      <c r="KK42" s="182">
        <v>0</v>
      </c>
      <c r="KL42" s="184">
        <v>0</v>
      </c>
      <c r="KM42" s="262">
        <v>0</v>
      </c>
      <c r="KN42" s="270">
        <v>0</v>
      </c>
      <c r="KO42" s="271">
        <v>0</v>
      </c>
      <c r="KP42" s="177"/>
      <c r="KQ42" s="178">
        <v>0</v>
      </c>
      <c r="KR42" s="178">
        <v>0</v>
      </c>
      <c r="KS42" s="178">
        <v>0</v>
      </c>
      <c r="KT42" s="178">
        <v>0</v>
      </c>
      <c r="KU42" s="178">
        <v>0</v>
      </c>
      <c r="KV42" s="182">
        <v>0</v>
      </c>
      <c r="KW42" s="358">
        <v>0</v>
      </c>
      <c r="KX42" s="180">
        <v>0</v>
      </c>
      <c r="KY42" s="178">
        <v>0</v>
      </c>
      <c r="KZ42" s="182">
        <v>0</v>
      </c>
      <c r="LA42" s="186"/>
      <c r="LB42" s="178">
        <v>0</v>
      </c>
      <c r="LC42" s="178">
        <v>0</v>
      </c>
      <c r="LD42" s="178">
        <v>0</v>
      </c>
      <c r="LE42" s="178">
        <v>0</v>
      </c>
      <c r="LF42" s="178">
        <v>0</v>
      </c>
      <c r="LG42" s="182">
        <v>0</v>
      </c>
      <c r="LH42" s="183">
        <v>0</v>
      </c>
      <c r="LI42" s="180">
        <v>0</v>
      </c>
      <c r="LJ42" s="178">
        <v>0</v>
      </c>
      <c r="LK42" s="182">
        <v>0</v>
      </c>
      <c r="LL42" s="186"/>
      <c r="LM42" s="178">
        <v>0</v>
      </c>
      <c r="LN42" s="178">
        <v>0</v>
      </c>
      <c r="LO42" s="178">
        <v>0</v>
      </c>
      <c r="LP42" s="178">
        <v>0</v>
      </c>
      <c r="LQ42" s="178">
        <v>0</v>
      </c>
      <c r="LR42" s="182">
        <v>0</v>
      </c>
      <c r="LS42" s="358">
        <v>0</v>
      </c>
      <c r="LT42" s="180">
        <v>0</v>
      </c>
      <c r="LU42" s="178">
        <v>0</v>
      </c>
      <c r="LV42" s="182">
        <v>0</v>
      </c>
      <c r="LW42" s="186"/>
      <c r="LX42" s="178">
        <v>0</v>
      </c>
      <c r="LY42" s="178">
        <v>0</v>
      </c>
      <c r="LZ42" s="178">
        <v>0</v>
      </c>
      <c r="MA42" s="178">
        <v>0</v>
      </c>
      <c r="MB42" s="178">
        <v>0</v>
      </c>
      <c r="MC42" s="182">
        <v>0</v>
      </c>
      <c r="MD42" s="183">
        <v>0</v>
      </c>
      <c r="ME42" s="180">
        <v>0</v>
      </c>
      <c r="MF42" s="178">
        <v>0</v>
      </c>
      <c r="MG42" s="182">
        <v>0</v>
      </c>
      <c r="MH42" s="186"/>
      <c r="MI42" s="178">
        <v>0</v>
      </c>
      <c r="MJ42" s="178">
        <v>0</v>
      </c>
      <c r="MK42" s="178">
        <v>230227</v>
      </c>
      <c r="ML42" s="178">
        <v>0</v>
      </c>
      <c r="MM42" s="178">
        <v>276763</v>
      </c>
      <c r="MN42" s="182">
        <v>506990</v>
      </c>
      <c r="MO42" s="184">
        <v>506990</v>
      </c>
      <c r="MP42" s="180">
        <v>0</v>
      </c>
      <c r="MQ42" s="178">
        <v>0</v>
      </c>
      <c r="MR42" s="182">
        <v>0</v>
      </c>
      <c r="MS42" s="186"/>
      <c r="MT42" s="178">
        <v>0</v>
      </c>
      <c r="MU42" s="178">
        <v>0</v>
      </c>
      <c r="MV42" s="178">
        <v>230227</v>
      </c>
      <c r="MW42" s="178">
        <v>0</v>
      </c>
      <c r="MX42" s="178">
        <v>276763</v>
      </c>
      <c r="MY42" s="182">
        <v>506990</v>
      </c>
      <c r="MZ42" s="184">
        <v>506990</v>
      </c>
      <c r="NA42" s="180">
        <v>0</v>
      </c>
      <c r="NB42" s="178">
        <v>0</v>
      </c>
      <c r="NC42" s="182">
        <v>0</v>
      </c>
      <c r="ND42" s="186"/>
      <c r="NE42" s="178">
        <v>0</v>
      </c>
      <c r="NF42" s="178">
        <v>0</v>
      </c>
      <c r="NG42" s="178">
        <v>0</v>
      </c>
      <c r="NH42" s="178">
        <v>0</v>
      </c>
      <c r="NI42" s="178">
        <v>0</v>
      </c>
      <c r="NJ42" s="182">
        <v>0</v>
      </c>
      <c r="NK42" s="358">
        <v>0</v>
      </c>
      <c r="NL42" s="180">
        <v>0</v>
      </c>
      <c r="NM42" s="178">
        <v>0</v>
      </c>
      <c r="NN42" s="182">
        <v>0</v>
      </c>
      <c r="NO42" s="186"/>
      <c r="NP42" s="178">
        <v>0</v>
      </c>
      <c r="NQ42" s="178">
        <v>0</v>
      </c>
      <c r="NR42" s="178">
        <v>0</v>
      </c>
      <c r="NS42" s="178">
        <v>0</v>
      </c>
      <c r="NT42" s="178">
        <v>0</v>
      </c>
      <c r="NU42" s="182">
        <v>0</v>
      </c>
      <c r="NV42" s="183">
        <v>0</v>
      </c>
      <c r="NW42" s="180">
        <v>0</v>
      </c>
      <c r="NX42" s="178">
        <v>0</v>
      </c>
      <c r="NY42" s="182">
        <v>0</v>
      </c>
      <c r="NZ42" s="186"/>
      <c r="OA42" s="178">
        <v>0</v>
      </c>
      <c r="OB42" s="178">
        <v>0</v>
      </c>
      <c r="OC42" s="178">
        <v>0</v>
      </c>
      <c r="OD42" s="178">
        <v>0</v>
      </c>
      <c r="OE42" s="178">
        <v>0</v>
      </c>
      <c r="OF42" s="182">
        <v>0</v>
      </c>
      <c r="OG42" s="183">
        <v>0</v>
      </c>
      <c r="OH42" s="180">
        <v>71380</v>
      </c>
      <c r="OI42" s="178">
        <v>0</v>
      </c>
      <c r="OJ42" s="179">
        <v>71380</v>
      </c>
      <c r="OK42" s="181">
        <v>0</v>
      </c>
      <c r="OL42" s="178">
        <v>-348561</v>
      </c>
      <c r="OM42" s="178">
        <v>202851</v>
      </c>
      <c r="ON42" s="178">
        <v>230227</v>
      </c>
      <c r="OO42" s="178">
        <v>0</v>
      </c>
      <c r="OP42" s="178">
        <v>527660</v>
      </c>
      <c r="OQ42" s="182">
        <v>612177</v>
      </c>
      <c r="OR42" s="184">
        <v>683557</v>
      </c>
    </row>
    <row r="43" spans="1:408" x14ac:dyDescent="0.2">
      <c r="A43" s="44" t="s">
        <v>84</v>
      </c>
    </row>
  </sheetData>
  <mergeCells count="158">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S7:LS8"/>
    <mergeCell ref="LT7:LV7"/>
    <mergeCell ref="KM7:KO7"/>
    <mergeCell ref="KP7:KV7"/>
    <mergeCell ref="KW7:KW8"/>
    <mergeCell ref="KX7:KZ7"/>
    <mergeCell ref="LA7:LG7"/>
    <mergeCell ref="MP7:MR7"/>
    <mergeCell ref="MS7:MY7"/>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DH5:FJ5"/>
    <mergeCell ref="A4:A8"/>
    <mergeCell ref="B4:L6"/>
    <mergeCell ref="M4:HX4"/>
    <mergeCell ref="M5:BZ5"/>
    <mergeCell ref="CA5:DG5"/>
    <mergeCell ref="FK5:HB5"/>
    <mergeCell ref="HC5:HM6"/>
    <mergeCell ref="HN5:HX6"/>
    <mergeCell ref="ED6:EN6"/>
    <mergeCell ref="M6:W6"/>
    <mergeCell ref="X6:AH6"/>
    <mergeCell ref="AI6:AS6"/>
    <mergeCell ref="AT6:BD6"/>
    <mergeCell ref="BE6:BO6"/>
    <mergeCell ref="BP6:BZ6"/>
    <mergeCell ref="CA6:CK6"/>
    <mergeCell ref="CL6:CV6"/>
    <mergeCell ref="CW6:DG6"/>
    <mergeCell ref="DH6:DR6"/>
    <mergeCell ref="DS6:EC6"/>
    <mergeCell ref="B7:D7"/>
    <mergeCell ref="E7:K7"/>
    <mergeCell ref="L7:L8"/>
    <mergeCell ref="M7:O7"/>
    <mergeCell ref="P7:V7"/>
    <mergeCell ref="BH7:BN7"/>
    <mergeCell ref="W7:W8"/>
    <mergeCell ref="X7:Z7"/>
    <mergeCell ref="AA7:AG7"/>
    <mergeCell ref="AH7:AH8"/>
    <mergeCell ref="AI7:AK7"/>
    <mergeCell ref="AL7:AR7"/>
    <mergeCell ref="AS7:AS8"/>
    <mergeCell ref="AT7:AV7"/>
    <mergeCell ref="AW7:BC7"/>
    <mergeCell ref="EO7:EQ7"/>
    <mergeCell ref="BD7:BD8"/>
    <mergeCell ref="BE7:BG7"/>
    <mergeCell ref="CZ7:DF7"/>
    <mergeCell ref="BO7:BO8"/>
    <mergeCell ref="BP7:BR7"/>
    <mergeCell ref="BS7:BY7"/>
    <mergeCell ref="BZ7:BZ8"/>
    <mergeCell ref="CA7:CC7"/>
    <mergeCell ref="CD7:CJ7"/>
    <mergeCell ref="CK7:CK8"/>
    <mergeCell ref="CL7:CN7"/>
    <mergeCell ref="CO7:CU7"/>
    <mergeCell ref="CV7:CV8"/>
    <mergeCell ref="CW7:CY7"/>
    <mergeCell ref="DV7:EB7"/>
    <mergeCell ref="EC7:EC8"/>
    <mergeCell ref="ED7:EF7"/>
    <mergeCell ref="DG7:DG8"/>
    <mergeCell ref="DH7:DJ7"/>
    <mergeCell ref="DK7:DQ7"/>
    <mergeCell ref="DR7:DR8"/>
    <mergeCell ref="GG6:GQ6"/>
    <mergeCell ref="GQ7:GQ8"/>
    <mergeCell ref="GR7:GT7"/>
    <mergeCell ref="ER7:EX7"/>
    <mergeCell ref="EZ7:FB7"/>
    <mergeCell ref="FC7:FI7"/>
    <mergeCell ref="FJ7:FJ8"/>
    <mergeCell ref="GR6:HB6"/>
    <mergeCell ref="EZ6:FJ6"/>
    <mergeCell ref="F1:G1"/>
    <mergeCell ref="HX7:HX8"/>
    <mergeCell ref="HB7:HB8"/>
    <mergeCell ref="HC7:HE7"/>
    <mergeCell ref="HF7:HL7"/>
    <mergeCell ref="HM7:HM8"/>
    <mergeCell ref="HN7:HP7"/>
    <mergeCell ref="HQ7:HW7"/>
    <mergeCell ref="GU7:HA7"/>
    <mergeCell ref="EY7:EY8"/>
    <mergeCell ref="FK7:FM7"/>
    <mergeCell ref="FN7:FT7"/>
    <mergeCell ref="FU7:FU8"/>
    <mergeCell ref="FV7:FX7"/>
    <mergeCell ref="FY7:GE7"/>
    <mergeCell ref="GF7:GF8"/>
    <mergeCell ref="EG7:EM7"/>
    <mergeCell ref="EN7:EN8"/>
    <mergeCell ref="DS7:DU7"/>
    <mergeCell ref="GG7:GI7"/>
    <mergeCell ref="GJ7:GP7"/>
    <mergeCell ref="EO6:EY6"/>
    <mergeCell ref="FK6:FU6"/>
    <mergeCell ref="FV6:GF6"/>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R43"/>
  <sheetViews>
    <sheetView zoomScaleNormal="100" workbookViewId="0">
      <pane xSplit="1" ySplit="9" topLeftCell="B10" activePane="bottomRight" state="frozen"/>
      <selection activeCell="F37" sqref="F37"/>
      <selection pane="topRight" activeCell="F37" sqref="F37"/>
      <selection pane="bottomLeft" activeCell="F37" sqref="F37"/>
      <selection pane="bottomRight"/>
    </sheetView>
  </sheetViews>
  <sheetFormatPr defaultColWidth="8.21875" defaultRowHeight="13.2" x14ac:dyDescent="0.2"/>
  <cols>
    <col min="1" max="1" width="9.21875" style="44" customWidth="1"/>
    <col min="2" max="2" width="8.21875" style="44" customWidth="1"/>
    <col min="3" max="4" width="10" style="44" customWidth="1"/>
    <col min="5" max="5" width="7.21875" style="44" customWidth="1"/>
    <col min="6" max="7" width="10" style="44" customWidth="1"/>
    <col min="8" max="8" width="9.88671875" style="44" customWidth="1"/>
    <col min="9" max="9" width="9.77734375" style="44" customWidth="1"/>
    <col min="10" max="10" width="9.88671875" style="44" customWidth="1"/>
    <col min="11" max="11" width="10.88671875" style="44" customWidth="1"/>
    <col min="12" max="12" width="11.109375" style="44" customWidth="1"/>
    <col min="13" max="15" width="8.21875" style="44" customWidth="1"/>
    <col min="16" max="16" width="7.21875" style="44" customWidth="1"/>
    <col min="17" max="17" width="8.21875" style="44" customWidth="1"/>
    <col min="18" max="18" width="10.109375" style="44" customWidth="1"/>
    <col min="19" max="19" width="9.109375" style="44" customWidth="1"/>
    <col min="20" max="20" width="9.77734375" style="44" customWidth="1"/>
    <col min="21" max="21" width="10.33203125" style="44" customWidth="1"/>
    <col min="22" max="22" width="10.44140625" style="44" customWidth="1"/>
    <col min="23" max="23" width="11" style="44" customWidth="1"/>
    <col min="24" max="26" width="8.21875" style="44" customWidth="1"/>
    <col min="27" max="27" width="7" style="44" customWidth="1"/>
    <col min="28" max="32" width="8.21875" style="44" customWidth="1"/>
    <col min="33" max="33" width="10.6640625" style="44" customWidth="1"/>
    <col min="34" max="34" width="10" style="44" customWidth="1"/>
    <col min="35" max="37" width="8.21875" style="44" customWidth="1"/>
    <col min="38" max="38" width="7" style="44" customWidth="1"/>
    <col min="39" max="48" width="8.21875" style="44" customWidth="1"/>
    <col min="49" max="49" width="7.21875" style="44" customWidth="1"/>
    <col min="50" max="54" width="8.21875" style="44" customWidth="1"/>
    <col min="55" max="56" width="9.33203125" style="44" customWidth="1"/>
    <col min="57" max="59" width="8.21875" style="44" customWidth="1"/>
    <col min="60" max="60" width="6.88671875" style="44" customWidth="1"/>
    <col min="61" max="70" width="8.21875" style="44" customWidth="1"/>
    <col min="71" max="71" width="7.21875" style="44" customWidth="1"/>
    <col min="72" max="78" width="8.21875" style="44" customWidth="1"/>
    <col min="79" max="81" width="8.21875" style="361" customWidth="1"/>
    <col min="82" max="82" width="7.6640625" style="361" customWidth="1"/>
    <col min="83" max="83" width="9.88671875" style="361" customWidth="1"/>
    <col min="84" max="84" width="10" style="361" customWidth="1"/>
    <col min="85" max="85" width="9.77734375" style="361" customWidth="1"/>
    <col min="86" max="86" width="9.21875" style="361" customWidth="1"/>
    <col min="87" max="87" width="8.77734375" style="361" customWidth="1"/>
    <col min="88" max="88" width="9.88671875" style="361" customWidth="1"/>
    <col min="89" max="89" width="9.77734375" style="361" customWidth="1"/>
    <col min="90" max="92" width="8.21875" style="44" customWidth="1"/>
    <col min="93" max="93" width="7.33203125" style="44" customWidth="1"/>
    <col min="94" max="94" width="9.88671875" style="44" bestFit="1" customWidth="1"/>
    <col min="95" max="95" width="10" style="44" customWidth="1"/>
    <col min="96" max="96" width="9.6640625" style="44" customWidth="1"/>
    <col min="97" max="98" width="8.21875" style="44" customWidth="1"/>
    <col min="99" max="100" width="9.88671875" style="44" customWidth="1"/>
    <col min="101" max="103" width="8.21875" style="44" customWidth="1"/>
    <col min="104" max="104" width="7.44140625" style="44" customWidth="1"/>
    <col min="105" max="109" width="8.21875" style="44" customWidth="1"/>
    <col min="110" max="110" width="10" style="44" customWidth="1"/>
    <col min="111" max="111" width="9.88671875" style="44" customWidth="1"/>
    <col min="112" max="114" width="8.21875" style="361" customWidth="1"/>
    <col min="115" max="115" width="7.21875" style="361" customWidth="1"/>
    <col min="116" max="120" width="8.21875" style="361" customWidth="1"/>
    <col min="121" max="121" width="10.109375" style="361" customWidth="1"/>
    <col min="122" max="122" width="9.77734375" style="361" customWidth="1"/>
    <col min="123" max="125" width="8.21875" style="44" customWidth="1"/>
    <col min="126" max="126" width="7.33203125" style="44" customWidth="1"/>
    <col min="127" max="131" width="8.21875" style="44" customWidth="1"/>
    <col min="132" max="132" width="10.33203125" style="44" customWidth="1"/>
    <col min="133" max="133" width="10.109375" style="44" customWidth="1"/>
    <col min="134" max="136" width="8.21875" style="44" customWidth="1"/>
    <col min="137" max="137" width="7.109375" style="44" customWidth="1"/>
    <col min="138" max="147" width="8.21875" style="44" customWidth="1"/>
    <col min="148" max="148" width="7.21875" style="44" customWidth="1"/>
    <col min="149" max="158" width="8.21875" style="44" customWidth="1"/>
    <col min="159" max="159" width="7.21875" style="44" customWidth="1"/>
    <col min="160" max="166" width="8.21875" style="44" customWidth="1"/>
    <col min="167" max="169" width="8.21875" style="361" customWidth="1"/>
    <col min="170" max="170" width="6.6640625" style="361" customWidth="1"/>
    <col min="171" max="175" width="8.21875" style="361" customWidth="1"/>
    <col min="176" max="176" width="10.109375" style="361" customWidth="1"/>
    <col min="177" max="177" width="9.88671875" style="361" customWidth="1"/>
    <col min="178" max="180" width="8.21875" style="44" customWidth="1"/>
    <col min="181" max="181" width="7.33203125" style="44" customWidth="1"/>
    <col min="182" max="186" width="8.21875" style="44" customWidth="1"/>
    <col min="187" max="187" width="10" style="44" customWidth="1"/>
    <col min="188" max="188" width="10.6640625" style="44" customWidth="1"/>
    <col min="189" max="191" width="8.21875" style="44" customWidth="1"/>
    <col min="192" max="192" width="7.21875" style="44" customWidth="1"/>
    <col min="193" max="202" width="8.21875" style="44" customWidth="1"/>
    <col min="203" max="203" width="7.109375" style="44" customWidth="1"/>
    <col min="204" max="213" width="8.21875" style="44" customWidth="1"/>
    <col min="214" max="214" width="7.109375" style="44" customWidth="1"/>
    <col min="215" max="219" width="8.21875" style="44" customWidth="1"/>
    <col min="220" max="221" width="9.77734375" style="44" customWidth="1"/>
    <col min="222" max="224" width="8.21875" style="44" customWidth="1"/>
    <col min="225" max="225" width="7.21875" style="44" customWidth="1"/>
    <col min="226" max="230" width="8.21875" style="44" customWidth="1"/>
    <col min="231" max="232" width="10" style="44" customWidth="1"/>
    <col min="233" max="234" width="7.44140625" style="39" customWidth="1"/>
    <col min="235" max="235" width="9.33203125" style="39" customWidth="1"/>
    <col min="236" max="236" width="7.44140625" style="39" customWidth="1"/>
    <col min="237" max="243" width="10.109375" style="39" customWidth="1"/>
    <col min="244" max="246" width="10.109375" style="1" customWidth="1"/>
    <col min="247" max="247" width="7.109375" style="1" customWidth="1"/>
    <col min="248" max="257" width="10.109375" style="1" customWidth="1"/>
    <col min="258" max="258" width="7.33203125" style="1" customWidth="1"/>
    <col min="259" max="268" width="10.109375" style="1" customWidth="1"/>
    <col min="269" max="269" width="7.21875" style="1" customWidth="1"/>
    <col min="270" max="279" width="10.109375" style="1" customWidth="1"/>
    <col min="280" max="280" width="7.6640625" style="1" customWidth="1"/>
    <col min="281" max="290" width="10.109375" style="1" customWidth="1"/>
    <col min="291" max="291" width="6.33203125" style="1" customWidth="1"/>
    <col min="292" max="301" width="10.109375" style="1" customWidth="1"/>
    <col min="302" max="302" width="7.44140625" style="1" customWidth="1"/>
    <col min="303" max="309" width="10.109375" style="1" customWidth="1"/>
    <col min="310" max="312" width="10.109375" style="39" customWidth="1"/>
    <col min="313" max="313" width="7.109375" style="39" customWidth="1"/>
    <col min="314" max="323" width="10.109375" style="39" customWidth="1"/>
    <col min="324" max="324" width="7.44140625" style="39" customWidth="1"/>
    <col min="325" max="334" width="10.109375" style="39" customWidth="1"/>
    <col min="335" max="335" width="6.88671875" style="39" customWidth="1"/>
    <col min="336" max="342" width="10.109375" style="39" customWidth="1"/>
    <col min="343" max="345" width="10.109375" style="1" customWidth="1"/>
    <col min="346" max="346" width="7.21875" style="1" customWidth="1"/>
    <col min="347" max="356" width="10.109375" style="1" customWidth="1"/>
    <col min="357" max="357" width="7.21875" style="1" customWidth="1"/>
    <col min="358" max="367" width="10.109375" style="1" customWidth="1"/>
    <col min="368" max="368" width="7" style="1" customWidth="1"/>
    <col min="369" max="378" width="10.109375" style="1" customWidth="1"/>
    <col min="379" max="379" width="6.88671875" style="1" customWidth="1"/>
    <col min="380" max="384" width="10.109375" style="1" customWidth="1"/>
    <col min="385" max="386" width="10.33203125" style="1" customWidth="1"/>
    <col min="387" max="389" width="10.109375" style="1" customWidth="1"/>
    <col min="390" max="390" width="6.88671875" style="1" customWidth="1"/>
    <col min="391" max="395" width="10.109375" style="1" customWidth="1"/>
    <col min="396" max="397" width="10.33203125" style="1" customWidth="1"/>
    <col min="398" max="400" width="9.21875" style="1" customWidth="1"/>
    <col min="401" max="401" width="7" style="1" customWidth="1"/>
    <col min="402" max="403" width="9.21875" style="1" customWidth="1"/>
    <col min="404" max="404" width="10.44140625" style="1" customWidth="1"/>
    <col min="405" max="405" width="12.109375" style="1" customWidth="1"/>
    <col min="406" max="406" width="10.109375" style="1" customWidth="1"/>
    <col min="407" max="408" width="10.33203125" style="1" customWidth="1"/>
    <col min="409" max="16384" width="8.21875" style="44"/>
  </cols>
  <sheetData>
    <row r="1" spans="1:408" ht="21.75" customHeight="1" x14ac:dyDescent="0.2">
      <c r="A1" s="20" t="s">
        <v>136</v>
      </c>
      <c r="D1" s="411">
        <f>第１表!F2</f>
        <v>4</v>
      </c>
      <c r="E1" s="285">
        <f>第１表!G2</f>
        <v>3</v>
      </c>
      <c r="F1" s="640">
        <f>IF(E1&lt;3,E1-2+12,E1-2)</f>
        <v>1</v>
      </c>
      <c r="G1" s="640"/>
      <c r="IA1" s="411"/>
      <c r="IB1" s="287"/>
      <c r="IC1" s="605"/>
      <c r="ID1" s="605"/>
    </row>
    <row r="2" spans="1:408" ht="21.75" customHeight="1" x14ac:dyDescent="0.2">
      <c r="A2" s="20" t="s">
        <v>147</v>
      </c>
      <c r="D2" s="284"/>
      <c r="E2" s="285"/>
      <c r="F2" s="397"/>
      <c r="G2" s="397"/>
      <c r="IA2" s="286"/>
      <c r="IB2" s="287"/>
      <c r="IC2" s="414"/>
      <c r="ID2" s="414"/>
    </row>
    <row r="3" spans="1:408" ht="24" customHeight="1" thickBot="1" x14ac:dyDescent="0.25">
      <c r="A3" s="20" t="s">
        <v>156</v>
      </c>
    </row>
    <row r="4" spans="1:408" ht="18" customHeight="1" thickBot="1" x14ac:dyDescent="0.25">
      <c r="A4" s="702" t="s">
        <v>42</v>
      </c>
      <c r="B4" s="705" t="s">
        <v>63</v>
      </c>
      <c r="C4" s="705"/>
      <c r="D4" s="705"/>
      <c r="E4" s="705"/>
      <c r="F4" s="705"/>
      <c r="G4" s="705"/>
      <c r="H4" s="705"/>
      <c r="I4" s="705"/>
      <c r="J4" s="705"/>
      <c r="K4" s="705"/>
      <c r="L4" s="705"/>
      <c r="M4" s="708"/>
      <c r="N4" s="708"/>
      <c r="O4" s="708"/>
      <c r="P4" s="708"/>
      <c r="Q4" s="708"/>
      <c r="R4" s="708"/>
      <c r="S4" s="708"/>
      <c r="T4" s="708"/>
      <c r="U4" s="708"/>
      <c r="V4" s="708"/>
      <c r="W4" s="708"/>
      <c r="X4" s="708"/>
      <c r="Y4" s="708"/>
      <c r="Z4" s="708"/>
      <c r="AA4" s="708"/>
      <c r="AB4" s="708"/>
      <c r="AC4" s="708"/>
      <c r="AD4" s="708"/>
      <c r="AE4" s="708"/>
      <c r="AF4" s="708"/>
      <c r="AG4" s="708"/>
      <c r="AH4" s="708"/>
      <c r="AI4" s="708"/>
      <c r="AJ4" s="708"/>
      <c r="AK4" s="708"/>
      <c r="AL4" s="708"/>
      <c r="AM4" s="708"/>
      <c r="AN4" s="708"/>
      <c r="AO4" s="708"/>
      <c r="AP4" s="708"/>
      <c r="AQ4" s="708"/>
      <c r="AR4" s="708"/>
      <c r="AS4" s="708"/>
      <c r="AT4" s="708"/>
      <c r="AU4" s="708"/>
      <c r="AV4" s="708"/>
      <c r="AW4" s="708"/>
      <c r="AX4" s="708"/>
      <c r="AY4" s="708"/>
      <c r="AZ4" s="708"/>
      <c r="BA4" s="708"/>
      <c r="BB4" s="708"/>
      <c r="BC4" s="708"/>
      <c r="BD4" s="708"/>
      <c r="BE4" s="708"/>
      <c r="BF4" s="708"/>
      <c r="BG4" s="708"/>
      <c r="BH4" s="708"/>
      <c r="BI4" s="708"/>
      <c r="BJ4" s="708"/>
      <c r="BK4" s="708"/>
      <c r="BL4" s="708"/>
      <c r="BM4" s="708"/>
      <c r="BN4" s="708"/>
      <c r="BO4" s="708"/>
      <c r="BP4" s="708"/>
      <c r="BQ4" s="708"/>
      <c r="BR4" s="708"/>
      <c r="BS4" s="708"/>
      <c r="BT4" s="708"/>
      <c r="BU4" s="708"/>
      <c r="BV4" s="708"/>
      <c r="BW4" s="708"/>
      <c r="BX4" s="708"/>
      <c r="BY4" s="708"/>
      <c r="BZ4" s="708"/>
      <c r="CA4" s="708"/>
      <c r="CB4" s="708"/>
      <c r="CC4" s="708"/>
      <c r="CD4" s="708"/>
      <c r="CE4" s="708"/>
      <c r="CF4" s="708"/>
      <c r="CG4" s="708"/>
      <c r="CH4" s="708"/>
      <c r="CI4" s="708"/>
      <c r="CJ4" s="708"/>
      <c r="CK4" s="708"/>
      <c r="CL4" s="708"/>
      <c r="CM4" s="708"/>
      <c r="CN4" s="708"/>
      <c r="CO4" s="708"/>
      <c r="CP4" s="708"/>
      <c r="CQ4" s="708"/>
      <c r="CR4" s="708"/>
      <c r="CS4" s="708"/>
      <c r="CT4" s="708"/>
      <c r="CU4" s="708"/>
      <c r="CV4" s="708"/>
      <c r="CW4" s="708"/>
      <c r="CX4" s="708"/>
      <c r="CY4" s="708"/>
      <c r="CZ4" s="708"/>
      <c r="DA4" s="708"/>
      <c r="DB4" s="708"/>
      <c r="DC4" s="708"/>
      <c r="DD4" s="708"/>
      <c r="DE4" s="708"/>
      <c r="DF4" s="708"/>
      <c r="DG4" s="708"/>
      <c r="DH4" s="708"/>
      <c r="DI4" s="708"/>
      <c r="DJ4" s="708"/>
      <c r="DK4" s="708"/>
      <c r="DL4" s="708"/>
      <c r="DM4" s="708"/>
      <c r="DN4" s="708"/>
      <c r="DO4" s="708"/>
      <c r="DP4" s="708"/>
      <c r="DQ4" s="708"/>
      <c r="DR4" s="708"/>
      <c r="DS4" s="708"/>
      <c r="DT4" s="708"/>
      <c r="DU4" s="708"/>
      <c r="DV4" s="708"/>
      <c r="DW4" s="708"/>
      <c r="DX4" s="708"/>
      <c r="DY4" s="708"/>
      <c r="DZ4" s="708"/>
      <c r="EA4" s="708"/>
      <c r="EB4" s="708"/>
      <c r="EC4" s="708"/>
      <c r="ED4" s="708"/>
      <c r="EE4" s="708"/>
      <c r="EF4" s="708"/>
      <c r="EG4" s="708"/>
      <c r="EH4" s="708"/>
      <c r="EI4" s="708"/>
      <c r="EJ4" s="708"/>
      <c r="EK4" s="708"/>
      <c r="EL4" s="708"/>
      <c r="EM4" s="708"/>
      <c r="EN4" s="708"/>
      <c r="EO4" s="708"/>
      <c r="EP4" s="708"/>
      <c r="EQ4" s="708"/>
      <c r="ER4" s="708"/>
      <c r="ES4" s="708"/>
      <c r="ET4" s="708"/>
      <c r="EU4" s="708"/>
      <c r="EV4" s="708"/>
      <c r="EW4" s="708"/>
      <c r="EX4" s="708"/>
      <c r="EY4" s="708"/>
      <c r="EZ4" s="708"/>
      <c r="FA4" s="708"/>
      <c r="FB4" s="708"/>
      <c r="FC4" s="708"/>
      <c r="FD4" s="708"/>
      <c r="FE4" s="708"/>
      <c r="FF4" s="708"/>
      <c r="FG4" s="708"/>
      <c r="FH4" s="708"/>
      <c r="FI4" s="708"/>
      <c r="FJ4" s="708"/>
      <c r="FK4" s="708"/>
      <c r="FL4" s="708"/>
      <c r="FM4" s="708"/>
      <c r="FN4" s="708"/>
      <c r="FO4" s="708"/>
      <c r="FP4" s="708"/>
      <c r="FQ4" s="708"/>
      <c r="FR4" s="708"/>
      <c r="FS4" s="708"/>
      <c r="FT4" s="708"/>
      <c r="FU4" s="708"/>
      <c r="FV4" s="708"/>
      <c r="FW4" s="708"/>
      <c r="FX4" s="708"/>
      <c r="FY4" s="708"/>
      <c r="FZ4" s="708"/>
      <c r="GA4" s="708"/>
      <c r="GB4" s="708"/>
      <c r="GC4" s="708"/>
      <c r="GD4" s="708"/>
      <c r="GE4" s="708"/>
      <c r="GF4" s="708"/>
      <c r="GG4" s="708"/>
      <c r="GH4" s="708"/>
      <c r="GI4" s="708"/>
      <c r="GJ4" s="708"/>
      <c r="GK4" s="708"/>
      <c r="GL4" s="708"/>
      <c r="GM4" s="708"/>
      <c r="GN4" s="708"/>
      <c r="GO4" s="708"/>
      <c r="GP4" s="708"/>
      <c r="GQ4" s="708"/>
      <c r="GR4" s="708"/>
      <c r="GS4" s="708"/>
      <c r="GT4" s="708"/>
      <c r="GU4" s="708"/>
      <c r="GV4" s="708"/>
      <c r="GW4" s="708"/>
      <c r="GX4" s="708"/>
      <c r="GY4" s="708"/>
      <c r="GZ4" s="708"/>
      <c r="HA4" s="708"/>
      <c r="HB4" s="708"/>
      <c r="HC4" s="708"/>
      <c r="HD4" s="708"/>
      <c r="HE4" s="708"/>
      <c r="HF4" s="708"/>
      <c r="HG4" s="708"/>
      <c r="HH4" s="708"/>
      <c r="HI4" s="708"/>
      <c r="HJ4" s="708"/>
      <c r="HK4" s="708"/>
      <c r="HL4" s="708"/>
      <c r="HM4" s="708"/>
      <c r="HN4" s="708"/>
      <c r="HO4" s="708"/>
      <c r="HP4" s="708"/>
      <c r="HQ4" s="708"/>
      <c r="HR4" s="708"/>
      <c r="HS4" s="708"/>
      <c r="HT4" s="708"/>
      <c r="HU4" s="708"/>
      <c r="HV4" s="708"/>
      <c r="HW4" s="708"/>
      <c r="HX4" s="709"/>
      <c r="HY4" s="602" t="s">
        <v>85</v>
      </c>
      <c r="HZ4" s="603"/>
      <c r="IA4" s="603"/>
      <c r="IB4" s="603"/>
      <c r="IC4" s="603"/>
      <c r="ID4" s="603"/>
      <c r="IE4" s="603"/>
      <c r="IF4" s="603"/>
      <c r="IG4" s="603"/>
      <c r="IH4" s="603"/>
      <c r="II4" s="603"/>
      <c r="IJ4" s="603"/>
      <c r="IK4" s="603"/>
      <c r="IL4" s="603"/>
      <c r="IM4" s="603"/>
      <c r="IN4" s="603"/>
      <c r="IO4" s="603"/>
      <c r="IP4" s="603"/>
      <c r="IQ4" s="603"/>
      <c r="IR4" s="603"/>
      <c r="IS4" s="603"/>
      <c r="IT4" s="603"/>
      <c r="IU4" s="603"/>
      <c r="IV4" s="603"/>
      <c r="IW4" s="603"/>
      <c r="IX4" s="603"/>
      <c r="IY4" s="603"/>
      <c r="IZ4" s="603"/>
      <c r="JA4" s="603"/>
      <c r="JB4" s="603"/>
      <c r="JC4" s="603"/>
      <c r="JD4" s="603"/>
      <c r="JE4" s="603"/>
      <c r="JF4" s="603"/>
      <c r="JG4" s="603"/>
      <c r="JH4" s="603"/>
      <c r="JI4" s="603"/>
      <c r="JJ4" s="603"/>
      <c r="JK4" s="603"/>
      <c r="JL4" s="603"/>
      <c r="JM4" s="603"/>
      <c r="JN4" s="603"/>
      <c r="JO4" s="603"/>
      <c r="JP4" s="603"/>
      <c r="JQ4" s="603"/>
      <c r="JR4" s="603"/>
      <c r="JS4" s="603"/>
      <c r="JT4" s="603"/>
      <c r="JU4" s="603"/>
      <c r="JV4" s="603"/>
      <c r="JW4" s="603"/>
      <c r="JX4" s="603"/>
      <c r="JY4" s="603"/>
      <c r="JZ4" s="603"/>
      <c r="KA4" s="603"/>
      <c r="KB4" s="603"/>
      <c r="KC4" s="603"/>
      <c r="KD4" s="603"/>
      <c r="KE4" s="603"/>
      <c r="KF4" s="603"/>
      <c r="KG4" s="603"/>
      <c r="KH4" s="603"/>
      <c r="KI4" s="603"/>
      <c r="KJ4" s="603"/>
      <c r="KK4" s="603"/>
      <c r="KL4" s="603"/>
      <c r="KM4" s="603"/>
      <c r="KN4" s="603"/>
      <c r="KO4" s="603"/>
      <c r="KP4" s="603"/>
      <c r="KQ4" s="603"/>
      <c r="KR4" s="603"/>
      <c r="KS4" s="603"/>
      <c r="KT4" s="603"/>
      <c r="KU4" s="603"/>
      <c r="KV4" s="603"/>
      <c r="KW4" s="603"/>
      <c r="KX4" s="603"/>
      <c r="KY4" s="603"/>
      <c r="KZ4" s="603"/>
      <c r="LA4" s="603"/>
      <c r="LB4" s="603"/>
      <c r="LC4" s="603"/>
      <c r="LD4" s="603"/>
      <c r="LE4" s="603"/>
      <c r="LF4" s="603"/>
      <c r="LG4" s="603"/>
      <c r="LH4" s="603"/>
      <c r="LI4" s="603"/>
      <c r="LJ4" s="603"/>
      <c r="LK4" s="603"/>
      <c r="LL4" s="603"/>
      <c r="LM4" s="603"/>
      <c r="LN4" s="603"/>
      <c r="LO4" s="603"/>
      <c r="LP4" s="603"/>
      <c r="LQ4" s="603"/>
      <c r="LR4" s="603"/>
      <c r="LS4" s="603"/>
      <c r="LT4" s="603"/>
      <c r="LU4" s="603"/>
      <c r="LV4" s="603"/>
      <c r="LW4" s="603"/>
      <c r="LX4" s="603"/>
      <c r="LY4" s="603"/>
      <c r="LZ4" s="603"/>
      <c r="MA4" s="603"/>
      <c r="MB4" s="603"/>
      <c r="MC4" s="603"/>
      <c r="MD4" s="604"/>
      <c r="ME4" s="602" t="s">
        <v>86</v>
      </c>
      <c r="MF4" s="603"/>
      <c r="MG4" s="603"/>
      <c r="MH4" s="603"/>
      <c r="MI4" s="603"/>
      <c r="MJ4" s="603"/>
      <c r="MK4" s="603"/>
      <c r="ML4" s="603"/>
      <c r="MM4" s="603"/>
      <c r="MN4" s="603"/>
      <c r="MO4" s="603"/>
      <c r="MP4" s="603"/>
      <c r="MQ4" s="603"/>
      <c r="MR4" s="603"/>
      <c r="MS4" s="603"/>
      <c r="MT4" s="603"/>
      <c r="MU4" s="603"/>
      <c r="MV4" s="603"/>
      <c r="MW4" s="603"/>
      <c r="MX4" s="603"/>
      <c r="MY4" s="603"/>
      <c r="MZ4" s="603"/>
      <c r="NA4" s="603"/>
      <c r="NB4" s="603"/>
      <c r="NC4" s="603"/>
      <c r="ND4" s="603"/>
      <c r="NE4" s="603"/>
      <c r="NF4" s="603"/>
      <c r="NG4" s="603"/>
      <c r="NH4" s="603"/>
      <c r="NI4" s="603"/>
      <c r="NJ4" s="603"/>
      <c r="NK4" s="603"/>
      <c r="NL4" s="603"/>
      <c r="NM4" s="603"/>
      <c r="NN4" s="603"/>
      <c r="NO4" s="603"/>
      <c r="NP4" s="603"/>
      <c r="NQ4" s="603"/>
      <c r="NR4" s="603"/>
      <c r="NS4" s="603"/>
      <c r="NT4" s="603"/>
      <c r="NU4" s="603"/>
      <c r="NV4" s="603"/>
      <c r="NW4" s="603"/>
      <c r="NX4" s="603"/>
      <c r="NY4" s="603"/>
      <c r="NZ4" s="603"/>
      <c r="OA4" s="603"/>
      <c r="OB4" s="603"/>
      <c r="OC4" s="603"/>
      <c r="OD4" s="603"/>
      <c r="OE4" s="603"/>
      <c r="OF4" s="603"/>
      <c r="OG4" s="604"/>
      <c r="OH4" s="593" t="s">
        <v>60</v>
      </c>
      <c r="OI4" s="497"/>
      <c r="OJ4" s="497"/>
      <c r="OK4" s="497"/>
      <c r="OL4" s="497"/>
      <c r="OM4" s="497"/>
      <c r="ON4" s="497"/>
      <c r="OO4" s="497"/>
      <c r="OP4" s="497"/>
      <c r="OQ4" s="497"/>
      <c r="OR4" s="498"/>
    </row>
    <row r="5" spans="1:408" ht="18" customHeight="1" thickBot="1" x14ac:dyDescent="0.25">
      <c r="A5" s="703"/>
      <c r="B5" s="706"/>
      <c r="C5" s="706"/>
      <c r="D5" s="706"/>
      <c r="E5" s="706"/>
      <c r="F5" s="706"/>
      <c r="G5" s="706"/>
      <c r="H5" s="706"/>
      <c r="I5" s="706"/>
      <c r="J5" s="706"/>
      <c r="K5" s="706"/>
      <c r="L5" s="706"/>
      <c r="M5" s="710" t="s">
        <v>64</v>
      </c>
      <c r="N5" s="711"/>
      <c r="O5" s="711"/>
      <c r="P5" s="711"/>
      <c r="Q5" s="711"/>
      <c r="R5" s="711"/>
      <c r="S5" s="711"/>
      <c r="T5" s="711"/>
      <c r="U5" s="711"/>
      <c r="V5" s="711"/>
      <c r="W5" s="711"/>
      <c r="X5" s="711"/>
      <c r="Y5" s="711"/>
      <c r="Z5" s="711"/>
      <c r="AA5" s="711"/>
      <c r="AB5" s="711"/>
      <c r="AC5" s="711"/>
      <c r="AD5" s="711"/>
      <c r="AE5" s="711"/>
      <c r="AF5" s="711"/>
      <c r="AG5" s="711"/>
      <c r="AH5" s="711"/>
      <c r="AI5" s="711"/>
      <c r="AJ5" s="711"/>
      <c r="AK5" s="711"/>
      <c r="AL5" s="711"/>
      <c r="AM5" s="711"/>
      <c r="AN5" s="711"/>
      <c r="AO5" s="711"/>
      <c r="AP5" s="711"/>
      <c r="AQ5" s="711"/>
      <c r="AR5" s="711"/>
      <c r="AS5" s="711"/>
      <c r="AT5" s="711"/>
      <c r="AU5" s="711"/>
      <c r="AV5" s="711"/>
      <c r="AW5" s="711"/>
      <c r="AX5" s="711"/>
      <c r="AY5" s="711"/>
      <c r="AZ5" s="711"/>
      <c r="BA5" s="711"/>
      <c r="BB5" s="711"/>
      <c r="BC5" s="711"/>
      <c r="BD5" s="711"/>
      <c r="BE5" s="711"/>
      <c r="BF5" s="711"/>
      <c r="BG5" s="711"/>
      <c r="BH5" s="711"/>
      <c r="BI5" s="711"/>
      <c r="BJ5" s="711"/>
      <c r="BK5" s="711"/>
      <c r="BL5" s="711"/>
      <c r="BM5" s="711"/>
      <c r="BN5" s="711"/>
      <c r="BO5" s="711"/>
      <c r="BP5" s="711"/>
      <c r="BQ5" s="711"/>
      <c r="BR5" s="711"/>
      <c r="BS5" s="711"/>
      <c r="BT5" s="711"/>
      <c r="BU5" s="711"/>
      <c r="BV5" s="711"/>
      <c r="BW5" s="711"/>
      <c r="BX5" s="711"/>
      <c r="BY5" s="711"/>
      <c r="BZ5" s="712"/>
      <c r="CA5" s="710" t="s">
        <v>65</v>
      </c>
      <c r="CB5" s="711"/>
      <c r="CC5" s="711"/>
      <c r="CD5" s="711"/>
      <c r="CE5" s="711"/>
      <c r="CF5" s="711"/>
      <c r="CG5" s="711"/>
      <c r="CH5" s="711"/>
      <c r="CI5" s="711"/>
      <c r="CJ5" s="711"/>
      <c r="CK5" s="711"/>
      <c r="CL5" s="711"/>
      <c r="CM5" s="711"/>
      <c r="CN5" s="711"/>
      <c r="CO5" s="711"/>
      <c r="CP5" s="711"/>
      <c r="CQ5" s="711"/>
      <c r="CR5" s="711"/>
      <c r="CS5" s="711"/>
      <c r="CT5" s="711"/>
      <c r="CU5" s="711"/>
      <c r="CV5" s="711"/>
      <c r="CW5" s="711"/>
      <c r="CX5" s="711"/>
      <c r="CY5" s="711"/>
      <c r="CZ5" s="711"/>
      <c r="DA5" s="711"/>
      <c r="DB5" s="711"/>
      <c r="DC5" s="711"/>
      <c r="DD5" s="711"/>
      <c r="DE5" s="711"/>
      <c r="DF5" s="711"/>
      <c r="DG5" s="712"/>
      <c r="DH5" s="514" t="s">
        <v>66</v>
      </c>
      <c r="DI5" s="515"/>
      <c r="DJ5" s="515"/>
      <c r="DK5" s="515"/>
      <c r="DL5" s="515"/>
      <c r="DM5" s="515"/>
      <c r="DN5" s="515"/>
      <c r="DO5" s="515"/>
      <c r="DP5" s="515"/>
      <c r="DQ5" s="515"/>
      <c r="DR5" s="515"/>
      <c r="DS5" s="515"/>
      <c r="DT5" s="515"/>
      <c r="DU5" s="515"/>
      <c r="DV5" s="515"/>
      <c r="DW5" s="515"/>
      <c r="DX5" s="515"/>
      <c r="DY5" s="515"/>
      <c r="DZ5" s="515"/>
      <c r="EA5" s="515"/>
      <c r="EB5" s="515"/>
      <c r="EC5" s="515"/>
      <c r="ED5" s="515"/>
      <c r="EE5" s="515"/>
      <c r="EF5" s="515"/>
      <c r="EG5" s="515"/>
      <c r="EH5" s="515"/>
      <c r="EI5" s="515"/>
      <c r="EJ5" s="515"/>
      <c r="EK5" s="515"/>
      <c r="EL5" s="515"/>
      <c r="EM5" s="515"/>
      <c r="EN5" s="515"/>
      <c r="EO5" s="515"/>
      <c r="EP5" s="515"/>
      <c r="EQ5" s="515"/>
      <c r="ER5" s="515"/>
      <c r="ES5" s="515"/>
      <c r="ET5" s="515"/>
      <c r="EU5" s="515"/>
      <c r="EV5" s="515"/>
      <c r="EW5" s="515"/>
      <c r="EX5" s="515"/>
      <c r="EY5" s="515"/>
      <c r="EZ5" s="515"/>
      <c r="FA5" s="515"/>
      <c r="FB5" s="515"/>
      <c r="FC5" s="515"/>
      <c r="FD5" s="515"/>
      <c r="FE5" s="515"/>
      <c r="FF5" s="515"/>
      <c r="FG5" s="515"/>
      <c r="FH5" s="515"/>
      <c r="FI5" s="515"/>
      <c r="FJ5" s="516"/>
      <c r="FK5" s="710" t="s">
        <v>67</v>
      </c>
      <c r="FL5" s="711"/>
      <c r="FM5" s="711"/>
      <c r="FN5" s="711"/>
      <c r="FO5" s="711"/>
      <c r="FP5" s="711"/>
      <c r="FQ5" s="711"/>
      <c r="FR5" s="711"/>
      <c r="FS5" s="711"/>
      <c r="FT5" s="711"/>
      <c r="FU5" s="711"/>
      <c r="FV5" s="711"/>
      <c r="FW5" s="711"/>
      <c r="FX5" s="711"/>
      <c r="FY5" s="711"/>
      <c r="FZ5" s="711"/>
      <c r="GA5" s="711"/>
      <c r="GB5" s="711"/>
      <c r="GC5" s="711"/>
      <c r="GD5" s="711"/>
      <c r="GE5" s="711"/>
      <c r="GF5" s="711"/>
      <c r="GG5" s="711"/>
      <c r="GH5" s="711"/>
      <c r="GI5" s="711"/>
      <c r="GJ5" s="711"/>
      <c r="GK5" s="711"/>
      <c r="GL5" s="711"/>
      <c r="GM5" s="711"/>
      <c r="GN5" s="711"/>
      <c r="GO5" s="711"/>
      <c r="GP5" s="711"/>
      <c r="GQ5" s="711"/>
      <c r="GR5" s="711"/>
      <c r="GS5" s="711"/>
      <c r="GT5" s="711"/>
      <c r="GU5" s="711"/>
      <c r="GV5" s="711"/>
      <c r="GW5" s="711"/>
      <c r="GX5" s="711"/>
      <c r="GY5" s="711"/>
      <c r="GZ5" s="711"/>
      <c r="HA5" s="711"/>
      <c r="HB5" s="712"/>
      <c r="HC5" s="713" t="s">
        <v>68</v>
      </c>
      <c r="HD5" s="714"/>
      <c r="HE5" s="714"/>
      <c r="HF5" s="714"/>
      <c r="HG5" s="714"/>
      <c r="HH5" s="714"/>
      <c r="HI5" s="714"/>
      <c r="HJ5" s="714"/>
      <c r="HK5" s="714"/>
      <c r="HL5" s="714"/>
      <c r="HM5" s="715"/>
      <c r="HN5" s="713" t="s">
        <v>69</v>
      </c>
      <c r="HO5" s="714"/>
      <c r="HP5" s="714"/>
      <c r="HQ5" s="714"/>
      <c r="HR5" s="714"/>
      <c r="HS5" s="714"/>
      <c r="HT5" s="714"/>
      <c r="HU5" s="714"/>
      <c r="HV5" s="714"/>
      <c r="HW5" s="714"/>
      <c r="HX5" s="715"/>
      <c r="HY5" s="655"/>
      <c r="HZ5" s="656"/>
      <c r="IA5" s="656"/>
      <c r="IB5" s="656"/>
      <c r="IC5" s="656"/>
      <c r="ID5" s="656"/>
      <c r="IE5" s="656"/>
      <c r="IF5" s="656"/>
      <c r="IG5" s="656"/>
      <c r="IH5" s="656"/>
      <c r="II5" s="657"/>
      <c r="IJ5" s="593" t="s">
        <v>94</v>
      </c>
      <c r="IK5" s="497"/>
      <c r="IL5" s="497"/>
      <c r="IM5" s="497"/>
      <c r="IN5" s="497"/>
      <c r="IO5" s="497"/>
      <c r="IP5" s="497"/>
      <c r="IQ5" s="497"/>
      <c r="IR5" s="497"/>
      <c r="IS5" s="497"/>
      <c r="IT5" s="498"/>
      <c r="IU5" s="593" t="s">
        <v>88</v>
      </c>
      <c r="IV5" s="497"/>
      <c r="IW5" s="497"/>
      <c r="IX5" s="497"/>
      <c r="IY5" s="497"/>
      <c r="IZ5" s="497"/>
      <c r="JA5" s="497"/>
      <c r="JB5" s="497"/>
      <c r="JC5" s="497"/>
      <c r="JD5" s="497"/>
      <c r="JE5" s="498"/>
      <c r="JF5" s="658" t="s">
        <v>144</v>
      </c>
      <c r="JG5" s="659"/>
      <c r="JH5" s="659"/>
      <c r="JI5" s="659"/>
      <c r="JJ5" s="659"/>
      <c r="JK5" s="659"/>
      <c r="JL5" s="659"/>
      <c r="JM5" s="659"/>
      <c r="JN5" s="659"/>
      <c r="JO5" s="659"/>
      <c r="JP5" s="660"/>
      <c r="JQ5" s="593" t="s">
        <v>90</v>
      </c>
      <c r="JR5" s="497"/>
      <c r="JS5" s="497"/>
      <c r="JT5" s="497"/>
      <c r="JU5" s="497"/>
      <c r="JV5" s="497"/>
      <c r="JW5" s="497"/>
      <c r="JX5" s="497"/>
      <c r="JY5" s="497"/>
      <c r="JZ5" s="497"/>
      <c r="KA5" s="498"/>
      <c r="KB5" s="593" t="s">
        <v>89</v>
      </c>
      <c r="KC5" s="497"/>
      <c r="KD5" s="497"/>
      <c r="KE5" s="497"/>
      <c r="KF5" s="497"/>
      <c r="KG5" s="497"/>
      <c r="KH5" s="497"/>
      <c r="KI5" s="497"/>
      <c r="KJ5" s="497"/>
      <c r="KK5" s="497"/>
      <c r="KL5" s="498"/>
      <c r="KM5" s="593" t="s">
        <v>91</v>
      </c>
      <c r="KN5" s="497"/>
      <c r="KO5" s="497"/>
      <c r="KP5" s="497"/>
      <c r="KQ5" s="497"/>
      <c r="KR5" s="497"/>
      <c r="KS5" s="497"/>
      <c r="KT5" s="497"/>
      <c r="KU5" s="497"/>
      <c r="KV5" s="497"/>
      <c r="KW5" s="498"/>
      <c r="KX5" s="593" t="s">
        <v>92</v>
      </c>
      <c r="KY5" s="497"/>
      <c r="KZ5" s="497"/>
      <c r="LA5" s="497"/>
      <c r="LB5" s="497"/>
      <c r="LC5" s="497"/>
      <c r="LD5" s="497"/>
      <c r="LE5" s="497"/>
      <c r="LF5" s="497"/>
      <c r="LG5" s="497"/>
      <c r="LH5" s="498"/>
      <c r="LI5" s="664" t="s">
        <v>93</v>
      </c>
      <c r="LJ5" s="665"/>
      <c r="LK5" s="665"/>
      <c r="LL5" s="665"/>
      <c r="LM5" s="665"/>
      <c r="LN5" s="665"/>
      <c r="LO5" s="665"/>
      <c r="LP5" s="665"/>
      <c r="LQ5" s="665"/>
      <c r="LR5" s="665"/>
      <c r="LS5" s="666"/>
      <c r="LT5" s="667" t="s">
        <v>145</v>
      </c>
      <c r="LU5" s="668"/>
      <c r="LV5" s="668"/>
      <c r="LW5" s="668"/>
      <c r="LX5" s="668"/>
      <c r="LY5" s="668"/>
      <c r="LZ5" s="668"/>
      <c r="MA5" s="668"/>
      <c r="MB5" s="668"/>
      <c r="MC5" s="668"/>
      <c r="MD5" s="669"/>
      <c r="ME5" s="655"/>
      <c r="MF5" s="656"/>
      <c r="MG5" s="656"/>
      <c r="MH5" s="656"/>
      <c r="MI5" s="656"/>
      <c r="MJ5" s="656"/>
      <c r="MK5" s="656"/>
      <c r="ML5" s="656"/>
      <c r="MM5" s="656"/>
      <c r="MN5" s="656"/>
      <c r="MO5" s="657"/>
      <c r="MP5" s="593" t="s">
        <v>57</v>
      </c>
      <c r="MQ5" s="497"/>
      <c r="MR5" s="497"/>
      <c r="MS5" s="497"/>
      <c r="MT5" s="497"/>
      <c r="MU5" s="497"/>
      <c r="MV5" s="497"/>
      <c r="MW5" s="497"/>
      <c r="MX5" s="497"/>
      <c r="MY5" s="497"/>
      <c r="MZ5" s="498"/>
      <c r="NA5" s="593" t="s">
        <v>58</v>
      </c>
      <c r="NB5" s="497"/>
      <c r="NC5" s="497"/>
      <c r="ND5" s="497"/>
      <c r="NE5" s="497"/>
      <c r="NF5" s="497"/>
      <c r="NG5" s="497"/>
      <c r="NH5" s="497"/>
      <c r="NI5" s="497"/>
      <c r="NJ5" s="497"/>
      <c r="NK5" s="498"/>
      <c r="NL5" s="593" t="s">
        <v>59</v>
      </c>
      <c r="NM5" s="497"/>
      <c r="NN5" s="497"/>
      <c r="NO5" s="497"/>
      <c r="NP5" s="497"/>
      <c r="NQ5" s="497"/>
      <c r="NR5" s="497"/>
      <c r="NS5" s="497"/>
      <c r="NT5" s="497"/>
      <c r="NU5" s="497"/>
      <c r="NV5" s="498"/>
      <c r="NW5" s="645" t="s">
        <v>151</v>
      </c>
      <c r="NX5" s="646"/>
      <c r="NY5" s="646"/>
      <c r="NZ5" s="646"/>
      <c r="OA5" s="646"/>
      <c r="OB5" s="646"/>
      <c r="OC5" s="646"/>
      <c r="OD5" s="646"/>
      <c r="OE5" s="646"/>
      <c r="OF5" s="646"/>
      <c r="OG5" s="647"/>
      <c r="OH5" s="652"/>
      <c r="OI5" s="653"/>
      <c r="OJ5" s="653"/>
      <c r="OK5" s="653"/>
      <c r="OL5" s="653"/>
      <c r="OM5" s="653"/>
      <c r="ON5" s="653"/>
      <c r="OO5" s="653"/>
      <c r="OP5" s="653"/>
      <c r="OQ5" s="653"/>
      <c r="OR5" s="654"/>
    </row>
    <row r="6" spans="1:408" ht="18" customHeight="1" thickBot="1" x14ac:dyDescent="0.25">
      <c r="A6" s="703"/>
      <c r="B6" s="707"/>
      <c r="C6" s="707"/>
      <c r="D6" s="707"/>
      <c r="E6" s="707"/>
      <c r="F6" s="707"/>
      <c r="G6" s="707"/>
      <c r="H6" s="707"/>
      <c r="I6" s="707"/>
      <c r="J6" s="707"/>
      <c r="K6" s="707"/>
      <c r="L6" s="707"/>
      <c r="M6" s="506"/>
      <c r="N6" s="507"/>
      <c r="O6" s="507"/>
      <c r="P6" s="507"/>
      <c r="Q6" s="507"/>
      <c r="R6" s="507"/>
      <c r="S6" s="507"/>
      <c r="T6" s="507"/>
      <c r="U6" s="507"/>
      <c r="V6" s="507"/>
      <c r="W6" s="508"/>
      <c r="X6" s="695" t="s">
        <v>70</v>
      </c>
      <c r="Y6" s="510"/>
      <c r="Z6" s="510"/>
      <c r="AA6" s="510"/>
      <c r="AB6" s="510"/>
      <c r="AC6" s="510"/>
      <c r="AD6" s="510"/>
      <c r="AE6" s="510"/>
      <c r="AF6" s="510"/>
      <c r="AG6" s="510"/>
      <c r="AH6" s="511"/>
      <c r="AI6" s="690" t="s">
        <v>71</v>
      </c>
      <c r="AJ6" s="691"/>
      <c r="AK6" s="691"/>
      <c r="AL6" s="691"/>
      <c r="AM6" s="691"/>
      <c r="AN6" s="691"/>
      <c r="AO6" s="691"/>
      <c r="AP6" s="691"/>
      <c r="AQ6" s="691"/>
      <c r="AR6" s="691"/>
      <c r="AS6" s="692"/>
      <c r="AT6" s="690" t="s">
        <v>72</v>
      </c>
      <c r="AU6" s="691"/>
      <c r="AV6" s="691"/>
      <c r="AW6" s="691"/>
      <c r="AX6" s="691"/>
      <c r="AY6" s="691"/>
      <c r="AZ6" s="691"/>
      <c r="BA6" s="691"/>
      <c r="BB6" s="691"/>
      <c r="BC6" s="691"/>
      <c r="BD6" s="692"/>
      <c r="BE6" s="690" t="s">
        <v>73</v>
      </c>
      <c r="BF6" s="691"/>
      <c r="BG6" s="691"/>
      <c r="BH6" s="691"/>
      <c r="BI6" s="691"/>
      <c r="BJ6" s="691"/>
      <c r="BK6" s="691"/>
      <c r="BL6" s="691"/>
      <c r="BM6" s="691"/>
      <c r="BN6" s="691"/>
      <c r="BO6" s="692"/>
      <c r="BP6" s="690" t="s">
        <v>74</v>
      </c>
      <c r="BQ6" s="691"/>
      <c r="BR6" s="691"/>
      <c r="BS6" s="691"/>
      <c r="BT6" s="691"/>
      <c r="BU6" s="691"/>
      <c r="BV6" s="691"/>
      <c r="BW6" s="691"/>
      <c r="BX6" s="691"/>
      <c r="BY6" s="691"/>
      <c r="BZ6" s="692"/>
      <c r="CA6" s="693"/>
      <c r="CB6" s="694"/>
      <c r="CC6" s="694"/>
      <c r="CD6" s="694"/>
      <c r="CE6" s="694"/>
      <c r="CF6" s="694"/>
      <c r="CG6" s="694"/>
      <c r="CH6" s="694"/>
      <c r="CI6" s="694"/>
      <c r="CJ6" s="694"/>
      <c r="CK6" s="719"/>
      <c r="CL6" s="690" t="s">
        <v>75</v>
      </c>
      <c r="CM6" s="691"/>
      <c r="CN6" s="691"/>
      <c r="CO6" s="691"/>
      <c r="CP6" s="691"/>
      <c r="CQ6" s="691"/>
      <c r="CR6" s="691"/>
      <c r="CS6" s="691"/>
      <c r="CT6" s="691"/>
      <c r="CU6" s="691"/>
      <c r="CV6" s="692"/>
      <c r="CW6" s="690" t="s">
        <v>76</v>
      </c>
      <c r="CX6" s="691"/>
      <c r="CY6" s="691"/>
      <c r="CZ6" s="691"/>
      <c r="DA6" s="691"/>
      <c r="DB6" s="691"/>
      <c r="DC6" s="691"/>
      <c r="DD6" s="691"/>
      <c r="DE6" s="691"/>
      <c r="DF6" s="691"/>
      <c r="DG6" s="692"/>
      <c r="DH6" s="693"/>
      <c r="DI6" s="694"/>
      <c r="DJ6" s="694"/>
      <c r="DK6" s="694"/>
      <c r="DL6" s="694"/>
      <c r="DM6" s="694"/>
      <c r="DN6" s="694"/>
      <c r="DO6" s="694"/>
      <c r="DP6" s="694"/>
      <c r="DQ6" s="694"/>
      <c r="DR6" s="694"/>
      <c r="DS6" s="690" t="s">
        <v>77</v>
      </c>
      <c r="DT6" s="691"/>
      <c r="DU6" s="691"/>
      <c r="DV6" s="691"/>
      <c r="DW6" s="691"/>
      <c r="DX6" s="691"/>
      <c r="DY6" s="691"/>
      <c r="DZ6" s="691"/>
      <c r="EA6" s="691"/>
      <c r="EB6" s="691"/>
      <c r="EC6" s="692"/>
      <c r="ED6" s="690" t="s">
        <v>78</v>
      </c>
      <c r="EE6" s="691"/>
      <c r="EF6" s="691"/>
      <c r="EG6" s="691"/>
      <c r="EH6" s="691"/>
      <c r="EI6" s="691"/>
      <c r="EJ6" s="691"/>
      <c r="EK6" s="691"/>
      <c r="EL6" s="691"/>
      <c r="EM6" s="691"/>
      <c r="EN6" s="692"/>
      <c r="EO6" s="690" t="s">
        <v>79</v>
      </c>
      <c r="EP6" s="691"/>
      <c r="EQ6" s="691"/>
      <c r="ER6" s="691"/>
      <c r="ES6" s="691"/>
      <c r="ET6" s="691"/>
      <c r="EU6" s="691"/>
      <c r="EV6" s="691"/>
      <c r="EW6" s="691"/>
      <c r="EX6" s="691"/>
      <c r="EY6" s="692"/>
      <c r="EZ6" s="612" t="s">
        <v>152</v>
      </c>
      <c r="FA6" s="691"/>
      <c r="FB6" s="691"/>
      <c r="FC6" s="691"/>
      <c r="FD6" s="691"/>
      <c r="FE6" s="691"/>
      <c r="FF6" s="691"/>
      <c r="FG6" s="691"/>
      <c r="FH6" s="691"/>
      <c r="FI6" s="691"/>
      <c r="FJ6" s="692"/>
      <c r="FK6" s="693"/>
      <c r="FL6" s="694"/>
      <c r="FM6" s="694"/>
      <c r="FN6" s="694"/>
      <c r="FO6" s="694"/>
      <c r="FP6" s="694"/>
      <c r="FQ6" s="694"/>
      <c r="FR6" s="694"/>
      <c r="FS6" s="694"/>
      <c r="FT6" s="694"/>
      <c r="FU6" s="694"/>
      <c r="FV6" s="690" t="s">
        <v>80</v>
      </c>
      <c r="FW6" s="691"/>
      <c r="FX6" s="691"/>
      <c r="FY6" s="691"/>
      <c r="FZ6" s="691"/>
      <c r="GA6" s="691"/>
      <c r="GB6" s="691"/>
      <c r="GC6" s="691"/>
      <c r="GD6" s="691"/>
      <c r="GE6" s="691"/>
      <c r="GF6" s="692"/>
      <c r="GG6" s="695" t="s">
        <v>81</v>
      </c>
      <c r="GH6" s="510"/>
      <c r="GI6" s="510"/>
      <c r="GJ6" s="510"/>
      <c r="GK6" s="510"/>
      <c r="GL6" s="510"/>
      <c r="GM6" s="510"/>
      <c r="GN6" s="510"/>
      <c r="GO6" s="510"/>
      <c r="GP6" s="510"/>
      <c r="GQ6" s="511"/>
      <c r="GR6" s="695" t="s">
        <v>82</v>
      </c>
      <c r="GS6" s="510"/>
      <c r="GT6" s="510"/>
      <c r="GU6" s="510"/>
      <c r="GV6" s="510"/>
      <c r="GW6" s="510"/>
      <c r="GX6" s="510"/>
      <c r="GY6" s="510"/>
      <c r="GZ6" s="510"/>
      <c r="HA6" s="510"/>
      <c r="HB6" s="511"/>
      <c r="HC6" s="716"/>
      <c r="HD6" s="717"/>
      <c r="HE6" s="717"/>
      <c r="HF6" s="717"/>
      <c r="HG6" s="717"/>
      <c r="HH6" s="717"/>
      <c r="HI6" s="717"/>
      <c r="HJ6" s="717"/>
      <c r="HK6" s="717"/>
      <c r="HL6" s="717"/>
      <c r="HM6" s="718"/>
      <c r="HN6" s="716"/>
      <c r="HO6" s="717"/>
      <c r="HP6" s="717"/>
      <c r="HQ6" s="717"/>
      <c r="HR6" s="717"/>
      <c r="HS6" s="717"/>
      <c r="HT6" s="717"/>
      <c r="HU6" s="717"/>
      <c r="HV6" s="717"/>
      <c r="HW6" s="717"/>
      <c r="HX6" s="718"/>
      <c r="HY6" s="606"/>
      <c r="HZ6" s="607"/>
      <c r="IA6" s="607"/>
      <c r="IB6" s="607"/>
      <c r="IC6" s="607"/>
      <c r="ID6" s="607"/>
      <c r="IE6" s="607"/>
      <c r="IF6" s="607"/>
      <c r="IG6" s="607"/>
      <c r="IH6" s="607"/>
      <c r="II6" s="608"/>
      <c r="IJ6" s="594"/>
      <c r="IK6" s="587"/>
      <c r="IL6" s="587"/>
      <c r="IM6" s="587"/>
      <c r="IN6" s="587"/>
      <c r="IO6" s="587"/>
      <c r="IP6" s="587"/>
      <c r="IQ6" s="587"/>
      <c r="IR6" s="587"/>
      <c r="IS6" s="587"/>
      <c r="IT6" s="595"/>
      <c r="IU6" s="594"/>
      <c r="IV6" s="587"/>
      <c r="IW6" s="587"/>
      <c r="IX6" s="587"/>
      <c r="IY6" s="587"/>
      <c r="IZ6" s="587"/>
      <c r="JA6" s="587"/>
      <c r="JB6" s="587"/>
      <c r="JC6" s="587"/>
      <c r="JD6" s="587"/>
      <c r="JE6" s="595"/>
      <c r="JF6" s="661"/>
      <c r="JG6" s="662"/>
      <c r="JH6" s="662"/>
      <c r="JI6" s="662"/>
      <c r="JJ6" s="662"/>
      <c r="JK6" s="662"/>
      <c r="JL6" s="662"/>
      <c r="JM6" s="662"/>
      <c r="JN6" s="662"/>
      <c r="JO6" s="662"/>
      <c r="JP6" s="663"/>
      <c r="JQ6" s="594"/>
      <c r="JR6" s="587"/>
      <c r="JS6" s="587"/>
      <c r="JT6" s="587"/>
      <c r="JU6" s="587"/>
      <c r="JV6" s="587"/>
      <c r="JW6" s="587"/>
      <c r="JX6" s="587"/>
      <c r="JY6" s="587"/>
      <c r="JZ6" s="587"/>
      <c r="KA6" s="595"/>
      <c r="KB6" s="594"/>
      <c r="KC6" s="587"/>
      <c r="KD6" s="587"/>
      <c r="KE6" s="587"/>
      <c r="KF6" s="587"/>
      <c r="KG6" s="587"/>
      <c r="KH6" s="587"/>
      <c r="KI6" s="587"/>
      <c r="KJ6" s="587"/>
      <c r="KK6" s="587"/>
      <c r="KL6" s="595"/>
      <c r="KM6" s="594"/>
      <c r="KN6" s="587"/>
      <c r="KO6" s="587"/>
      <c r="KP6" s="587"/>
      <c r="KQ6" s="587"/>
      <c r="KR6" s="587"/>
      <c r="KS6" s="587"/>
      <c r="KT6" s="587"/>
      <c r="KU6" s="587"/>
      <c r="KV6" s="587"/>
      <c r="KW6" s="595"/>
      <c r="KX6" s="594"/>
      <c r="KY6" s="587"/>
      <c r="KZ6" s="587"/>
      <c r="LA6" s="587"/>
      <c r="LB6" s="587"/>
      <c r="LC6" s="587"/>
      <c r="LD6" s="587"/>
      <c r="LE6" s="587"/>
      <c r="LF6" s="587"/>
      <c r="LG6" s="587"/>
      <c r="LH6" s="595"/>
      <c r="LI6" s="606"/>
      <c r="LJ6" s="607"/>
      <c r="LK6" s="607"/>
      <c r="LL6" s="607"/>
      <c r="LM6" s="607"/>
      <c r="LN6" s="607"/>
      <c r="LO6" s="607"/>
      <c r="LP6" s="607"/>
      <c r="LQ6" s="607"/>
      <c r="LR6" s="607"/>
      <c r="LS6" s="608"/>
      <c r="LT6" s="670"/>
      <c r="LU6" s="671"/>
      <c r="LV6" s="671"/>
      <c r="LW6" s="671"/>
      <c r="LX6" s="671"/>
      <c r="LY6" s="671"/>
      <c r="LZ6" s="671"/>
      <c r="MA6" s="671"/>
      <c r="MB6" s="671"/>
      <c r="MC6" s="671"/>
      <c r="MD6" s="672"/>
      <c r="ME6" s="606"/>
      <c r="MF6" s="607"/>
      <c r="MG6" s="607"/>
      <c r="MH6" s="607"/>
      <c r="MI6" s="607"/>
      <c r="MJ6" s="607"/>
      <c r="MK6" s="607"/>
      <c r="ML6" s="607"/>
      <c r="MM6" s="607"/>
      <c r="MN6" s="607"/>
      <c r="MO6" s="608"/>
      <c r="MP6" s="594"/>
      <c r="MQ6" s="587"/>
      <c r="MR6" s="587"/>
      <c r="MS6" s="587"/>
      <c r="MT6" s="587"/>
      <c r="MU6" s="587"/>
      <c r="MV6" s="587"/>
      <c r="MW6" s="587"/>
      <c r="MX6" s="587"/>
      <c r="MY6" s="587"/>
      <c r="MZ6" s="595"/>
      <c r="NA6" s="594"/>
      <c r="NB6" s="587"/>
      <c r="NC6" s="587"/>
      <c r="ND6" s="587"/>
      <c r="NE6" s="587"/>
      <c r="NF6" s="587"/>
      <c r="NG6" s="587"/>
      <c r="NH6" s="587"/>
      <c r="NI6" s="587"/>
      <c r="NJ6" s="587"/>
      <c r="NK6" s="595"/>
      <c r="NL6" s="594"/>
      <c r="NM6" s="587"/>
      <c r="NN6" s="587"/>
      <c r="NO6" s="587"/>
      <c r="NP6" s="587"/>
      <c r="NQ6" s="587"/>
      <c r="NR6" s="587"/>
      <c r="NS6" s="587"/>
      <c r="NT6" s="587"/>
      <c r="NU6" s="587"/>
      <c r="NV6" s="595"/>
      <c r="NW6" s="648"/>
      <c r="NX6" s="649"/>
      <c r="NY6" s="649"/>
      <c r="NZ6" s="649"/>
      <c r="OA6" s="649"/>
      <c r="OB6" s="649"/>
      <c r="OC6" s="649"/>
      <c r="OD6" s="649"/>
      <c r="OE6" s="649"/>
      <c r="OF6" s="649"/>
      <c r="OG6" s="650"/>
      <c r="OH6" s="594"/>
      <c r="OI6" s="587"/>
      <c r="OJ6" s="587"/>
      <c r="OK6" s="587"/>
      <c r="OL6" s="587"/>
      <c r="OM6" s="587"/>
      <c r="ON6" s="587"/>
      <c r="OO6" s="587"/>
      <c r="OP6" s="587"/>
      <c r="OQ6" s="587"/>
      <c r="OR6" s="595"/>
    </row>
    <row r="7" spans="1:408" ht="23.25" customHeight="1" x14ac:dyDescent="0.2">
      <c r="A7" s="703"/>
      <c r="B7" s="688" t="s">
        <v>61</v>
      </c>
      <c r="C7" s="688"/>
      <c r="D7" s="688"/>
      <c r="E7" s="700" t="s">
        <v>62</v>
      </c>
      <c r="F7" s="688"/>
      <c r="G7" s="688"/>
      <c r="H7" s="688"/>
      <c r="I7" s="688"/>
      <c r="J7" s="688"/>
      <c r="K7" s="688"/>
      <c r="L7" s="700" t="s">
        <v>52</v>
      </c>
      <c r="M7" s="699" t="s">
        <v>61</v>
      </c>
      <c r="N7" s="688"/>
      <c r="O7" s="688"/>
      <c r="P7" s="700" t="s">
        <v>62</v>
      </c>
      <c r="Q7" s="688"/>
      <c r="R7" s="688"/>
      <c r="S7" s="688"/>
      <c r="T7" s="688"/>
      <c r="U7" s="688"/>
      <c r="V7" s="701"/>
      <c r="W7" s="696" t="s">
        <v>52</v>
      </c>
      <c r="X7" s="506" t="s">
        <v>61</v>
      </c>
      <c r="Y7" s="507"/>
      <c r="Z7" s="682"/>
      <c r="AA7" s="681" t="s">
        <v>62</v>
      </c>
      <c r="AB7" s="507"/>
      <c r="AC7" s="507"/>
      <c r="AD7" s="507"/>
      <c r="AE7" s="507"/>
      <c r="AF7" s="507"/>
      <c r="AG7" s="682"/>
      <c r="AH7" s="508" t="s">
        <v>52</v>
      </c>
      <c r="AI7" s="676" t="s">
        <v>61</v>
      </c>
      <c r="AJ7" s="677"/>
      <c r="AK7" s="678"/>
      <c r="AL7" s="679" t="s">
        <v>62</v>
      </c>
      <c r="AM7" s="677"/>
      <c r="AN7" s="677"/>
      <c r="AO7" s="677"/>
      <c r="AP7" s="677"/>
      <c r="AQ7" s="677"/>
      <c r="AR7" s="680"/>
      <c r="AS7" s="508" t="s">
        <v>52</v>
      </c>
      <c r="AT7" s="676" t="s">
        <v>61</v>
      </c>
      <c r="AU7" s="677"/>
      <c r="AV7" s="678"/>
      <c r="AW7" s="679" t="s">
        <v>62</v>
      </c>
      <c r="AX7" s="677"/>
      <c r="AY7" s="677"/>
      <c r="AZ7" s="677"/>
      <c r="BA7" s="677"/>
      <c r="BB7" s="677"/>
      <c r="BC7" s="680"/>
      <c r="BD7" s="508" t="s">
        <v>52</v>
      </c>
      <c r="BE7" s="676" t="s">
        <v>61</v>
      </c>
      <c r="BF7" s="677"/>
      <c r="BG7" s="678"/>
      <c r="BH7" s="679" t="s">
        <v>62</v>
      </c>
      <c r="BI7" s="677"/>
      <c r="BJ7" s="677"/>
      <c r="BK7" s="677"/>
      <c r="BL7" s="677"/>
      <c r="BM7" s="677"/>
      <c r="BN7" s="680"/>
      <c r="BO7" s="508" t="s">
        <v>52</v>
      </c>
      <c r="BP7" s="676" t="s">
        <v>61</v>
      </c>
      <c r="BQ7" s="677"/>
      <c r="BR7" s="678"/>
      <c r="BS7" s="679" t="s">
        <v>62</v>
      </c>
      <c r="BT7" s="677"/>
      <c r="BU7" s="677"/>
      <c r="BV7" s="677"/>
      <c r="BW7" s="677"/>
      <c r="BX7" s="677"/>
      <c r="BY7" s="680"/>
      <c r="BZ7" s="508" t="s">
        <v>52</v>
      </c>
      <c r="CA7" s="683" t="s">
        <v>61</v>
      </c>
      <c r="CB7" s="684"/>
      <c r="CC7" s="685"/>
      <c r="CD7" s="686" t="s">
        <v>62</v>
      </c>
      <c r="CE7" s="684"/>
      <c r="CF7" s="684"/>
      <c r="CG7" s="684"/>
      <c r="CH7" s="684"/>
      <c r="CI7" s="684"/>
      <c r="CJ7" s="687"/>
      <c r="CK7" s="696" t="s">
        <v>52</v>
      </c>
      <c r="CL7" s="676" t="s">
        <v>61</v>
      </c>
      <c r="CM7" s="677"/>
      <c r="CN7" s="680"/>
      <c r="CO7" s="679" t="s">
        <v>62</v>
      </c>
      <c r="CP7" s="677"/>
      <c r="CQ7" s="677"/>
      <c r="CR7" s="677"/>
      <c r="CS7" s="677"/>
      <c r="CT7" s="677"/>
      <c r="CU7" s="680"/>
      <c r="CV7" s="698" t="s">
        <v>52</v>
      </c>
      <c r="CW7" s="676" t="s">
        <v>61</v>
      </c>
      <c r="CX7" s="677"/>
      <c r="CY7" s="680"/>
      <c r="CZ7" s="679" t="s">
        <v>62</v>
      </c>
      <c r="DA7" s="677"/>
      <c r="DB7" s="677"/>
      <c r="DC7" s="677"/>
      <c r="DD7" s="677"/>
      <c r="DE7" s="677"/>
      <c r="DF7" s="680"/>
      <c r="DG7" s="698" t="s">
        <v>52</v>
      </c>
      <c r="DH7" s="683" t="s">
        <v>61</v>
      </c>
      <c r="DI7" s="684"/>
      <c r="DJ7" s="687"/>
      <c r="DK7" s="686" t="s">
        <v>62</v>
      </c>
      <c r="DL7" s="684"/>
      <c r="DM7" s="684"/>
      <c r="DN7" s="684"/>
      <c r="DO7" s="684"/>
      <c r="DP7" s="684"/>
      <c r="DQ7" s="687"/>
      <c r="DR7" s="696" t="s">
        <v>52</v>
      </c>
      <c r="DS7" s="676" t="s">
        <v>61</v>
      </c>
      <c r="DT7" s="677"/>
      <c r="DU7" s="678"/>
      <c r="DV7" s="679" t="s">
        <v>62</v>
      </c>
      <c r="DW7" s="677"/>
      <c r="DX7" s="677"/>
      <c r="DY7" s="677"/>
      <c r="DZ7" s="677"/>
      <c r="EA7" s="677"/>
      <c r="EB7" s="680"/>
      <c r="EC7" s="508" t="s">
        <v>52</v>
      </c>
      <c r="ED7" s="676" t="s">
        <v>61</v>
      </c>
      <c r="EE7" s="677"/>
      <c r="EF7" s="678"/>
      <c r="EG7" s="679" t="s">
        <v>62</v>
      </c>
      <c r="EH7" s="677"/>
      <c r="EI7" s="677"/>
      <c r="EJ7" s="677"/>
      <c r="EK7" s="677"/>
      <c r="EL7" s="677"/>
      <c r="EM7" s="680"/>
      <c r="EN7" s="508" t="s">
        <v>52</v>
      </c>
      <c r="EO7" s="676" t="s">
        <v>61</v>
      </c>
      <c r="EP7" s="677"/>
      <c r="EQ7" s="678"/>
      <c r="ER7" s="679" t="s">
        <v>62</v>
      </c>
      <c r="ES7" s="677"/>
      <c r="ET7" s="677"/>
      <c r="EU7" s="677"/>
      <c r="EV7" s="677"/>
      <c r="EW7" s="677"/>
      <c r="EX7" s="680"/>
      <c r="EY7" s="508" t="s">
        <v>52</v>
      </c>
      <c r="EZ7" s="676" t="s">
        <v>61</v>
      </c>
      <c r="FA7" s="677"/>
      <c r="FB7" s="678"/>
      <c r="FC7" s="679" t="s">
        <v>62</v>
      </c>
      <c r="FD7" s="677"/>
      <c r="FE7" s="677"/>
      <c r="FF7" s="677"/>
      <c r="FG7" s="677"/>
      <c r="FH7" s="677"/>
      <c r="FI7" s="680"/>
      <c r="FJ7" s="508" t="s">
        <v>52</v>
      </c>
      <c r="FK7" s="683" t="s">
        <v>61</v>
      </c>
      <c r="FL7" s="684"/>
      <c r="FM7" s="685"/>
      <c r="FN7" s="686" t="s">
        <v>62</v>
      </c>
      <c r="FO7" s="684"/>
      <c r="FP7" s="684"/>
      <c r="FQ7" s="684"/>
      <c r="FR7" s="684"/>
      <c r="FS7" s="684"/>
      <c r="FT7" s="687"/>
      <c r="FU7" s="688" t="s">
        <v>52</v>
      </c>
      <c r="FV7" s="676" t="s">
        <v>61</v>
      </c>
      <c r="FW7" s="677"/>
      <c r="FX7" s="678"/>
      <c r="FY7" s="679" t="s">
        <v>62</v>
      </c>
      <c r="FZ7" s="677"/>
      <c r="GA7" s="677"/>
      <c r="GB7" s="677"/>
      <c r="GC7" s="677"/>
      <c r="GD7" s="677"/>
      <c r="GE7" s="680"/>
      <c r="GF7" s="508" t="s">
        <v>52</v>
      </c>
      <c r="GG7" s="506" t="s">
        <v>61</v>
      </c>
      <c r="GH7" s="507"/>
      <c r="GI7" s="507"/>
      <c r="GJ7" s="681" t="s">
        <v>62</v>
      </c>
      <c r="GK7" s="507"/>
      <c r="GL7" s="507"/>
      <c r="GM7" s="507"/>
      <c r="GN7" s="507"/>
      <c r="GO7" s="507"/>
      <c r="GP7" s="682"/>
      <c r="GQ7" s="674" t="s">
        <v>52</v>
      </c>
      <c r="GR7" s="506" t="s">
        <v>61</v>
      </c>
      <c r="GS7" s="507"/>
      <c r="GT7" s="682"/>
      <c r="GU7" s="681" t="s">
        <v>62</v>
      </c>
      <c r="GV7" s="507"/>
      <c r="GW7" s="507"/>
      <c r="GX7" s="507"/>
      <c r="GY7" s="507"/>
      <c r="GZ7" s="507"/>
      <c r="HA7" s="682"/>
      <c r="HB7" s="674" t="s">
        <v>52</v>
      </c>
      <c r="HC7" s="676" t="s">
        <v>61</v>
      </c>
      <c r="HD7" s="677"/>
      <c r="HE7" s="678"/>
      <c r="HF7" s="679" t="s">
        <v>62</v>
      </c>
      <c r="HG7" s="677"/>
      <c r="HH7" s="677"/>
      <c r="HI7" s="677"/>
      <c r="HJ7" s="677"/>
      <c r="HK7" s="677"/>
      <c r="HL7" s="680"/>
      <c r="HM7" s="508" t="s">
        <v>52</v>
      </c>
      <c r="HN7" s="676" t="s">
        <v>61</v>
      </c>
      <c r="HO7" s="677"/>
      <c r="HP7" s="678"/>
      <c r="HQ7" s="679" t="s">
        <v>62</v>
      </c>
      <c r="HR7" s="677"/>
      <c r="HS7" s="677"/>
      <c r="HT7" s="677"/>
      <c r="HU7" s="677"/>
      <c r="HV7" s="677"/>
      <c r="HW7" s="680"/>
      <c r="HX7" s="508" t="s">
        <v>52</v>
      </c>
      <c r="HY7" s="575" t="s">
        <v>61</v>
      </c>
      <c r="HZ7" s="576"/>
      <c r="IA7" s="577"/>
      <c r="IB7" s="634" t="s">
        <v>62</v>
      </c>
      <c r="IC7" s="576"/>
      <c r="ID7" s="576"/>
      <c r="IE7" s="576"/>
      <c r="IF7" s="576"/>
      <c r="IG7" s="576"/>
      <c r="IH7" s="635"/>
      <c r="II7" s="579" t="s">
        <v>52</v>
      </c>
      <c r="IJ7" s="583" t="s">
        <v>61</v>
      </c>
      <c r="IK7" s="584"/>
      <c r="IL7" s="585"/>
      <c r="IM7" s="632" t="s">
        <v>62</v>
      </c>
      <c r="IN7" s="584"/>
      <c r="IO7" s="584"/>
      <c r="IP7" s="584"/>
      <c r="IQ7" s="584"/>
      <c r="IR7" s="584"/>
      <c r="IS7" s="633"/>
      <c r="IT7" s="595" t="s">
        <v>52</v>
      </c>
      <c r="IU7" s="583" t="s">
        <v>61</v>
      </c>
      <c r="IV7" s="584"/>
      <c r="IW7" s="633"/>
      <c r="IX7" s="632" t="s">
        <v>62</v>
      </c>
      <c r="IY7" s="584"/>
      <c r="IZ7" s="584"/>
      <c r="JA7" s="584"/>
      <c r="JB7" s="584"/>
      <c r="JC7" s="584"/>
      <c r="JD7" s="633"/>
      <c r="JE7" s="595" t="s">
        <v>52</v>
      </c>
      <c r="JF7" s="583" t="s">
        <v>61</v>
      </c>
      <c r="JG7" s="584"/>
      <c r="JH7" s="585"/>
      <c r="JI7" s="632" t="s">
        <v>62</v>
      </c>
      <c r="JJ7" s="584"/>
      <c r="JK7" s="584"/>
      <c r="JL7" s="584"/>
      <c r="JM7" s="584"/>
      <c r="JN7" s="584"/>
      <c r="JO7" s="633"/>
      <c r="JP7" s="641" t="s">
        <v>52</v>
      </c>
      <c r="JQ7" s="583" t="s">
        <v>61</v>
      </c>
      <c r="JR7" s="584"/>
      <c r="JS7" s="585"/>
      <c r="JT7" s="632" t="s">
        <v>62</v>
      </c>
      <c r="JU7" s="584"/>
      <c r="JV7" s="584"/>
      <c r="JW7" s="584"/>
      <c r="JX7" s="584"/>
      <c r="JY7" s="584"/>
      <c r="JZ7" s="633"/>
      <c r="KA7" s="641" t="s">
        <v>52</v>
      </c>
      <c r="KB7" s="583" t="s">
        <v>61</v>
      </c>
      <c r="KC7" s="584"/>
      <c r="KD7" s="585"/>
      <c r="KE7" s="632" t="s">
        <v>62</v>
      </c>
      <c r="KF7" s="584"/>
      <c r="KG7" s="584"/>
      <c r="KH7" s="584"/>
      <c r="KI7" s="584"/>
      <c r="KJ7" s="584"/>
      <c r="KK7" s="633"/>
      <c r="KL7" s="641" t="s">
        <v>52</v>
      </c>
      <c r="KM7" s="583" t="s">
        <v>61</v>
      </c>
      <c r="KN7" s="584"/>
      <c r="KO7" s="585"/>
      <c r="KP7" s="632" t="s">
        <v>62</v>
      </c>
      <c r="KQ7" s="584"/>
      <c r="KR7" s="584"/>
      <c r="KS7" s="584"/>
      <c r="KT7" s="584"/>
      <c r="KU7" s="584"/>
      <c r="KV7" s="633"/>
      <c r="KW7" s="641" t="s">
        <v>52</v>
      </c>
      <c r="KX7" s="583" t="s">
        <v>61</v>
      </c>
      <c r="KY7" s="584"/>
      <c r="KZ7" s="585"/>
      <c r="LA7" s="632" t="s">
        <v>62</v>
      </c>
      <c r="LB7" s="584"/>
      <c r="LC7" s="584"/>
      <c r="LD7" s="584"/>
      <c r="LE7" s="584"/>
      <c r="LF7" s="584"/>
      <c r="LG7" s="633"/>
      <c r="LH7" s="641" t="s">
        <v>52</v>
      </c>
      <c r="LI7" s="583" t="s">
        <v>61</v>
      </c>
      <c r="LJ7" s="584"/>
      <c r="LK7" s="585"/>
      <c r="LL7" s="632" t="s">
        <v>62</v>
      </c>
      <c r="LM7" s="584"/>
      <c r="LN7" s="584"/>
      <c r="LO7" s="584"/>
      <c r="LP7" s="584"/>
      <c r="LQ7" s="584"/>
      <c r="LR7" s="633"/>
      <c r="LS7" s="641" t="s">
        <v>52</v>
      </c>
      <c r="LT7" s="583" t="s">
        <v>61</v>
      </c>
      <c r="LU7" s="584"/>
      <c r="LV7" s="585"/>
      <c r="LW7" s="632" t="s">
        <v>62</v>
      </c>
      <c r="LX7" s="584"/>
      <c r="LY7" s="584"/>
      <c r="LZ7" s="584"/>
      <c r="MA7" s="584"/>
      <c r="MB7" s="584"/>
      <c r="MC7" s="633"/>
      <c r="MD7" s="641" t="s">
        <v>52</v>
      </c>
      <c r="ME7" s="575" t="s">
        <v>61</v>
      </c>
      <c r="MF7" s="576"/>
      <c r="MG7" s="577"/>
      <c r="MH7" s="634" t="s">
        <v>62</v>
      </c>
      <c r="MI7" s="576"/>
      <c r="MJ7" s="576"/>
      <c r="MK7" s="576"/>
      <c r="ML7" s="576"/>
      <c r="MM7" s="576"/>
      <c r="MN7" s="635"/>
      <c r="MO7" s="628" t="s">
        <v>52</v>
      </c>
      <c r="MP7" s="583" t="s">
        <v>61</v>
      </c>
      <c r="MQ7" s="584"/>
      <c r="MR7" s="585"/>
      <c r="MS7" s="632" t="s">
        <v>62</v>
      </c>
      <c r="MT7" s="584"/>
      <c r="MU7" s="584"/>
      <c r="MV7" s="584"/>
      <c r="MW7" s="584"/>
      <c r="MX7" s="584"/>
      <c r="MY7" s="633"/>
      <c r="MZ7" s="641" t="s">
        <v>52</v>
      </c>
      <c r="NA7" s="583" t="s">
        <v>61</v>
      </c>
      <c r="NB7" s="584"/>
      <c r="NC7" s="585"/>
      <c r="ND7" s="632" t="s">
        <v>62</v>
      </c>
      <c r="NE7" s="584"/>
      <c r="NF7" s="584"/>
      <c r="NG7" s="584"/>
      <c r="NH7" s="584"/>
      <c r="NI7" s="584"/>
      <c r="NJ7" s="633"/>
      <c r="NK7" s="641" t="s">
        <v>52</v>
      </c>
      <c r="NL7" s="583" t="s">
        <v>61</v>
      </c>
      <c r="NM7" s="584"/>
      <c r="NN7" s="585"/>
      <c r="NO7" s="632" t="s">
        <v>62</v>
      </c>
      <c r="NP7" s="584"/>
      <c r="NQ7" s="584"/>
      <c r="NR7" s="584"/>
      <c r="NS7" s="584"/>
      <c r="NT7" s="584"/>
      <c r="NU7" s="633"/>
      <c r="NV7" s="641" t="s">
        <v>52</v>
      </c>
      <c r="NW7" s="583" t="s">
        <v>61</v>
      </c>
      <c r="NX7" s="584"/>
      <c r="NY7" s="585"/>
      <c r="NZ7" s="632" t="s">
        <v>62</v>
      </c>
      <c r="OA7" s="584"/>
      <c r="OB7" s="584"/>
      <c r="OC7" s="584"/>
      <c r="OD7" s="584"/>
      <c r="OE7" s="584"/>
      <c r="OF7" s="633"/>
      <c r="OG7" s="641" t="s">
        <v>52</v>
      </c>
      <c r="OH7" s="575" t="s">
        <v>61</v>
      </c>
      <c r="OI7" s="576"/>
      <c r="OJ7" s="577"/>
      <c r="OK7" s="634" t="s">
        <v>62</v>
      </c>
      <c r="OL7" s="576"/>
      <c r="OM7" s="576"/>
      <c r="ON7" s="576"/>
      <c r="OO7" s="576"/>
      <c r="OP7" s="576"/>
      <c r="OQ7" s="635"/>
      <c r="OR7" s="628" t="s">
        <v>52</v>
      </c>
    </row>
    <row r="8" spans="1:408" ht="28.5" customHeight="1" thickBot="1" x14ac:dyDescent="0.25">
      <c r="A8" s="704"/>
      <c r="B8" s="362" t="s">
        <v>43</v>
      </c>
      <c r="C8" s="47" t="s">
        <v>44</v>
      </c>
      <c r="D8" s="363" t="s">
        <v>45</v>
      </c>
      <c r="E8" s="52" t="s">
        <v>83</v>
      </c>
      <c r="F8" s="47" t="s">
        <v>47</v>
      </c>
      <c r="G8" s="47" t="s">
        <v>48</v>
      </c>
      <c r="H8" s="47" t="s">
        <v>49</v>
      </c>
      <c r="I8" s="47" t="s">
        <v>50</v>
      </c>
      <c r="J8" s="47" t="s">
        <v>51</v>
      </c>
      <c r="K8" s="48" t="s">
        <v>45</v>
      </c>
      <c r="L8" s="720"/>
      <c r="M8" s="51" t="s">
        <v>43</v>
      </c>
      <c r="N8" s="47" t="s">
        <v>44</v>
      </c>
      <c r="O8" s="48" t="s">
        <v>45</v>
      </c>
      <c r="P8" s="52" t="s">
        <v>83</v>
      </c>
      <c r="Q8" s="47" t="s">
        <v>47</v>
      </c>
      <c r="R8" s="47" t="s">
        <v>48</v>
      </c>
      <c r="S8" s="47" t="s">
        <v>49</v>
      </c>
      <c r="T8" s="47" t="s">
        <v>50</v>
      </c>
      <c r="U8" s="47" t="s">
        <v>51</v>
      </c>
      <c r="V8" s="48" t="s">
        <v>45</v>
      </c>
      <c r="W8" s="697"/>
      <c r="X8" s="51" t="s">
        <v>43</v>
      </c>
      <c r="Y8" s="47" t="s">
        <v>44</v>
      </c>
      <c r="Z8" s="48" t="s">
        <v>45</v>
      </c>
      <c r="AA8" s="52" t="s">
        <v>83</v>
      </c>
      <c r="AB8" s="47" t="s">
        <v>47</v>
      </c>
      <c r="AC8" s="47" t="s">
        <v>48</v>
      </c>
      <c r="AD8" s="47" t="s">
        <v>49</v>
      </c>
      <c r="AE8" s="47" t="s">
        <v>50</v>
      </c>
      <c r="AF8" s="47" t="s">
        <v>51</v>
      </c>
      <c r="AG8" s="48" t="s">
        <v>45</v>
      </c>
      <c r="AH8" s="673"/>
      <c r="AI8" s="51" t="s">
        <v>43</v>
      </c>
      <c r="AJ8" s="47" t="s">
        <v>44</v>
      </c>
      <c r="AK8" s="363" t="s">
        <v>45</v>
      </c>
      <c r="AL8" s="52" t="s">
        <v>83</v>
      </c>
      <c r="AM8" s="47" t="s">
        <v>47</v>
      </c>
      <c r="AN8" s="47" t="s">
        <v>48</v>
      </c>
      <c r="AO8" s="47" t="s">
        <v>49</v>
      </c>
      <c r="AP8" s="47" t="s">
        <v>50</v>
      </c>
      <c r="AQ8" s="47" t="s">
        <v>51</v>
      </c>
      <c r="AR8" s="48" t="s">
        <v>45</v>
      </c>
      <c r="AS8" s="673"/>
      <c r="AT8" s="51" t="s">
        <v>43</v>
      </c>
      <c r="AU8" s="47" t="s">
        <v>44</v>
      </c>
      <c r="AV8" s="363" t="s">
        <v>45</v>
      </c>
      <c r="AW8" s="52" t="s">
        <v>83</v>
      </c>
      <c r="AX8" s="47" t="s">
        <v>47</v>
      </c>
      <c r="AY8" s="47" t="s">
        <v>48</v>
      </c>
      <c r="AZ8" s="47" t="s">
        <v>49</v>
      </c>
      <c r="BA8" s="47" t="s">
        <v>50</v>
      </c>
      <c r="BB8" s="47" t="s">
        <v>51</v>
      </c>
      <c r="BC8" s="48" t="s">
        <v>45</v>
      </c>
      <c r="BD8" s="673"/>
      <c r="BE8" s="364" t="s">
        <v>43</v>
      </c>
      <c r="BF8" s="47" t="s">
        <v>44</v>
      </c>
      <c r="BG8" s="363" t="s">
        <v>45</v>
      </c>
      <c r="BH8" s="52" t="s">
        <v>83</v>
      </c>
      <c r="BI8" s="47" t="s">
        <v>47</v>
      </c>
      <c r="BJ8" s="47" t="s">
        <v>48</v>
      </c>
      <c r="BK8" s="47" t="s">
        <v>49</v>
      </c>
      <c r="BL8" s="47" t="s">
        <v>50</v>
      </c>
      <c r="BM8" s="47" t="s">
        <v>51</v>
      </c>
      <c r="BN8" s="48" t="s">
        <v>45</v>
      </c>
      <c r="BO8" s="673"/>
      <c r="BP8" s="51" t="s">
        <v>43</v>
      </c>
      <c r="BQ8" s="47" t="s">
        <v>44</v>
      </c>
      <c r="BR8" s="363" t="s">
        <v>45</v>
      </c>
      <c r="BS8" s="52" t="s">
        <v>83</v>
      </c>
      <c r="BT8" s="47" t="s">
        <v>47</v>
      </c>
      <c r="BU8" s="47" t="s">
        <v>48</v>
      </c>
      <c r="BV8" s="47" t="s">
        <v>49</v>
      </c>
      <c r="BW8" s="47" t="s">
        <v>50</v>
      </c>
      <c r="BX8" s="47" t="s">
        <v>51</v>
      </c>
      <c r="BY8" s="48" t="s">
        <v>45</v>
      </c>
      <c r="BZ8" s="673"/>
      <c r="CA8" s="51" t="s">
        <v>43</v>
      </c>
      <c r="CB8" s="47" t="s">
        <v>44</v>
      </c>
      <c r="CC8" s="363" t="s">
        <v>45</v>
      </c>
      <c r="CD8" s="52" t="s">
        <v>83</v>
      </c>
      <c r="CE8" s="47" t="s">
        <v>47</v>
      </c>
      <c r="CF8" s="47" t="s">
        <v>48</v>
      </c>
      <c r="CG8" s="47" t="s">
        <v>49</v>
      </c>
      <c r="CH8" s="47" t="s">
        <v>50</v>
      </c>
      <c r="CI8" s="47" t="s">
        <v>51</v>
      </c>
      <c r="CJ8" s="48" t="s">
        <v>45</v>
      </c>
      <c r="CK8" s="697"/>
      <c r="CL8" s="51" t="s">
        <v>43</v>
      </c>
      <c r="CM8" s="47" t="s">
        <v>44</v>
      </c>
      <c r="CN8" s="48" t="s">
        <v>45</v>
      </c>
      <c r="CO8" s="52" t="s">
        <v>83</v>
      </c>
      <c r="CP8" s="47" t="s">
        <v>47</v>
      </c>
      <c r="CQ8" s="47" t="s">
        <v>48</v>
      </c>
      <c r="CR8" s="47" t="s">
        <v>49</v>
      </c>
      <c r="CS8" s="47" t="s">
        <v>50</v>
      </c>
      <c r="CT8" s="47" t="s">
        <v>51</v>
      </c>
      <c r="CU8" s="48" t="s">
        <v>45</v>
      </c>
      <c r="CV8" s="697"/>
      <c r="CW8" s="51" t="s">
        <v>43</v>
      </c>
      <c r="CX8" s="47" t="s">
        <v>44</v>
      </c>
      <c r="CY8" s="48" t="s">
        <v>45</v>
      </c>
      <c r="CZ8" s="52" t="s">
        <v>83</v>
      </c>
      <c r="DA8" s="47" t="s">
        <v>47</v>
      </c>
      <c r="DB8" s="47" t="s">
        <v>48</v>
      </c>
      <c r="DC8" s="47" t="s">
        <v>49</v>
      </c>
      <c r="DD8" s="47" t="s">
        <v>50</v>
      </c>
      <c r="DE8" s="47" t="s">
        <v>51</v>
      </c>
      <c r="DF8" s="48" t="s">
        <v>45</v>
      </c>
      <c r="DG8" s="697"/>
      <c r="DH8" s="51" t="s">
        <v>43</v>
      </c>
      <c r="DI8" s="47" t="s">
        <v>44</v>
      </c>
      <c r="DJ8" s="48" t="s">
        <v>45</v>
      </c>
      <c r="DK8" s="52" t="s">
        <v>83</v>
      </c>
      <c r="DL8" s="47" t="s">
        <v>47</v>
      </c>
      <c r="DM8" s="47" t="s">
        <v>48</v>
      </c>
      <c r="DN8" s="47" t="s">
        <v>49</v>
      </c>
      <c r="DO8" s="47" t="s">
        <v>50</v>
      </c>
      <c r="DP8" s="47" t="s">
        <v>51</v>
      </c>
      <c r="DQ8" s="48" t="s">
        <v>45</v>
      </c>
      <c r="DR8" s="697"/>
      <c r="DS8" s="51" t="s">
        <v>43</v>
      </c>
      <c r="DT8" s="47" t="s">
        <v>44</v>
      </c>
      <c r="DU8" s="363" t="s">
        <v>45</v>
      </c>
      <c r="DV8" s="52" t="s">
        <v>83</v>
      </c>
      <c r="DW8" s="47" t="s">
        <v>47</v>
      </c>
      <c r="DX8" s="47" t="s">
        <v>48</v>
      </c>
      <c r="DY8" s="47" t="s">
        <v>49</v>
      </c>
      <c r="DZ8" s="47" t="s">
        <v>50</v>
      </c>
      <c r="EA8" s="47" t="s">
        <v>51</v>
      </c>
      <c r="EB8" s="48" t="s">
        <v>45</v>
      </c>
      <c r="EC8" s="673"/>
      <c r="ED8" s="51" t="s">
        <v>43</v>
      </c>
      <c r="EE8" s="47" t="s">
        <v>44</v>
      </c>
      <c r="EF8" s="363" t="s">
        <v>45</v>
      </c>
      <c r="EG8" s="52" t="s">
        <v>83</v>
      </c>
      <c r="EH8" s="47" t="s">
        <v>47</v>
      </c>
      <c r="EI8" s="47" t="s">
        <v>48</v>
      </c>
      <c r="EJ8" s="47" t="s">
        <v>49</v>
      </c>
      <c r="EK8" s="47" t="s">
        <v>50</v>
      </c>
      <c r="EL8" s="47" t="s">
        <v>51</v>
      </c>
      <c r="EM8" s="48" t="s">
        <v>45</v>
      </c>
      <c r="EN8" s="673"/>
      <c r="EO8" s="51" t="s">
        <v>43</v>
      </c>
      <c r="EP8" s="47" t="s">
        <v>44</v>
      </c>
      <c r="EQ8" s="363" t="s">
        <v>45</v>
      </c>
      <c r="ER8" s="52" t="s">
        <v>83</v>
      </c>
      <c r="ES8" s="47" t="s">
        <v>47</v>
      </c>
      <c r="ET8" s="47" t="s">
        <v>48</v>
      </c>
      <c r="EU8" s="47" t="s">
        <v>49</v>
      </c>
      <c r="EV8" s="47" t="s">
        <v>50</v>
      </c>
      <c r="EW8" s="47" t="s">
        <v>51</v>
      </c>
      <c r="EX8" s="48" t="s">
        <v>45</v>
      </c>
      <c r="EY8" s="673"/>
      <c r="EZ8" s="51" t="s">
        <v>43</v>
      </c>
      <c r="FA8" s="47" t="s">
        <v>44</v>
      </c>
      <c r="FB8" s="363" t="s">
        <v>45</v>
      </c>
      <c r="FC8" s="52" t="s">
        <v>83</v>
      </c>
      <c r="FD8" s="47" t="s">
        <v>47</v>
      </c>
      <c r="FE8" s="47" t="s">
        <v>48</v>
      </c>
      <c r="FF8" s="47" t="s">
        <v>49</v>
      </c>
      <c r="FG8" s="47" t="s">
        <v>50</v>
      </c>
      <c r="FH8" s="47" t="s">
        <v>51</v>
      </c>
      <c r="FI8" s="48" t="s">
        <v>45</v>
      </c>
      <c r="FJ8" s="673"/>
      <c r="FK8" s="51" t="s">
        <v>43</v>
      </c>
      <c r="FL8" s="47" t="s">
        <v>44</v>
      </c>
      <c r="FM8" s="363" t="s">
        <v>45</v>
      </c>
      <c r="FN8" s="52" t="s">
        <v>83</v>
      </c>
      <c r="FO8" s="47" t="s">
        <v>47</v>
      </c>
      <c r="FP8" s="47" t="s">
        <v>48</v>
      </c>
      <c r="FQ8" s="47" t="s">
        <v>49</v>
      </c>
      <c r="FR8" s="47" t="s">
        <v>50</v>
      </c>
      <c r="FS8" s="47" t="s">
        <v>51</v>
      </c>
      <c r="FT8" s="48" t="s">
        <v>45</v>
      </c>
      <c r="FU8" s="689"/>
      <c r="FV8" s="51" t="s">
        <v>43</v>
      </c>
      <c r="FW8" s="47" t="s">
        <v>44</v>
      </c>
      <c r="FX8" s="363" t="s">
        <v>45</v>
      </c>
      <c r="FY8" s="52" t="s">
        <v>83</v>
      </c>
      <c r="FZ8" s="47" t="s">
        <v>47</v>
      </c>
      <c r="GA8" s="47" t="s">
        <v>48</v>
      </c>
      <c r="GB8" s="47" t="s">
        <v>49</v>
      </c>
      <c r="GC8" s="47" t="s">
        <v>50</v>
      </c>
      <c r="GD8" s="47" t="s">
        <v>51</v>
      </c>
      <c r="GE8" s="48" t="s">
        <v>45</v>
      </c>
      <c r="GF8" s="673"/>
      <c r="GG8" s="51" t="s">
        <v>43</v>
      </c>
      <c r="GH8" s="47" t="s">
        <v>44</v>
      </c>
      <c r="GI8" s="363" t="s">
        <v>45</v>
      </c>
      <c r="GJ8" s="52" t="s">
        <v>83</v>
      </c>
      <c r="GK8" s="47" t="s">
        <v>47</v>
      </c>
      <c r="GL8" s="47" t="s">
        <v>48</v>
      </c>
      <c r="GM8" s="47" t="s">
        <v>49</v>
      </c>
      <c r="GN8" s="47" t="s">
        <v>50</v>
      </c>
      <c r="GO8" s="47" t="s">
        <v>51</v>
      </c>
      <c r="GP8" s="48" t="s">
        <v>45</v>
      </c>
      <c r="GQ8" s="675"/>
      <c r="GR8" s="51" t="s">
        <v>43</v>
      </c>
      <c r="GS8" s="47" t="s">
        <v>44</v>
      </c>
      <c r="GT8" s="363" t="s">
        <v>45</v>
      </c>
      <c r="GU8" s="52" t="s">
        <v>83</v>
      </c>
      <c r="GV8" s="47" t="s">
        <v>47</v>
      </c>
      <c r="GW8" s="47" t="s">
        <v>48</v>
      </c>
      <c r="GX8" s="47" t="s">
        <v>49</v>
      </c>
      <c r="GY8" s="47" t="s">
        <v>50</v>
      </c>
      <c r="GZ8" s="47" t="s">
        <v>51</v>
      </c>
      <c r="HA8" s="48" t="s">
        <v>45</v>
      </c>
      <c r="HB8" s="675"/>
      <c r="HC8" s="51" t="s">
        <v>43</v>
      </c>
      <c r="HD8" s="47" t="s">
        <v>44</v>
      </c>
      <c r="HE8" s="363" t="s">
        <v>45</v>
      </c>
      <c r="HF8" s="52" t="s">
        <v>83</v>
      </c>
      <c r="HG8" s="47" t="s">
        <v>47</v>
      </c>
      <c r="HH8" s="47" t="s">
        <v>48</v>
      </c>
      <c r="HI8" s="47" t="s">
        <v>49</v>
      </c>
      <c r="HJ8" s="47" t="s">
        <v>50</v>
      </c>
      <c r="HK8" s="47" t="s">
        <v>51</v>
      </c>
      <c r="HL8" s="48" t="s">
        <v>45</v>
      </c>
      <c r="HM8" s="673"/>
      <c r="HN8" s="51" t="s">
        <v>43</v>
      </c>
      <c r="HO8" s="47" t="s">
        <v>44</v>
      </c>
      <c r="HP8" s="363" t="s">
        <v>45</v>
      </c>
      <c r="HQ8" s="52" t="s">
        <v>83</v>
      </c>
      <c r="HR8" s="47" t="s">
        <v>47</v>
      </c>
      <c r="HS8" s="47" t="s">
        <v>48</v>
      </c>
      <c r="HT8" s="47" t="s">
        <v>49</v>
      </c>
      <c r="HU8" s="47" t="s">
        <v>50</v>
      </c>
      <c r="HV8" s="47" t="s">
        <v>51</v>
      </c>
      <c r="HW8" s="48" t="s">
        <v>45</v>
      </c>
      <c r="HX8" s="673"/>
      <c r="HY8" s="412" t="s">
        <v>43</v>
      </c>
      <c r="HZ8" s="413" t="s">
        <v>44</v>
      </c>
      <c r="IA8" s="41" t="s">
        <v>45</v>
      </c>
      <c r="IB8" s="42" t="s">
        <v>83</v>
      </c>
      <c r="IC8" s="413" t="s">
        <v>47</v>
      </c>
      <c r="ID8" s="413" t="s">
        <v>48</v>
      </c>
      <c r="IE8" s="413" t="s">
        <v>49</v>
      </c>
      <c r="IF8" s="413" t="s">
        <v>50</v>
      </c>
      <c r="IG8" s="413" t="s">
        <v>51</v>
      </c>
      <c r="IH8" s="17" t="s">
        <v>45</v>
      </c>
      <c r="II8" s="639"/>
      <c r="IJ8" s="412" t="s">
        <v>43</v>
      </c>
      <c r="IK8" s="413" t="s">
        <v>44</v>
      </c>
      <c r="IL8" s="41" t="s">
        <v>45</v>
      </c>
      <c r="IM8" s="42" t="s">
        <v>83</v>
      </c>
      <c r="IN8" s="59" t="s">
        <v>47</v>
      </c>
      <c r="IO8" s="59" t="s">
        <v>48</v>
      </c>
      <c r="IP8" s="59" t="s">
        <v>49</v>
      </c>
      <c r="IQ8" s="59" t="s">
        <v>50</v>
      </c>
      <c r="IR8" s="59" t="s">
        <v>51</v>
      </c>
      <c r="IS8" s="64" t="s">
        <v>45</v>
      </c>
      <c r="IT8" s="651"/>
      <c r="IU8" s="61" t="s">
        <v>43</v>
      </c>
      <c r="IV8" s="59" t="s">
        <v>44</v>
      </c>
      <c r="IW8" s="64" t="s">
        <v>45</v>
      </c>
      <c r="IX8" s="33" t="s">
        <v>83</v>
      </c>
      <c r="IY8" s="59" t="s">
        <v>47</v>
      </c>
      <c r="IZ8" s="59" t="s">
        <v>48</v>
      </c>
      <c r="JA8" s="59" t="s">
        <v>49</v>
      </c>
      <c r="JB8" s="59" t="s">
        <v>50</v>
      </c>
      <c r="JC8" s="59" t="s">
        <v>51</v>
      </c>
      <c r="JD8" s="64" t="s">
        <v>45</v>
      </c>
      <c r="JE8" s="651"/>
      <c r="JF8" s="61" t="s">
        <v>43</v>
      </c>
      <c r="JG8" s="59" t="s">
        <v>44</v>
      </c>
      <c r="JH8" s="60" t="s">
        <v>45</v>
      </c>
      <c r="JI8" s="33" t="s">
        <v>83</v>
      </c>
      <c r="JJ8" s="59" t="s">
        <v>47</v>
      </c>
      <c r="JK8" s="59" t="s">
        <v>48</v>
      </c>
      <c r="JL8" s="59" t="s">
        <v>49</v>
      </c>
      <c r="JM8" s="59" t="s">
        <v>50</v>
      </c>
      <c r="JN8" s="59" t="s">
        <v>51</v>
      </c>
      <c r="JO8" s="64" t="s">
        <v>45</v>
      </c>
      <c r="JP8" s="644"/>
      <c r="JQ8" s="61" t="s">
        <v>43</v>
      </c>
      <c r="JR8" s="59" t="s">
        <v>44</v>
      </c>
      <c r="JS8" s="60" t="s">
        <v>45</v>
      </c>
      <c r="JT8" s="33" t="s">
        <v>83</v>
      </c>
      <c r="JU8" s="59" t="s">
        <v>47</v>
      </c>
      <c r="JV8" s="59" t="s">
        <v>48</v>
      </c>
      <c r="JW8" s="59" t="s">
        <v>49</v>
      </c>
      <c r="JX8" s="59" t="s">
        <v>50</v>
      </c>
      <c r="JY8" s="59" t="s">
        <v>51</v>
      </c>
      <c r="JZ8" s="64" t="s">
        <v>45</v>
      </c>
      <c r="KA8" s="644"/>
      <c r="KB8" s="61" t="s">
        <v>43</v>
      </c>
      <c r="KC8" s="59" t="s">
        <v>44</v>
      </c>
      <c r="KD8" s="60" t="s">
        <v>45</v>
      </c>
      <c r="KE8" s="33" t="s">
        <v>83</v>
      </c>
      <c r="KF8" s="59" t="s">
        <v>47</v>
      </c>
      <c r="KG8" s="59" t="s">
        <v>48</v>
      </c>
      <c r="KH8" s="59" t="s">
        <v>49</v>
      </c>
      <c r="KI8" s="59" t="s">
        <v>50</v>
      </c>
      <c r="KJ8" s="59" t="s">
        <v>51</v>
      </c>
      <c r="KK8" s="64" t="s">
        <v>45</v>
      </c>
      <c r="KL8" s="644"/>
      <c r="KM8" s="61" t="s">
        <v>43</v>
      </c>
      <c r="KN8" s="59" t="s">
        <v>44</v>
      </c>
      <c r="KO8" s="60" t="s">
        <v>45</v>
      </c>
      <c r="KP8" s="42" t="s">
        <v>83</v>
      </c>
      <c r="KQ8" s="59" t="s">
        <v>47</v>
      </c>
      <c r="KR8" s="59" t="s">
        <v>48</v>
      </c>
      <c r="KS8" s="59" t="s">
        <v>49</v>
      </c>
      <c r="KT8" s="59" t="s">
        <v>50</v>
      </c>
      <c r="KU8" s="59" t="s">
        <v>51</v>
      </c>
      <c r="KV8" s="64" t="s">
        <v>45</v>
      </c>
      <c r="KW8" s="644"/>
      <c r="KX8" s="61" t="s">
        <v>43</v>
      </c>
      <c r="KY8" s="59" t="s">
        <v>44</v>
      </c>
      <c r="KZ8" s="60" t="s">
        <v>45</v>
      </c>
      <c r="LA8" s="42" t="s">
        <v>83</v>
      </c>
      <c r="LB8" s="59" t="s">
        <v>47</v>
      </c>
      <c r="LC8" s="59" t="s">
        <v>48</v>
      </c>
      <c r="LD8" s="59" t="s">
        <v>49</v>
      </c>
      <c r="LE8" s="59" t="s">
        <v>50</v>
      </c>
      <c r="LF8" s="59" t="s">
        <v>51</v>
      </c>
      <c r="LG8" s="64" t="s">
        <v>45</v>
      </c>
      <c r="LH8" s="644"/>
      <c r="LI8" s="61" t="s">
        <v>43</v>
      </c>
      <c r="LJ8" s="59" t="s">
        <v>44</v>
      </c>
      <c r="LK8" s="60" t="s">
        <v>45</v>
      </c>
      <c r="LL8" s="42" t="s">
        <v>83</v>
      </c>
      <c r="LM8" s="59" t="s">
        <v>47</v>
      </c>
      <c r="LN8" s="59" t="s">
        <v>48</v>
      </c>
      <c r="LO8" s="59" t="s">
        <v>49</v>
      </c>
      <c r="LP8" s="59" t="s">
        <v>50</v>
      </c>
      <c r="LQ8" s="59" t="s">
        <v>51</v>
      </c>
      <c r="LR8" s="64" t="s">
        <v>45</v>
      </c>
      <c r="LS8" s="644"/>
      <c r="LT8" s="61" t="s">
        <v>43</v>
      </c>
      <c r="LU8" s="59" t="s">
        <v>44</v>
      </c>
      <c r="LV8" s="60" t="s">
        <v>45</v>
      </c>
      <c r="LW8" s="42" t="s">
        <v>83</v>
      </c>
      <c r="LX8" s="59" t="s">
        <v>47</v>
      </c>
      <c r="LY8" s="59" t="s">
        <v>48</v>
      </c>
      <c r="LZ8" s="59" t="s">
        <v>49</v>
      </c>
      <c r="MA8" s="59" t="s">
        <v>50</v>
      </c>
      <c r="MB8" s="59" t="s">
        <v>51</v>
      </c>
      <c r="MC8" s="64" t="s">
        <v>45</v>
      </c>
      <c r="MD8" s="644"/>
      <c r="ME8" s="61" t="s">
        <v>43</v>
      </c>
      <c r="MF8" s="59" t="s">
        <v>44</v>
      </c>
      <c r="MG8" s="60" t="s">
        <v>45</v>
      </c>
      <c r="MH8" s="42" t="s">
        <v>83</v>
      </c>
      <c r="MI8" s="59" t="s">
        <v>47</v>
      </c>
      <c r="MJ8" s="59" t="s">
        <v>48</v>
      </c>
      <c r="MK8" s="59" t="s">
        <v>49</v>
      </c>
      <c r="ML8" s="59" t="s">
        <v>50</v>
      </c>
      <c r="MM8" s="59" t="s">
        <v>51</v>
      </c>
      <c r="MN8" s="64" t="s">
        <v>45</v>
      </c>
      <c r="MO8" s="644"/>
      <c r="MP8" s="61" t="s">
        <v>43</v>
      </c>
      <c r="MQ8" s="59" t="s">
        <v>44</v>
      </c>
      <c r="MR8" s="60" t="s">
        <v>45</v>
      </c>
      <c r="MS8" s="42" t="s">
        <v>83</v>
      </c>
      <c r="MT8" s="59" t="s">
        <v>47</v>
      </c>
      <c r="MU8" s="59" t="s">
        <v>48</v>
      </c>
      <c r="MV8" s="59" t="s">
        <v>49</v>
      </c>
      <c r="MW8" s="59" t="s">
        <v>50</v>
      </c>
      <c r="MX8" s="59" t="s">
        <v>51</v>
      </c>
      <c r="MY8" s="64" t="s">
        <v>45</v>
      </c>
      <c r="MZ8" s="644"/>
      <c r="NA8" s="61" t="s">
        <v>43</v>
      </c>
      <c r="NB8" s="59" t="s">
        <v>44</v>
      </c>
      <c r="NC8" s="60" t="s">
        <v>45</v>
      </c>
      <c r="ND8" s="42" t="s">
        <v>83</v>
      </c>
      <c r="NE8" s="59" t="s">
        <v>47</v>
      </c>
      <c r="NF8" s="59" t="s">
        <v>48</v>
      </c>
      <c r="NG8" s="59" t="s">
        <v>49</v>
      </c>
      <c r="NH8" s="59" t="s">
        <v>50</v>
      </c>
      <c r="NI8" s="59" t="s">
        <v>51</v>
      </c>
      <c r="NJ8" s="64" t="s">
        <v>45</v>
      </c>
      <c r="NK8" s="644"/>
      <c r="NL8" s="61" t="s">
        <v>43</v>
      </c>
      <c r="NM8" s="59" t="s">
        <v>44</v>
      </c>
      <c r="NN8" s="60" t="s">
        <v>45</v>
      </c>
      <c r="NO8" s="42" t="s">
        <v>83</v>
      </c>
      <c r="NP8" s="59" t="s">
        <v>47</v>
      </c>
      <c r="NQ8" s="59" t="s">
        <v>48</v>
      </c>
      <c r="NR8" s="59" t="s">
        <v>49</v>
      </c>
      <c r="NS8" s="59" t="s">
        <v>50</v>
      </c>
      <c r="NT8" s="59" t="s">
        <v>51</v>
      </c>
      <c r="NU8" s="64" t="s">
        <v>45</v>
      </c>
      <c r="NV8" s="644"/>
      <c r="NW8" s="61" t="s">
        <v>43</v>
      </c>
      <c r="NX8" s="59" t="s">
        <v>44</v>
      </c>
      <c r="NY8" s="60" t="s">
        <v>45</v>
      </c>
      <c r="NZ8" s="42" t="s">
        <v>83</v>
      </c>
      <c r="OA8" s="59" t="s">
        <v>47</v>
      </c>
      <c r="OB8" s="59" t="s">
        <v>48</v>
      </c>
      <c r="OC8" s="59" t="s">
        <v>49</v>
      </c>
      <c r="OD8" s="59" t="s">
        <v>50</v>
      </c>
      <c r="OE8" s="59" t="s">
        <v>51</v>
      </c>
      <c r="OF8" s="64" t="s">
        <v>45</v>
      </c>
      <c r="OG8" s="644"/>
      <c r="OH8" s="61" t="s">
        <v>43</v>
      </c>
      <c r="OI8" s="59" t="s">
        <v>44</v>
      </c>
      <c r="OJ8" s="60" t="s">
        <v>45</v>
      </c>
      <c r="OK8" s="33" t="s">
        <v>83</v>
      </c>
      <c r="OL8" s="59" t="s">
        <v>47</v>
      </c>
      <c r="OM8" s="59" t="s">
        <v>48</v>
      </c>
      <c r="ON8" s="59" t="s">
        <v>49</v>
      </c>
      <c r="OO8" s="59" t="s">
        <v>50</v>
      </c>
      <c r="OP8" s="59" t="s">
        <v>51</v>
      </c>
      <c r="OQ8" s="64" t="s">
        <v>45</v>
      </c>
      <c r="OR8" s="644"/>
    </row>
    <row r="9" spans="1:408" ht="20.25" customHeight="1" x14ac:dyDescent="0.2">
      <c r="A9" s="398" t="s">
        <v>4</v>
      </c>
      <c r="B9" s="109">
        <v>23569185</v>
      </c>
      <c r="C9" s="187">
        <v>41645774</v>
      </c>
      <c r="D9" s="188">
        <v>65214959</v>
      </c>
      <c r="E9" s="189">
        <v>0</v>
      </c>
      <c r="F9" s="187">
        <v>226212095</v>
      </c>
      <c r="G9" s="187">
        <v>313411339</v>
      </c>
      <c r="H9" s="187">
        <v>266835239</v>
      </c>
      <c r="I9" s="187">
        <v>287115976</v>
      </c>
      <c r="J9" s="187">
        <v>214788329</v>
      </c>
      <c r="K9" s="190">
        <v>1308362978</v>
      </c>
      <c r="L9" s="191">
        <v>1373577937</v>
      </c>
      <c r="M9" s="109">
        <v>6370851</v>
      </c>
      <c r="N9" s="187">
        <v>13952526</v>
      </c>
      <c r="O9" s="192">
        <v>20323377</v>
      </c>
      <c r="P9" s="109">
        <v>0</v>
      </c>
      <c r="Q9" s="187">
        <v>69182968</v>
      </c>
      <c r="R9" s="187">
        <v>105169712</v>
      </c>
      <c r="S9" s="187">
        <v>85996052</v>
      </c>
      <c r="T9" s="187">
        <v>101078111</v>
      </c>
      <c r="U9" s="187">
        <v>96090568</v>
      </c>
      <c r="V9" s="192">
        <v>457517411</v>
      </c>
      <c r="W9" s="191">
        <v>477840788</v>
      </c>
      <c r="X9" s="109">
        <v>3370</v>
      </c>
      <c r="Y9" s="187">
        <v>0</v>
      </c>
      <c r="Z9" s="192">
        <v>3370</v>
      </c>
      <c r="AA9" s="110">
        <v>0</v>
      </c>
      <c r="AB9" s="193">
        <v>30093577</v>
      </c>
      <c r="AC9" s="193">
        <v>45430908</v>
      </c>
      <c r="AD9" s="193">
        <v>42533392</v>
      </c>
      <c r="AE9" s="193">
        <v>53842768</v>
      </c>
      <c r="AF9" s="193">
        <v>50591204</v>
      </c>
      <c r="AG9" s="192">
        <v>222491849</v>
      </c>
      <c r="AH9" s="191">
        <v>222495219</v>
      </c>
      <c r="AI9" s="194">
        <v>16735</v>
      </c>
      <c r="AJ9" s="193">
        <v>129756</v>
      </c>
      <c r="AK9" s="192">
        <v>146491</v>
      </c>
      <c r="AL9" s="110">
        <v>0</v>
      </c>
      <c r="AM9" s="193">
        <v>495869</v>
      </c>
      <c r="AN9" s="190">
        <v>1658392</v>
      </c>
      <c r="AO9" s="193">
        <v>2137906</v>
      </c>
      <c r="AP9" s="193">
        <v>5796916</v>
      </c>
      <c r="AQ9" s="193">
        <v>11380455</v>
      </c>
      <c r="AR9" s="192">
        <v>21469538</v>
      </c>
      <c r="AS9" s="191">
        <v>21616029</v>
      </c>
      <c r="AT9" s="194">
        <v>3229753</v>
      </c>
      <c r="AU9" s="193">
        <v>9364435</v>
      </c>
      <c r="AV9" s="192">
        <v>12594188</v>
      </c>
      <c r="AW9" s="110">
        <v>0</v>
      </c>
      <c r="AX9" s="193">
        <v>23829312</v>
      </c>
      <c r="AY9" s="193">
        <v>38060312</v>
      </c>
      <c r="AZ9" s="193">
        <v>24493355</v>
      </c>
      <c r="BA9" s="193">
        <v>23559881</v>
      </c>
      <c r="BB9" s="193">
        <v>21123497</v>
      </c>
      <c r="BC9" s="192">
        <v>131066357</v>
      </c>
      <c r="BD9" s="195">
        <v>143660545</v>
      </c>
      <c r="BE9" s="194">
        <v>282171</v>
      </c>
      <c r="BF9" s="190">
        <v>1238867</v>
      </c>
      <c r="BG9" s="278">
        <v>1521038</v>
      </c>
      <c r="BH9" s="110">
        <v>0</v>
      </c>
      <c r="BI9" s="193">
        <v>1983526</v>
      </c>
      <c r="BJ9" s="193">
        <v>4090024</v>
      </c>
      <c r="BK9" s="193">
        <v>2643411</v>
      </c>
      <c r="BL9" s="193">
        <v>2214922</v>
      </c>
      <c r="BM9" s="193">
        <v>1439839</v>
      </c>
      <c r="BN9" s="192">
        <v>12371722</v>
      </c>
      <c r="BO9" s="191">
        <v>13892760</v>
      </c>
      <c r="BP9" s="194">
        <v>2838822</v>
      </c>
      <c r="BQ9" s="193">
        <v>3219468</v>
      </c>
      <c r="BR9" s="192">
        <v>6058290</v>
      </c>
      <c r="BS9" s="110">
        <v>0</v>
      </c>
      <c r="BT9" s="193">
        <v>12780684</v>
      </c>
      <c r="BU9" s="193">
        <v>15930076</v>
      </c>
      <c r="BV9" s="193">
        <v>14187988</v>
      </c>
      <c r="BW9" s="193">
        <v>15663624</v>
      </c>
      <c r="BX9" s="193">
        <v>11555573</v>
      </c>
      <c r="BY9" s="192">
        <v>70117945</v>
      </c>
      <c r="BZ9" s="191">
        <v>76176235</v>
      </c>
      <c r="CA9" s="194">
        <v>2237223</v>
      </c>
      <c r="CB9" s="193">
        <v>5424154</v>
      </c>
      <c r="CC9" s="192">
        <v>7661377</v>
      </c>
      <c r="CD9" s="110">
        <v>0</v>
      </c>
      <c r="CE9" s="193">
        <v>59970956</v>
      </c>
      <c r="CF9" s="193">
        <v>72044078</v>
      </c>
      <c r="CG9" s="196">
        <v>48241279</v>
      </c>
      <c r="CH9" s="193">
        <v>34305664</v>
      </c>
      <c r="CI9" s="193">
        <v>15255532</v>
      </c>
      <c r="CJ9" s="192">
        <v>229817509</v>
      </c>
      <c r="CK9" s="191">
        <v>237478886</v>
      </c>
      <c r="CL9" s="109">
        <v>0</v>
      </c>
      <c r="CM9" s="187">
        <v>0</v>
      </c>
      <c r="CN9" s="192">
        <v>0</v>
      </c>
      <c r="CO9" s="110">
        <v>0</v>
      </c>
      <c r="CP9" s="193">
        <v>49156884</v>
      </c>
      <c r="CQ9" s="193">
        <v>52753350</v>
      </c>
      <c r="CR9" s="193">
        <v>32862614</v>
      </c>
      <c r="CS9" s="193">
        <v>22644727</v>
      </c>
      <c r="CT9" s="193">
        <v>10912320</v>
      </c>
      <c r="CU9" s="197">
        <v>168329895</v>
      </c>
      <c r="CV9" s="191">
        <v>168329895</v>
      </c>
      <c r="CW9" s="194">
        <v>2237223</v>
      </c>
      <c r="CX9" s="193">
        <v>5424154</v>
      </c>
      <c r="CY9" s="192">
        <v>7661377</v>
      </c>
      <c r="CZ9" s="110">
        <v>0</v>
      </c>
      <c r="DA9" s="193">
        <v>10814072</v>
      </c>
      <c r="DB9" s="193">
        <v>19290728</v>
      </c>
      <c r="DC9" s="193">
        <v>15378665</v>
      </c>
      <c r="DD9" s="193">
        <v>11660937</v>
      </c>
      <c r="DE9" s="193">
        <v>4343212</v>
      </c>
      <c r="DF9" s="192">
        <v>61487614</v>
      </c>
      <c r="DG9" s="191">
        <v>69148991</v>
      </c>
      <c r="DH9" s="194">
        <v>93338</v>
      </c>
      <c r="DI9" s="193">
        <v>378343</v>
      </c>
      <c r="DJ9" s="278">
        <v>471681</v>
      </c>
      <c r="DK9" s="110">
        <v>0</v>
      </c>
      <c r="DL9" s="193">
        <v>6087089</v>
      </c>
      <c r="DM9" s="193">
        <v>13370987</v>
      </c>
      <c r="DN9" s="193">
        <v>21161896</v>
      </c>
      <c r="DO9" s="193">
        <v>18355541</v>
      </c>
      <c r="DP9" s="193">
        <v>10284791</v>
      </c>
      <c r="DQ9" s="279">
        <v>69260304</v>
      </c>
      <c r="DR9" s="191">
        <v>69731985</v>
      </c>
      <c r="DS9" s="194">
        <v>93338</v>
      </c>
      <c r="DT9" s="193">
        <v>309885</v>
      </c>
      <c r="DU9" s="192">
        <v>403223</v>
      </c>
      <c r="DV9" s="110">
        <v>0</v>
      </c>
      <c r="DW9" s="193">
        <v>5207550</v>
      </c>
      <c r="DX9" s="193">
        <v>11184705</v>
      </c>
      <c r="DY9" s="193">
        <v>18097483</v>
      </c>
      <c r="DZ9" s="193">
        <v>14934237</v>
      </c>
      <c r="EA9" s="193">
        <v>7693533</v>
      </c>
      <c r="EB9" s="192">
        <v>57117508</v>
      </c>
      <c r="EC9" s="191">
        <v>57520731</v>
      </c>
      <c r="ED9" s="194">
        <v>0</v>
      </c>
      <c r="EE9" s="190">
        <v>68458</v>
      </c>
      <c r="EF9" s="192">
        <v>68458</v>
      </c>
      <c r="EG9" s="195">
        <v>0</v>
      </c>
      <c r="EH9" s="193">
        <v>879539</v>
      </c>
      <c r="EI9" s="193">
        <v>2186282</v>
      </c>
      <c r="EJ9" s="193">
        <v>3064413</v>
      </c>
      <c r="EK9" s="193">
        <v>3421304</v>
      </c>
      <c r="EL9" s="196">
        <v>2591258</v>
      </c>
      <c r="EM9" s="190">
        <v>12142796</v>
      </c>
      <c r="EN9" s="191">
        <v>12211254</v>
      </c>
      <c r="EO9" s="194">
        <v>0</v>
      </c>
      <c r="EP9" s="193">
        <v>0</v>
      </c>
      <c r="EQ9" s="190">
        <v>0</v>
      </c>
      <c r="ER9" s="110">
        <v>0</v>
      </c>
      <c r="ES9" s="193">
        <v>0</v>
      </c>
      <c r="ET9" s="193">
        <v>0</v>
      </c>
      <c r="EU9" s="193">
        <v>0</v>
      </c>
      <c r="EV9" s="193">
        <v>0</v>
      </c>
      <c r="EW9" s="193">
        <v>0</v>
      </c>
      <c r="EX9" s="197">
        <v>0</v>
      </c>
      <c r="EY9" s="191">
        <v>0</v>
      </c>
      <c r="EZ9" s="194">
        <v>0</v>
      </c>
      <c r="FA9" s="193">
        <v>0</v>
      </c>
      <c r="FB9" s="190">
        <v>0</v>
      </c>
      <c r="FC9" s="389"/>
      <c r="FD9" s="193">
        <v>0</v>
      </c>
      <c r="FE9" s="193">
        <v>0</v>
      </c>
      <c r="FF9" s="193">
        <v>0</v>
      </c>
      <c r="FG9" s="193">
        <v>0</v>
      </c>
      <c r="FH9" s="193">
        <v>0</v>
      </c>
      <c r="FI9" s="197">
        <v>0</v>
      </c>
      <c r="FJ9" s="191">
        <v>0</v>
      </c>
      <c r="FK9" s="194">
        <v>4647687</v>
      </c>
      <c r="FL9" s="193">
        <v>7831049</v>
      </c>
      <c r="FM9" s="192">
        <v>12478736</v>
      </c>
      <c r="FN9" s="110">
        <v>0</v>
      </c>
      <c r="FO9" s="193">
        <v>11448187</v>
      </c>
      <c r="FP9" s="193">
        <v>28519988</v>
      </c>
      <c r="FQ9" s="193">
        <v>20158530</v>
      </c>
      <c r="FR9" s="193">
        <v>21011835</v>
      </c>
      <c r="FS9" s="193">
        <v>14328712</v>
      </c>
      <c r="FT9" s="192">
        <v>95467252</v>
      </c>
      <c r="FU9" s="191">
        <v>107945988</v>
      </c>
      <c r="FV9" s="194">
        <v>2086308</v>
      </c>
      <c r="FW9" s="193">
        <v>5219884</v>
      </c>
      <c r="FX9" s="190">
        <v>7306192</v>
      </c>
      <c r="FY9" s="195">
        <v>0</v>
      </c>
      <c r="FZ9" s="193">
        <v>8151473</v>
      </c>
      <c r="GA9" s="198">
        <v>25769726</v>
      </c>
      <c r="GB9" s="193">
        <v>18826440</v>
      </c>
      <c r="GC9" s="198">
        <v>18980225</v>
      </c>
      <c r="GD9" s="193">
        <v>13761548</v>
      </c>
      <c r="GE9" s="197">
        <v>85489412</v>
      </c>
      <c r="GF9" s="353">
        <v>92795604</v>
      </c>
      <c r="GG9" s="199">
        <v>201758</v>
      </c>
      <c r="GH9" s="193">
        <v>312183</v>
      </c>
      <c r="GI9" s="198">
        <v>513941</v>
      </c>
      <c r="GJ9" s="189">
        <v>0</v>
      </c>
      <c r="GK9" s="193">
        <v>794785</v>
      </c>
      <c r="GL9" s="190">
        <v>795879</v>
      </c>
      <c r="GM9" s="193">
        <v>535239</v>
      </c>
      <c r="GN9" s="190">
        <v>704836</v>
      </c>
      <c r="GO9" s="193">
        <v>392164</v>
      </c>
      <c r="GP9" s="279">
        <v>3222903</v>
      </c>
      <c r="GQ9" s="191">
        <v>3736844</v>
      </c>
      <c r="GR9" s="190">
        <v>2359621</v>
      </c>
      <c r="GS9" s="193">
        <v>2298982</v>
      </c>
      <c r="GT9" s="192">
        <v>4658603</v>
      </c>
      <c r="GU9" s="190">
        <v>0</v>
      </c>
      <c r="GV9" s="193">
        <v>2501929</v>
      </c>
      <c r="GW9" s="190">
        <v>1954383</v>
      </c>
      <c r="GX9" s="193">
        <v>796851</v>
      </c>
      <c r="GY9" s="190">
        <v>1326774</v>
      </c>
      <c r="GZ9" s="193">
        <v>175000</v>
      </c>
      <c r="HA9" s="190">
        <v>6754937</v>
      </c>
      <c r="HB9" s="191">
        <v>11413540</v>
      </c>
      <c r="HC9" s="190">
        <v>10220086</v>
      </c>
      <c r="HD9" s="193">
        <v>14059702</v>
      </c>
      <c r="HE9" s="190">
        <v>24279788</v>
      </c>
      <c r="HF9" s="195">
        <v>0</v>
      </c>
      <c r="HG9" s="193">
        <v>79522895</v>
      </c>
      <c r="HH9" s="198">
        <v>94306574</v>
      </c>
      <c r="HI9" s="193">
        <v>91277482</v>
      </c>
      <c r="HJ9" s="198">
        <v>112364825</v>
      </c>
      <c r="HK9" s="193">
        <v>78828726</v>
      </c>
      <c r="HL9" s="197">
        <v>456300502</v>
      </c>
      <c r="HM9" s="190">
        <v>480580290</v>
      </c>
      <c r="HN9" s="365"/>
      <c r="HO9" s="366"/>
      <c r="HP9" s="367"/>
      <c r="HQ9" s="368"/>
      <c r="HR9" s="366"/>
      <c r="HS9" s="368"/>
      <c r="HT9" s="366"/>
      <c r="HU9" s="368"/>
      <c r="HV9" s="366"/>
      <c r="HW9" s="368"/>
      <c r="HX9" s="369"/>
      <c r="HY9" s="131">
        <v>587364</v>
      </c>
      <c r="HZ9" s="132">
        <v>720652</v>
      </c>
      <c r="IA9" s="133">
        <v>1308016</v>
      </c>
      <c r="IB9" s="120">
        <v>0</v>
      </c>
      <c r="IC9" s="132">
        <v>50760923</v>
      </c>
      <c r="ID9" s="134">
        <v>68784277</v>
      </c>
      <c r="IE9" s="135">
        <v>73040382</v>
      </c>
      <c r="IF9" s="132">
        <v>59149713</v>
      </c>
      <c r="IG9" s="135">
        <v>39788320</v>
      </c>
      <c r="IH9" s="136">
        <v>291523615</v>
      </c>
      <c r="II9" s="137">
        <v>292831631</v>
      </c>
      <c r="IJ9" s="260">
        <v>0</v>
      </c>
      <c r="IK9" s="266">
        <v>0</v>
      </c>
      <c r="IL9" s="267">
        <v>0</v>
      </c>
      <c r="IM9" s="138"/>
      <c r="IN9" s="139">
        <v>1676960</v>
      </c>
      <c r="IO9" s="139">
        <v>3924168</v>
      </c>
      <c r="IP9" s="139">
        <v>2519561</v>
      </c>
      <c r="IQ9" s="139">
        <v>5200608</v>
      </c>
      <c r="IR9" s="139">
        <v>2955665</v>
      </c>
      <c r="IS9" s="140">
        <v>16276962</v>
      </c>
      <c r="IT9" s="356">
        <v>16276962</v>
      </c>
      <c r="IU9" s="141">
        <v>0</v>
      </c>
      <c r="IV9" s="139">
        <v>0</v>
      </c>
      <c r="IW9" s="143">
        <v>0</v>
      </c>
      <c r="IX9" s="146"/>
      <c r="IY9" s="139">
        <v>160173</v>
      </c>
      <c r="IZ9" s="139">
        <v>581889</v>
      </c>
      <c r="JA9" s="139">
        <v>836105</v>
      </c>
      <c r="JB9" s="139">
        <v>990350</v>
      </c>
      <c r="JC9" s="139">
        <v>1165038</v>
      </c>
      <c r="JD9" s="143">
        <v>3733555</v>
      </c>
      <c r="JE9" s="144">
        <v>3733555</v>
      </c>
      <c r="JF9" s="141">
        <v>0</v>
      </c>
      <c r="JG9" s="139">
        <v>0</v>
      </c>
      <c r="JH9" s="140">
        <v>0</v>
      </c>
      <c r="JI9" s="142">
        <v>0</v>
      </c>
      <c r="JJ9" s="139">
        <v>23198469</v>
      </c>
      <c r="JK9" s="139">
        <v>22359010</v>
      </c>
      <c r="JL9" s="139">
        <v>16855012</v>
      </c>
      <c r="JM9" s="139">
        <v>9843773</v>
      </c>
      <c r="JN9" s="139">
        <v>3975220</v>
      </c>
      <c r="JO9" s="143">
        <v>76231484</v>
      </c>
      <c r="JP9" s="356">
        <v>76231484</v>
      </c>
      <c r="JQ9" s="141">
        <v>0</v>
      </c>
      <c r="JR9" s="139">
        <v>0</v>
      </c>
      <c r="JS9" s="140">
        <v>0</v>
      </c>
      <c r="JT9" s="142">
        <v>0</v>
      </c>
      <c r="JU9" s="139">
        <v>2870870</v>
      </c>
      <c r="JV9" s="139">
        <v>6195738</v>
      </c>
      <c r="JW9" s="139">
        <v>5241661</v>
      </c>
      <c r="JX9" s="139">
        <v>2494155</v>
      </c>
      <c r="JY9" s="139">
        <v>3502920</v>
      </c>
      <c r="JZ9" s="143">
        <v>20305344</v>
      </c>
      <c r="KA9" s="356">
        <v>20305344</v>
      </c>
      <c r="KB9" s="263">
        <v>587364</v>
      </c>
      <c r="KC9" s="257">
        <v>720652</v>
      </c>
      <c r="KD9" s="143">
        <v>1308016</v>
      </c>
      <c r="KE9" s="142">
        <v>0</v>
      </c>
      <c r="KF9" s="139">
        <v>7293415</v>
      </c>
      <c r="KG9" s="139">
        <v>7213141</v>
      </c>
      <c r="KH9" s="139">
        <v>11418293</v>
      </c>
      <c r="KI9" s="139">
        <v>8305984</v>
      </c>
      <c r="KJ9" s="139">
        <v>4771361</v>
      </c>
      <c r="KK9" s="143">
        <v>39002194</v>
      </c>
      <c r="KL9" s="145">
        <v>40310210</v>
      </c>
      <c r="KM9" s="260">
        <v>0</v>
      </c>
      <c r="KN9" s="266">
        <v>0</v>
      </c>
      <c r="KO9" s="267">
        <v>0</v>
      </c>
      <c r="KP9" s="138"/>
      <c r="KQ9" s="139">
        <v>14525827</v>
      </c>
      <c r="KR9" s="139">
        <v>23530059</v>
      </c>
      <c r="KS9" s="139">
        <v>29492863</v>
      </c>
      <c r="KT9" s="139">
        <v>19944296</v>
      </c>
      <c r="KU9" s="139">
        <v>12235030</v>
      </c>
      <c r="KV9" s="143">
        <v>99728075</v>
      </c>
      <c r="KW9" s="356">
        <v>99728075</v>
      </c>
      <c r="KX9" s="141">
        <v>0</v>
      </c>
      <c r="KY9" s="139">
        <v>0</v>
      </c>
      <c r="KZ9" s="143">
        <v>0</v>
      </c>
      <c r="LA9" s="147"/>
      <c r="LB9" s="139">
        <v>277064</v>
      </c>
      <c r="LC9" s="139">
        <v>1545468</v>
      </c>
      <c r="LD9" s="139">
        <v>1383073</v>
      </c>
      <c r="LE9" s="139">
        <v>1176777</v>
      </c>
      <c r="LF9" s="139">
        <v>1139118</v>
      </c>
      <c r="LG9" s="143">
        <v>5521500</v>
      </c>
      <c r="LH9" s="144">
        <v>5521500</v>
      </c>
      <c r="LI9" s="141">
        <v>0</v>
      </c>
      <c r="LJ9" s="139">
        <v>0</v>
      </c>
      <c r="LK9" s="143">
        <v>0</v>
      </c>
      <c r="LL9" s="147"/>
      <c r="LM9" s="139">
        <v>188230</v>
      </c>
      <c r="LN9" s="139">
        <v>339734</v>
      </c>
      <c r="LO9" s="139">
        <v>1842623</v>
      </c>
      <c r="LP9" s="139">
        <v>4018731</v>
      </c>
      <c r="LQ9" s="139">
        <v>1804453</v>
      </c>
      <c r="LR9" s="143">
        <v>8193771</v>
      </c>
      <c r="LS9" s="356">
        <v>8193771</v>
      </c>
      <c r="LT9" s="141">
        <v>0</v>
      </c>
      <c r="LU9" s="139">
        <v>0</v>
      </c>
      <c r="LV9" s="143">
        <v>0</v>
      </c>
      <c r="LW9" s="147"/>
      <c r="LX9" s="139">
        <v>569915</v>
      </c>
      <c r="LY9" s="139">
        <v>3095070</v>
      </c>
      <c r="LZ9" s="139">
        <v>3451191</v>
      </c>
      <c r="MA9" s="139">
        <v>7175039</v>
      </c>
      <c r="MB9" s="139">
        <v>8239515</v>
      </c>
      <c r="MC9" s="143">
        <v>22530730</v>
      </c>
      <c r="MD9" s="144">
        <v>22530730</v>
      </c>
      <c r="ME9" s="141">
        <v>0</v>
      </c>
      <c r="MF9" s="139">
        <v>0</v>
      </c>
      <c r="MG9" s="143">
        <v>0</v>
      </c>
      <c r="MH9" s="147"/>
      <c r="MI9" s="139">
        <v>12716392</v>
      </c>
      <c r="MJ9" s="139">
        <v>39466766</v>
      </c>
      <c r="MK9" s="139">
        <v>102822022</v>
      </c>
      <c r="ML9" s="139">
        <v>161361237</v>
      </c>
      <c r="MM9" s="139">
        <v>109925102</v>
      </c>
      <c r="MN9" s="143">
        <v>426291519</v>
      </c>
      <c r="MO9" s="145">
        <v>426291519</v>
      </c>
      <c r="MP9" s="141">
        <v>0</v>
      </c>
      <c r="MQ9" s="139">
        <v>0</v>
      </c>
      <c r="MR9" s="143">
        <v>0</v>
      </c>
      <c r="MS9" s="147"/>
      <c r="MT9" s="139">
        <v>750384</v>
      </c>
      <c r="MU9" s="139">
        <v>6806185</v>
      </c>
      <c r="MV9" s="139">
        <v>50679610</v>
      </c>
      <c r="MW9" s="139">
        <v>91732196</v>
      </c>
      <c r="MX9" s="139">
        <v>66674089</v>
      </c>
      <c r="MY9" s="143">
        <v>216642464</v>
      </c>
      <c r="MZ9" s="145">
        <v>216642464</v>
      </c>
      <c r="NA9" s="141">
        <v>0</v>
      </c>
      <c r="NB9" s="139">
        <v>0</v>
      </c>
      <c r="NC9" s="143">
        <v>0</v>
      </c>
      <c r="ND9" s="147"/>
      <c r="NE9" s="139">
        <v>11966008</v>
      </c>
      <c r="NF9" s="139">
        <v>32225400</v>
      </c>
      <c r="NG9" s="139">
        <v>51788297</v>
      </c>
      <c r="NH9" s="139">
        <v>64233511</v>
      </c>
      <c r="NI9" s="139">
        <v>32836334</v>
      </c>
      <c r="NJ9" s="143">
        <v>193049550</v>
      </c>
      <c r="NK9" s="356">
        <v>193049550</v>
      </c>
      <c r="NL9" s="141">
        <v>0</v>
      </c>
      <c r="NM9" s="139">
        <v>0</v>
      </c>
      <c r="NN9" s="143">
        <v>0</v>
      </c>
      <c r="NO9" s="147"/>
      <c r="NP9" s="139">
        <v>0</v>
      </c>
      <c r="NQ9" s="139">
        <v>0</v>
      </c>
      <c r="NR9" s="139">
        <v>208583</v>
      </c>
      <c r="NS9" s="139">
        <v>3481870</v>
      </c>
      <c r="NT9" s="139">
        <v>5590232</v>
      </c>
      <c r="NU9" s="143">
        <v>9280685</v>
      </c>
      <c r="NV9" s="144">
        <v>9280685</v>
      </c>
      <c r="NW9" s="141">
        <v>0</v>
      </c>
      <c r="NX9" s="139">
        <v>0</v>
      </c>
      <c r="NY9" s="143">
        <v>0</v>
      </c>
      <c r="NZ9" s="147"/>
      <c r="OA9" s="139">
        <v>0</v>
      </c>
      <c r="OB9" s="139">
        <v>435181</v>
      </c>
      <c r="OC9" s="139">
        <v>145532</v>
      </c>
      <c r="OD9" s="139">
        <v>1913660</v>
      </c>
      <c r="OE9" s="139">
        <v>4824447</v>
      </c>
      <c r="OF9" s="143">
        <v>7318820</v>
      </c>
      <c r="OG9" s="144">
        <v>7318820</v>
      </c>
      <c r="OH9" s="141">
        <v>24156549</v>
      </c>
      <c r="OI9" s="139">
        <v>42366426</v>
      </c>
      <c r="OJ9" s="140">
        <v>66522975</v>
      </c>
      <c r="OK9" s="142">
        <v>0</v>
      </c>
      <c r="OL9" s="139">
        <v>289689410</v>
      </c>
      <c r="OM9" s="139">
        <v>421662382</v>
      </c>
      <c r="ON9" s="139">
        <v>442697643</v>
      </c>
      <c r="OO9" s="139">
        <v>507626926</v>
      </c>
      <c r="OP9" s="139">
        <v>364501751</v>
      </c>
      <c r="OQ9" s="143">
        <v>2026178112</v>
      </c>
      <c r="OR9" s="145">
        <v>43391740.499069497</v>
      </c>
    </row>
    <row r="10" spans="1:408" ht="20.25" customHeight="1" x14ac:dyDescent="0.2">
      <c r="A10" s="129" t="s">
        <v>5</v>
      </c>
      <c r="B10" s="112">
        <v>10363273</v>
      </c>
      <c r="C10" s="116">
        <v>21022699</v>
      </c>
      <c r="D10" s="115">
        <v>31385972</v>
      </c>
      <c r="E10" s="111">
        <v>0</v>
      </c>
      <c r="F10" s="116">
        <v>89158127</v>
      </c>
      <c r="G10" s="116">
        <v>157342983</v>
      </c>
      <c r="H10" s="116">
        <v>123863560</v>
      </c>
      <c r="I10" s="116">
        <v>121089840</v>
      </c>
      <c r="J10" s="116">
        <v>94547832</v>
      </c>
      <c r="K10" s="111">
        <v>586002342</v>
      </c>
      <c r="L10" s="118">
        <v>617388314</v>
      </c>
      <c r="M10" s="112">
        <v>2889036</v>
      </c>
      <c r="N10" s="116">
        <v>7859527</v>
      </c>
      <c r="O10" s="115">
        <v>10748563</v>
      </c>
      <c r="P10" s="112">
        <v>0</v>
      </c>
      <c r="Q10" s="116">
        <v>27558232</v>
      </c>
      <c r="R10" s="116">
        <v>54155998</v>
      </c>
      <c r="S10" s="116">
        <v>38948661</v>
      </c>
      <c r="T10" s="116">
        <v>44596043</v>
      </c>
      <c r="U10" s="116">
        <v>41818595</v>
      </c>
      <c r="V10" s="115">
        <v>207077529</v>
      </c>
      <c r="W10" s="118">
        <v>217826092</v>
      </c>
      <c r="X10" s="112">
        <v>0</v>
      </c>
      <c r="Y10" s="116">
        <v>0</v>
      </c>
      <c r="Z10" s="115">
        <v>0</v>
      </c>
      <c r="AA10" s="112">
        <v>0</v>
      </c>
      <c r="AB10" s="116">
        <v>12043494</v>
      </c>
      <c r="AC10" s="116">
        <v>21799054</v>
      </c>
      <c r="AD10" s="116">
        <v>18369726</v>
      </c>
      <c r="AE10" s="116">
        <v>22133067</v>
      </c>
      <c r="AF10" s="116">
        <v>21873610</v>
      </c>
      <c r="AG10" s="115">
        <v>96218951</v>
      </c>
      <c r="AH10" s="118">
        <v>96218951</v>
      </c>
      <c r="AI10" s="112">
        <v>16735</v>
      </c>
      <c r="AJ10" s="116">
        <v>79947</v>
      </c>
      <c r="AK10" s="115">
        <v>96682</v>
      </c>
      <c r="AL10" s="112">
        <v>0</v>
      </c>
      <c r="AM10" s="116">
        <v>0</v>
      </c>
      <c r="AN10" s="116">
        <v>478843</v>
      </c>
      <c r="AO10" s="116">
        <v>930241</v>
      </c>
      <c r="AP10" s="116">
        <v>2839050</v>
      </c>
      <c r="AQ10" s="116">
        <v>4829304</v>
      </c>
      <c r="AR10" s="115">
        <v>9077438</v>
      </c>
      <c r="AS10" s="118">
        <v>9174120</v>
      </c>
      <c r="AT10" s="112">
        <v>1527384</v>
      </c>
      <c r="AU10" s="116">
        <v>5331585</v>
      </c>
      <c r="AV10" s="115">
        <v>6858969</v>
      </c>
      <c r="AW10" s="112">
        <v>0</v>
      </c>
      <c r="AX10" s="116">
        <v>9492811</v>
      </c>
      <c r="AY10" s="116">
        <v>21706062</v>
      </c>
      <c r="AZ10" s="116">
        <v>12167313</v>
      </c>
      <c r="BA10" s="116">
        <v>11695101</v>
      </c>
      <c r="BB10" s="116">
        <v>9604600</v>
      </c>
      <c r="BC10" s="115">
        <v>64665887</v>
      </c>
      <c r="BD10" s="118">
        <v>71524856</v>
      </c>
      <c r="BE10" s="112">
        <v>135261</v>
      </c>
      <c r="BF10" s="116">
        <v>742298</v>
      </c>
      <c r="BG10" s="114">
        <v>877559</v>
      </c>
      <c r="BH10" s="113">
        <v>0</v>
      </c>
      <c r="BI10" s="116">
        <v>620151</v>
      </c>
      <c r="BJ10" s="116">
        <v>2057029</v>
      </c>
      <c r="BK10" s="116">
        <v>1021430</v>
      </c>
      <c r="BL10" s="116">
        <v>1279735</v>
      </c>
      <c r="BM10" s="116">
        <v>605558</v>
      </c>
      <c r="BN10" s="115">
        <v>5583903</v>
      </c>
      <c r="BO10" s="118">
        <v>6461462</v>
      </c>
      <c r="BP10" s="112">
        <v>1209656</v>
      </c>
      <c r="BQ10" s="116">
        <v>1705697</v>
      </c>
      <c r="BR10" s="115">
        <v>2915353</v>
      </c>
      <c r="BS10" s="112">
        <v>0</v>
      </c>
      <c r="BT10" s="116">
        <v>5401776</v>
      </c>
      <c r="BU10" s="116">
        <v>8115010</v>
      </c>
      <c r="BV10" s="116">
        <v>6459951</v>
      </c>
      <c r="BW10" s="116">
        <v>6649090</v>
      </c>
      <c r="BX10" s="116">
        <v>4905523</v>
      </c>
      <c r="BY10" s="115">
        <v>31531350</v>
      </c>
      <c r="BZ10" s="118">
        <v>34446703</v>
      </c>
      <c r="CA10" s="112">
        <v>1330835</v>
      </c>
      <c r="CB10" s="116">
        <v>2701289</v>
      </c>
      <c r="CC10" s="115">
        <v>4032124</v>
      </c>
      <c r="CD10" s="112">
        <v>0</v>
      </c>
      <c r="CE10" s="116">
        <v>20010367</v>
      </c>
      <c r="CF10" s="116">
        <v>32942310</v>
      </c>
      <c r="CG10" s="116">
        <v>22527101</v>
      </c>
      <c r="CH10" s="116">
        <v>13317446</v>
      </c>
      <c r="CI10" s="116">
        <v>6595141</v>
      </c>
      <c r="CJ10" s="115">
        <v>95392365</v>
      </c>
      <c r="CK10" s="118">
        <v>99424489</v>
      </c>
      <c r="CL10" s="112">
        <v>0</v>
      </c>
      <c r="CM10" s="116">
        <v>0</v>
      </c>
      <c r="CN10" s="115">
        <v>0</v>
      </c>
      <c r="CO10" s="113">
        <v>0</v>
      </c>
      <c r="CP10" s="116">
        <v>16043935</v>
      </c>
      <c r="CQ10" s="116">
        <v>22639274</v>
      </c>
      <c r="CR10" s="116">
        <v>14396839</v>
      </c>
      <c r="CS10" s="116">
        <v>8325069</v>
      </c>
      <c r="CT10" s="116">
        <v>4361004</v>
      </c>
      <c r="CU10" s="115">
        <v>65766121</v>
      </c>
      <c r="CV10" s="118">
        <v>65766121</v>
      </c>
      <c r="CW10" s="112">
        <v>1330835</v>
      </c>
      <c r="CX10" s="116">
        <v>2701289</v>
      </c>
      <c r="CY10" s="115">
        <v>4032124</v>
      </c>
      <c r="CZ10" s="112">
        <v>0</v>
      </c>
      <c r="DA10" s="116">
        <v>3966432</v>
      </c>
      <c r="DB10" s="116">
        <v>10303036</v>
      </c>
      <c r="DC10" s="116">
        <v>8130262</v>
      </c>
      <c r="DD10" s="116">
        <v>4992377</v>
      </c>
      <c r="DE10" s="116">
        <v>2234137</v>
      </c>
      <c r="DF10" s="115">
        <v>29626244</v>
      </c>
      <c r="DG10" s="118">
        <v>33658368</v>
      </c>
      <c r="DH10" s="112">
        <v>0</v>
      </c>
      <c r="DI10" s="116">
        <v>260240</v>
      </c>
      <c r="DJ10" s="114">
        <v>260240</v>
      </c>
      <c r="DK10" s="113">
        <v>0</v>
      </c>
      <c r="DL10" s="116">
        <v>2147363</v>
      </c>
      <c r="DM10" s="116">
        <v>7028128</v>
      </c>
      <c r="DN10" s="116">
        <v>9196012</v>
      </c>
      <c r="DO10" s="116">
        <v>8004391</v>
      </c>
      <c r="DP10" s="116">
        <v>4443522</v>
      </c>
      <c r="DQ10" s="115">
        <v>30819416</v>
      </c>
      <c r="DR10" s="118">
        <v>31079656</v>
      </c>
      <c r="DS10" s="112">
        <v>0</v>
      </c>
      <c r="DT10" s="116">
        <v>191782</v>
      </c>
      <c r="DU10" s="115">
        <v>191782</v>
      </c>
      <c r="DV10" s="112">
        <v>0</v>
      </c>
      <c r="DW10" s="116">
        <v>1757401</v>
      </c>
      <c r="DX10" s="116">
        <v>5724464</v>
      </c>
      <c r="DY10" s="116">
        <v>7695590</v>
      </c>
      <c r="DZ10" s="116">
        <v>5920175</v>
      </c>
      <c r="EA10" s="116">
        <v>2865618</v>
      </c>
      <c r="EB10" s="115">
        <v>23963248</v>
      </c>
      <c r="EC10" s="118">
        <v>24155030</v>
      </c>
      <c r="ED10" s="112">
        <v>0</v>
      </c>
      <c r="EE10" s="114">
        <v>68458</v>
      </c>
      <c r="EF10" s="115">
        <v>68458</v>
      </c>
      <c r="EG10" s="112">
        <v>0</v>
      </c>
      <c r="EH10" s="116">
        <v>389962</v>
      </c>
      <c r="EI10" s="116">
        <v>1303664</v>
      </c>
      <c r="EJ10" s="116">
        <v>1500422</v>
      </c>
      <c r="EK10" s="116">
        <v>2084216</v>
      </c>
      <c r="EL10" s="116">
        <v>1577904</v>
      </c>
      <c r="EM10" s="114">
        <v>6856168</v>
      </c>
      <c r="EN10" s="118">
        <v>6924626</v>
      </c>
      <c r="EO10" s="112">
        <v>0</v>
      </c>
      <c r="EP10" s="116">
        <v>0</v>
      </c>
      <c r="EQ10" s="114">
        <v>0</v>
      </c>
      <c r="ER10" s="113">
        <v>0</v>
      </c>
      <c r="ES10" s="116">
        <v>0</v>
      </c>
      <c r="ET10" s="116">
        <v>0</v>
      </c>
      <c r="EU10" s="116">
        <v>0</v>
      </c>
      <c r="EV10" s="116">
        <v>0</v>
      </c>
      <c r="EW10" s="116">
        <v>0</v>
      </c>
      <c r="EX10" s="115">
        <v>0</v>
      </c>
      <c r="EY10" s="118">
        <v>0</v>
      </c>
      <c r="EZ10" s="112">
        <v>0</v>
      </c>
      <c r="FA10" s="116">
        <v>0</v>
      </c>
      <c r="FB10" s="114">
        <v>0</v>
      </c>
      <c r="FC10" s="390"/>
      <c r="FD10" s="116">
        <v>0</v>
      </c>
      <c r="FE10" s="116">
        <v>0</v>
      </c>
      <c r="FF10" s="116">
        <v>0</v>
      </c>
      <c r="FG10" s="116">
        <v>0</v>
      </c>
      <c r="FH10" s="116">
        <v>0</v>
      </c>
      <c r="FI10" s="115">
        <v>0</v>
      </c>
      <c r="FJ10" s="118">
        <v>0</v>
      </c>
      <c r="FK10" s="112">
        <v>1832636</v>
      </c>
      <c r="FL10" s="116">
        <v>3558006</v>
      </c>
      <c r="FM10" s="115">
        <v>5390642</v>
      </c>
      <c r="FN10" s="112">
        <v>0</v>
      </c>
      <c r="FO10" s="116">
        <v>4221199</v>
      </c>
      <c r="FP10" s="116">
        <v>13443526</v>
      </c>
      <c r="FQ10" s="116">
        <v>8548404</v>
      </c>
      <c r="FR10" s="116">
        <v>8834944</v>
      </c>
      <c r="FS10" s="116">
        <v>5829858</v>
      </c>
      <c r="FT10" s="115">
        <v>40877931</v>
      </c>
      <c r="FU10" s="118">
        <v>46268573</v>
      </c>
      <c r="FV10" s="117">
        <v>710353</v>
      </c>
      <c r="FW10" s="116">
        <v>2256142</v>
      </c>
      <c r="FX10" s="114">
        <v>2966495</v>
      </c>
      <c r="FY10" s="113">
        <v>0</v>
      </c>
      <c r="FZ10" s="116">
        <v>2404549</v>
      </c>
      <c r="GA10" s="116">
        <v>11950393</v>
      </c>
      <c r="GB10" s="116">
        <v>7824476</v>
      </c>
      <c r="GC10" s="116">
        <v>8062284</v>
      </c>
      <c r="GD10" s="116">
        <v>5712710</v>
      </c>
      <c r="GE10" s="115">
        <v>35954412</v>
      </c>
      <c r="GF10" s="354">
        <v>38920907</v>
      </c>
      <c r="GG10" s="117">
        <v>22583</v>
      </c>
      <c r="GH10" s="116">
        <v>119662</v>
      </c>
      <c r="GI10" s="114">
        <v>142245</v>
      </c>
      <c r="GJ10" s="113">
        <v>0</v>
      </c>
      <c r="GK10" s="116">
        <v>328660</v>
      </c>
      <c r="GL10" s="116">
        <v>323898</v>
      </c>
      <c r="GM10" s="116">
        <v>259128</v>
      </c>
      <c r="GN10" s="116">
        <v>362460</v>
      </c>
      <c r="GO10" s="116">
        <v>117148</v>
      </c>
      <c r="GP10" s="115">
        <v>1391294</v>
      </c>
      <c r="GQ10" s="118">
        <v>1533539</v>
      </c>
      <c r="GR10" s="112">
        <v>1099700</v>
      </c>
      <c r="GS10" s="116">
        <v>1182202</v>
      </c>
      <c r="GT10" s="115">
        <v>2281902</v>
      </c>
      <c r="GU10" s="112">
        <v>0</v>
      </c>
      <c r="GV10" s="116">
        <v>1487990</v>
      </c>
      <c r="GW10" s="116">
        <v>1169235</v>
      </c>
      <c r="GX10" s="116">
        <v>464800</v>
      </c>
      <c r="GY10" s="116">
        <v>410200</v>
      </c>
      <c r="GZ10" s="116">
        <v>0</v>
      </c>
      <c r="HA10" s="114">
        <v>3532225</v>
      </c>
      <c r="HB10" s="118">
        <v>5814127</v>
      </c>
      <c r="HC10" s="112">
        <v>4310766</v>
      </c>
      <c r="HD10" s="116">
        <v>6643637</v>
      </c>
      <c r="HE10" s="114">
        <v>10954403</v>
      </c>
      <c r="HF10" s="113">
        <v>0</v>
      </c>
      <c r="HG10" s="116">
        <v>35220966</v>
      </c>
      <c r="HH10" s="116">
        <v>49773021</v>
      </c>
      <c r="HI10" s="116">
        <v>44643382</v>
      </c>
      <c r="HJ10" s="116">
        <v>46337016</v>
      </c>
      <c r="HK10" s="116">
        <v>35860716</v>
      </c>
      <c r="HL10" s="115">
        <v>211835101</v>
      </c>
      <c r="HM10" s="111">
        <v>222789504</v>
      </c>
      <c r="HN10" s="370"/>
      <c r="HO10" s="371"/>
      <c r="HP10" s="372"/>
      <c r="HQ10" s="373"/>
      <c r="HR10" s="371"/>
      <c r="HS10" s="371"/>
      <c r="HT10" s="371"/>
      <c r="HU10" s="371"/>
      <c r="HV10" s="371"/>
      <c r="HW10" s="374"/>
      <c r="HX10" s="375"/>
      <c r="HY10" s="148">
        <v>295969</v>
      </c>
      <c r="HZ10" s="149">
        <v>259382</v>
      </c>
      <c r="IA10" s="150">
        <v>555351</v>
      </c>
      <c r="IB10" s="151">
        <v>0</v>
      </c>
      <c r="IC10" s="152">
        <v>20398600</v>
      </c>
      <c r="ID10" s="153">
        <v>29813574</v>
      </c>
      <c r="IE10" s="154">
        <v>32825989</v>
      </c>
      <c r="IF10" s="152">
        <v>24161664</v>
      </c>
      <c r="IG10" s="154">
        <v>16201853</v>
      </c>
      <c r="IH10" s="155">
        <v>123401680</v>
      </c>
      <c r="II10" s="156">
        <v>123957031</v>
      </c>
      <c r="IJ10" s="261">
        <v>0</v>
      </c>
      <c r="IK10" s="268">
        <v>0</v>
      </c>
      <c r="IL10" s="269">
        <v>0</v>
      </c>
      <c r="IM10" s="157"/>
      <c r="IN10" s="122">
        <v>651748</v>
      </c>
      <c r="IO10" s="122">
        <v>2354538</v>
      </c>
      <c r="IP10" s="122">
        <v>1527968</v>
      </c>
      <c r="IQ10" s="122">
        <v>1695072</v>
      </c>
      <c r="IR10" s="122">
        <v>804239</v>
      </c>
      <c r="IS10" s="158">
        <v>7033565</v>
      </c>
      <c r="IT10" s="357">
        <v>7033565</v>
      </c>
      <c r="IU10" s="159">
        <v>0</v>
      </c>
      <c r="IV10" s="122">
        <v>0</v>
      </c>
      <c r="IW10" s="123">
        <v>0</v>
      </c>
      <c r="IX10" s="161"/>
      <c r="IY10" s="122">
        <v>105577</v>
      </c>
      <c r="IZ10" s="122">
        <v>392843</v>
      </c>
      <c r="JA10" s="122">
        <v>681157</v>
      </c>
      <c r="JB10" s="122">
        <v>654115</v>
      </c>
      <c r="JC10" s="122">
        <v>882128</v>
      </c>
      <c r="JD10" s="123">
        <v>2715820</v>
      </c>
      <c r="JE10" s="124">
        <v>2715820</v>
      </c>
      <c r="JF10" s="159">
        <v>0</v>
      </c>
      <c r="JG10" s="122">
        <v>0</v>
      </c>
      <c r="JH10" s="158">
        <v>0</v>
      </c>
      <c r="JI10" s="121">
        <v>0</v>
      </c>
      <c r="JJ10" s="122">
        <v>9113096</v>
      </c>
      <c r="JK10" s="122">
        <v>11080020</v>
      </c>
      <c r="JL10" s="122">
        <v>6928505</v>
      </c>
      <c r="JM10" s="122">
        <v>5891385</v>
      </c>
      <c r="JN10" s="122">
        <v>2057294</v>
      </c>
      <c r="JO10" s="123">
        <v>35070300</v>
      </c>
      <c r="JP10" s="357">
        <v>35070300</v>
      </c>
      <c r="JQ10" s="159">
        <v>0</v>
      </c>
      <c r="JR10" s="122">
        <v>0</v>
      </c>
      <c r="JS10" s="158">
        <v>0</v>
      </c>
      <c r="JT10" s="121">
        <v>0</v>
      </c>
      <c r="JU10" s="122">
        <v>1585004</v>
      </c>
      <c r="JV10" s="122">
        <v>4197945</v>
      </c>
      <c r="JW10" s="122">
        <v>2583341</v>
      </c>
      <c r="JX10" s="122">
        <v>1668147</v>
      </c>
      <c r="JY10" s="122">
        <v>2566929</v>
      </c>
      <c r="JZ10" s="123">
        <v>12601366</v>
      </c>
      <c r="KA10" s="357">
        <v>12601366</v>
      </c>
      <c r="KB10" s="264">
        <v>295969</v>
      </c>
      <c r="KC10" s="258">
        <v>259382</v>
      </c>
      <c r="KD10" s="123">
        <v>555351</v>
      </c>
      <c r="KE10" s="121">
        <v>0</v>
      </c>
      <c r="KF10" s="122">
        <v>2980989</v>
      </c>
      <c r="KG10" s="122">
        <v>2312891</v>
      </c>
      <c r="KH10" s="122">
        <v>5021168</v>
      </c>
      <c r="KI10" s="122">
        <v>4461671</v>
      </c>
      <c r="KJ10" s="122">
        <v>2400561</v>
      </c>
      <c r="KK10" s="123">
        <v>17177280</v>
      </c>
      <c r="KL10" s="160">
        <v>17732631</v>
      </c>
      <c r="KM10" s="261">
        <v>0</v>
      </c>
      <c r="KN10" s="268">
        <v>0</v>
      </c>
      <c r="KO10" s="269">
        <v>0</v>
      </c>
      <c r="KP10" s="157"/>
      <c r="KQ10" s="122">
        <v>5815921</v>
      </c>
      <c r="KR10" s="122">
        <v>8491704</v>
      </c>
      <c r="KS10" s="122">
        <v>14543637</v>
      </c>
      <c r="KT10" s="122">
        <v>7319325</v>
      </c>
      <c r="KU10" s="122">
        <v>3733383</v>
      </c>
      <c r="KV10" s="123">
        <v>39903970</v>
      </c>
      <c r="KW10" s="357">
        <v>39903970</v>
      </c>
      <c r="KX10" s="159">
        <v>0</v>
      </c>
      <c r="KY10" s="122">
        <v>0</v>
      </c>
      <c r="KZ10" s="123">
        <v>0</v>
      </c>
      <c r="LA10" s="162"/>
      <c r="LB10" s="122">
        <v>0</v>
      </c>
      <c r="LC10" s="122">
        <v>0</v>
      </c>
      <c r="LD10" s="122">
        <v>0</v>
      </c>
      <c r="LE10" s="122">
        <v>0</v>
      </c>
      <c r="LF10" s="122">
        <v>0</v>
      </c>
      <c r="LG10" s="123">
        <v>0</v>
      </c>
      <c r="LH10" s="124">
        <v>0</v>
      </c>
      <c r="LI10" s="159">
        <v>0</v>
      </c>
      <c r="LJ10" s="122">
        <v>0</v>
      </c>
      <c r="LK10" s="123">
        <v>0</v>
      </c>
      <c r="LL10" s="162"/>
      <c r="LM10" s="122">
        <v>0</v>
      </c>
      <c r="LN10" s="122">
        <v>0</v>
      </c>
      <c r="LO10" s="122">
        <v>234424</v>
      </c>
      <c r="LP10" s="122">
        <v>493387</v>
      </c>
      <c r="LQ10" s="122">
        <v>0</v>
      </c>
      <c r="LR10" s="123">
        <v>727811</v>
      </c>
      <c r="LS10" s="357">
        <v>727811</v>
      </c>
      <c r="LT10" s="159">
        <v>0</v>
      </c>
      <c r="LU10" s="122">
        <v>0</v>
      </c>
      <c r="LV10" s="123">
        <v>0</v>
      </c>
      <c r="LW10" s="162"/>
      <c r="LX10" s="122">
        <v>146265</v>
      </c>
      <c r="LY10" s="122">
        <v>983633</v>
      </c>
      <c r="LZ10" s="122">
        <v>1305789</v>
      </c>
      <c r="MA10" s="122">
        <v>1978562</v>
      </c>
      <c r="MB10" s="122">
        <v>3757319</v>
      </c>
      <c r="MC10" s="123">
        <v>8171568</v>
      </c>
      <c r="MD10" s="124">
        <v>8171568</v>
      </c>
      <c r="ME10" s="159">
        <v>0</v>
      </c>
      <c r="MF10" s="122">
        <v>0</v>
      </c>
      <c r="MG10" s="123">
        <v>0</v>
      </c>
      <c r="MH10" s="162"/>
      <c r="MI10" s="122">
        <v>6317206</v>
      </c>
      <c r="MJ10" s="122">
        <v>21185298</v>
      </c>
      <c r="MK10" s="122">
        <v>49647585</v>
      </c>
      <c r="ML10" s="122">
        <v>73985581</v>
      </c>
      <c r="MM10" s="122">
        <v>56742483</v>
      </c>
      <c r="MN10" s="123">
        <v>207878153</v>
      </c>
      <c r="MO10" s="160">
        <v>207878153</v>
      </c>
      <c r="MP10" s="159">
        <v>0</v>
      </c>
      <c r="MQ10" s="122">
        <v>0</v>
      </c>
      <c r="MR10" s="123">
        <v>0</v>
      </c>
      <c r="MS10" s="162"/>
      <c r="MT10" s="122">
        <v>557627</v>
      </c>
      <c r="MU10" s="122">
        <v>3953607</v>
      </c>
      <c r="MV10" s="122">
        <v>23989631</v>
      </c>
      <c r="MW10" s="122">
        <v>40188340</v>
      </c>
      <c r="MX10" s="122">
        <v>32674211</v>
      </c>
      <c r="MY10" s="123">
        <v>101363416</v>
      </c>
      <c r="MZ10" s="160">
        <v>101363416</v>
      </c>
      <c r="NA10" s="159">
        <v>0</v>
      </c>
      <c r="NB10" s="122">
        <v>0</v>
      </c>
      <c r="NC10" s="123">
        <v>0</v>
      </c>
      <c r="ND10" s="162"/>
      <c r="NE10" s="122">
        <v>5759579</v>
      </c>
      <c r="NF10" s="122">
        <v>17006463</v>
      </c>
      <c r="NG10" s="122">
        <v>25303839</v>
      </c>
      <c r="NH10" s="122">
        <v>31615515</v>
      </c>
      <c r="NI10" s="122">
        <v>20673080</v>
      </c>
      <c r="NJ10" s="123">
        <v>100358476</v>
      </c>
      <c r="NK10" s="357">
        <v>100358476</v>
      </c>
      <c r="NL10" s="159">
        <v>0</v>
      </c>
      <c r="NM10" s="122">
        <v>0</v>
      </c>
      <c r="NN10" s="123">
        <v>0</v>
      </c>
      <c r="NO10" s="162"/>
      <c r="NP10" s="122">
        <v>0</v>
      </c>
      <c r="NQ10" s="122">
        <v>0</v>
      </c>
      <c r="NR10" s="122">
        <v>208583</v>
      </c>
      <c r="NS10" s="122">
        <v>1137258</v>
      </c>
      <c r="NT10" s="122">
        <v>1503109</v>
      </c>
      <c r="NU10" s="123">
        <v>2848950</v>
      </c>
      <c r="NV10" s="124">
        <v>2848950</v>
      </c>
      <c r="NW10" s="159">
        <v>0</v>
      </c>
      <c r="NX10" s="122">
        <v>0</v>
      </c>
      <c r="NY10" s="123">
        <v>0</v>
      </c>
      <c r="NZ10" s="162"/>
      <c r="OA10" s="122">
        <v>0</v>
      </c>
      <c r="OB10" s="122">
        <v>225228</v>
      </c>
      <c r="OC10" s="122">
        <v>145532</v>
      </c>
      <c r="OD10" s="122">
        <v>1044468</v>
      </c>
      <c r="OE10" s="122">
        <v>1892083</v>
      </c>
      <c r="OF10" s="123">
        <v>3307311</v>
      </c>
      <c r="OG10" s="124">
        <v>3307311</v>
      </c>
      <c r="OH10" s="159">
        <v>10659242</v>
      </c>
      <c r="OI10" s="122">
        <v>21282081</v>
      </c>
      <c r="OJ10" s="158">
        <v>31941323</v>
      </c>
      <c r="OK10" s="121">
        <v>0</v>
      </c>
      <c r="OL10" s="122">
        <v>115873933</v>
      </c>
      <c r="OM10" s="122">
        <v>208341855</v>
      </c>
      <c r="ON10" s="122">
        <v>206337134</v>
      </c>
      <c r="OO10" s="122">
        <v>219237085</v>
      </c>
      <c r="OP10" s="122">
        <v>167492168</v>
      </c>
      <c r="OQ10" s="123">
        <v>917282175</v>
      </c>
      <c r="OR10" s="160">
        <v>20265942.428389002</v>
      </c>
    </row>
    <row r="11" spans="1:408" ht="20.25" customHeight="1" x14ac:dyDescent="0.2">
      <c r="A11" s="129" t="s">
        <v>6</v>
      </c>
      <c r="B11" s="112">
        <v>3286032</v>
      </c>
      <c r="C11" s="116">
        <v>5180038</v>
      </c>
      <c r="D11" s="115">
        <v>8466070</v>
      </c>
      <c r="E11" s="111">
        <v>0</v>
      </c>
      <c r="F11" s="116">
        <v>41667416</v>
      </c>
      <c r="G11" s="116">
        <v>46476537</v>
      </c>
      <c r="H11" s="116">
        <v>42771126</v>
      </c>
      <c r="I11" s="116">
        <v>53518455</v>
      </c>
      <c r="J11" s="116">
        <v>36342646</v>
      </c>
      <c r="K11" s="111">
        <v>220776180</v>
      </c>
      <c r="L11" s="118">
        <v>229242250</v>
      </c>
      <c r="M11" s="112">
        <v>983686</v>
      </c>
      <c r="N11" s="116">
        <v>2177410</v>
      </c>
      <c r="O11" s="115">
        <v>3161096</v>
      </c>
      <c r="P11" s="112">
        <v>0</v>
      </c>
      <c r="Q11" s="116">
        <v>13702022</v>
      </c>
      <c r="R11" s="116">
        <v>16894736</v>
      </c>
      <c r="S11" s="116">
        <v>14339566</v>
      </c>
      <c r="T11" s="116">
        <v>18740399</v>
      </c>
      <c r="U11" s="116">
        <v>14756155</v>
      </c>
      <c r="V11" s="115">
        <v>78432878</v>
      </c>
      <c r="W11" s="118">
        <v>81593974</v>
      </c>
      <c r="X11" s="112">
        <v>0</v>
      </c>
      <c r="Y11" s="116">
        <v>0</v>
      </c>
      <c r="Z11" s="115">
        <v>0</v>
      </c>
      <c r="AA11" s="112">
        <v>0</v>
      </c>
      <c r="AB11" s="116">
        <v>5694502</v>
      </c>
      <c r="AC11" s="116">
        <v>7663801</v>
      </c>
      <c r="AD11" s="116">
        <v>6839983</v>
      </c>
      <c r="AE11" s="116">
        <v>10698354</v>
      </c>
      <c r="AF11" s="116">
        <v>7996506</v>
      </c>
      <c r="AG11" s="115">
        <v>38893146</v>
      </c>
      <c r="AH11" s="118">
        <v>38893146</v>
      </c>
      <c r="AI11" s="112">
        <v>0</v>
      </c>
      <c r="AJ11" s="116">
        <v>49809</v>
      </c>
      <c r="AK11" s="115">
        <v>49809</v>
      </c>
      <c r="AL11" s="112">
        <v>0</v>
      </c>
      <c r="AM11" s="116">
        <v>10523</v>
      </c>
      <c r="AN11" s="116">
        <v>183918</v>
      </c>
      <c r="AO11" s="116">
        <v>464272</v>
      </c>
      <c r="AP11" s="116">
        <v>960522</v>
      </c>
      <c r="AQ11" s="116">
        <v>1396064</v>
      </c>
      <c r="AR11" s="115">
        <v>3015299</v>
      </c>
      <c r="AS11" s="118">
        <v>3065108</v>
      </c>
      <c r="AT11" s="112">
        <v>531938</v>
      </c>
      <c r="AU11" s="116">
        <v>1472530</v>
      </c>
      <c r="AV11" s="115">
        <v>2004468</v>
      </c>
      <c r="AW11" s="112">
        <v>0</v>
      </c>
      <c r="AX11" s="116">
        <v>5107433</v>
      </c>
      <c r="AY11" s="116">
        <v>5716235</v>
      </c>
      <c r="AZ11" s="116">
        <v>4191305</v>
      </c>
      <c r="BA11" s="116">
        <v>3737563</v>
      </c>
      <c r="BB11" s="116">
        <v>3123385</v>
      </c>
      <c r="BC11" s="115">
        <v>21875921</v>
      </c>
      <c r="BD11" s="118">
        <v>23880389</v>
      </c>
      <c r="BE11" s="112">
        <v>28605</v>
      </c>
      <c r="BF11" s="116">
        <v>136322</v>
      </c>
      <c r="BG11" s="114">
        <v>164927</v>
      </c>
      <c r="BH11" s="113">
        <v>0</v>
      </c>
      <c r="BI11" s="116">
        <v>389936</v>
      </c>
      <c r="BJ11" s="116">
        <v>555961</v>
      </c>
      <c r="BK11" s="116">
        <v>360770</v>
      </c>
      <c r="BL11" s="116">
        <v>383501</v>
      </c>
      <c r="BM11" s="116">
        <v>93180</v>
      </c>
      <c r="BN11" s="115">
        <v>1783348</v>
      </c>
      <c r="BO11" s="118">
        <v>1948275</v>
      </c>
      <c r="BP11" s="112">
        <v>423143</v>
      </c>
      <c r="BQ11" s="116">
        <v>518749</v>
      </c>
      <c r="BR11" s="115">
        <v>941892</v>
      </c>
      <c r="BS11" s="112">
        <v>0</v>
      </c>
      <c r="BT11" s="116">
        <v>2499628</v>
      </c>
      <c r="BU11" s="116">
        <v>2774821</v>
      </c>
      <c r="BV11" s="116">
        <v>2483236</v>
      </c>
      <c r="BW11" s="116">
        <v>2960459</v>
      </c>
      <c r="BX11" s="116">
        <v>2147020</v>
      </c>
      <c r="BY11" s="115">
        <v>12865164</v>
      </c>
      <c r="BZ11" s="118">
        <v>13807056</v>
      </c>
      <c r="CA11" s="112">
        <v>113061</v>
      </c>
      <c r="CB11" s="116">
        <v>349888</v>
      </c>
      <c r="CC11" s="115">
        <v>462949</v>
      </c>
      <c r="CD11" s="112">
        <v>0</v>
      </c>
      <c r="CE11" s="116">
        <v>11498065</v>
      </c>
      <c r="CF11" s="116">
        <v>9723557</v>
      </c>
      <c r="CG11" s="116">
        <v>6536018</v>
      </c>
      <c r="CH11" s="116">
        <v>6552891</v>
      </c>
      <c r="CI11" s="116">
        <v>2826975</v>
      </c>
      <c r="CJ11" s="115">
        <v>37137506</v>
      </c>
      <c r="CK11" s="118">
        <v>37600455</v>
      </c>
      <c r="CL11" s="112">
        <v>0</v>
      </c>
      <c r="CM11" s="116">
        <v>0</v>
      </c>
      <c r="CN11" s="115">
        <v>0</v>
      </c>
      <c r="CO11" s="113">
        <v>0</v>
      </c>
      <c r="CP11" s="116">
        <v>9865104</v>
      </c>
      <c r="CQ11" s="116">
        <v>7428546</v>
      </c>
      <c r="CR11" s="116">
        <v>4887056</v>
      </c>
      <c r="CS11" s="116">
        <v>4226716</v>
      </c>
      <c r="CT11" s="116">
        <v>2255704</v>
      </c>
      <c r="CU11" s="115">
        <v>28663126</v>
      </c>
      <c r="CV11" s="118">
        <v>28663126</v>
      </c>
      <c r="CW11" s="112">
        <v>113061</v>
      </c>
      <c r="CX11" s="116">
        <v>349888</v>
      </c>
      <c r="CY11" s="115">
        <v>462949</v>
      </c>
      <c r="CZ11" s="112">
        <v>0</v>
      </c>
      <c r="DA11" s="116">
        <v>1632961</v>
      </c>
      <c r="DB11" s="116">
        <v>2295011</v>
      </c>
      <c r="DC11" s="116">
        <v>1648962</v>
      </c>
      <c r="DD11" s="116">
        <v>2326175</v>
      </c>
      <c r="DE11" s="116">
        <v>571271</v>
      </c>
      <c r="DF11" s="115">
        <v>8474380</v>
      </c>
      <c r="DG11" s="118">
        <v>8937329</v>
      </c>
      <c r="DH11" s="112">
        <v>0</v>
      </c>
      <c r="DI11" s="116">
        <v>0</v>
      </c>
      <c r="DJ11" s="114">
        <v>0</v>
      </c>
      <c r="DK11" s="113">
        <v>0</v>
      </c>
      <c r="DL11" s="116">
        <v>1460979</v>
      </c>
      <c r="DM11" s="116">
        <v>1302503</v>
      </c>
      <c r="DN11" s="116">
        <v>2711946</v>
      </c>
      <c r="DO11" s="116">
        <v>2612614</v>
      </c>
      <c r="DP11" s="116">
        <v>1485155</v>
      </c>
      <c r="DQ11" s="115">
        <v>9573197</v>
      </c>
      <c r="DR11" s="118">
        <v>9573197</v>
      </c>
      <c r="DS11" s="112">
        <v>0</v>
      </c>
      <c r="DT11" s="116">
        <v>0</v>
      </c>
      <c r="DU11" s="115">
        <v>0</v>
      </c>
      <c r="DV11" s="112">
        <v>0</v>
      </c>
      <c r="DW11" s="116">
        <v>1050664</v>
      </c>
      <c r="DX11" s="116">
        <v>1148756</v>
      </c>
      <c r="DY11" s="116">
        <v>2119210</v>
      </c>
      <c r="DZ11" s="116">
        <v>1825886</v>
      </c>
      <c r="EA11" s="116">
        <v>1342507</v>
      </c>
      <c r="EB11" s="115">
        <v>7487023</v>
      </c>
      <c r="EC11" s="118">
        <v>7487023</v>
      </c>
      <c r="ED11" s="112">
        <v>0</v>
      </c>
      <c r="EE11" s="114">
        <v>0</v>
      </c>
      <c r="EF11" s="115">
        <v>0</v>
      </c>
      <c r="EG11" s="112">
        <v>0</v>
      </c>
      <c r="EH11" s="116">
        <v>410315</v>
      </c>
      <c r="EI11" s="116">
        <v>153747</v>
      </c>
      <c r="EJ11" s="116">
        <v>592736</v>
      </c>
      <c r="EK11" s="116">
        <v>786728</v>
      </c>
      <c r="EL11" s="116">
        <v>142648</v>
      </c>
      <c r="EM11" s="114">
        <v>2086174</v>
      </c>
      <c r="EN11" s="118">
        <v>2086174</v>
      </c>
      <c r="EO11" s="112">
        <v>0</v>
      </c>
      <c r="EP11" s="116">
        <v>0</v>
      </c>
      <c r="EQ11" s="114">
        <v>0</v>
      </c>
      <c r="ER11" s="113">
        <v>0</v>
      </c>
      <c r="ES11" s="116">
        <v>0</v>
      </c>
      <c r="ET11" s="116">
        <v>0</v>
      </c>
      <c r="EU11" s="116">
        <v>0</v>
      </c>
      <c r="EV11" s="116">
        <v>0</v>
      </c>
      <c r="EW11" s="116">
        <v>0</v>
      </c>
      <c r="EX11" s="115">
        <v>0</v>
      </c>
      <c r="EY11" s="118">
        <v>0</v>
      </c>
      <c r="EZ11" s="112">
        <v>0</v>
      </c>
      <c r="FA11" s="116">
        <v>0</v>
      </c>
      <c r="FB11" s="114">
        <v>0</v>
      </c>
      <c r="FC11" s="390"/>
      <c r="FD11" s="116">
        <v>0</v>
      </c>
      <c r="FE11" s="116">
        <v>0</v>
      </c>
      <c r="FF11" s="116">
        <v>0</v>
      </c>
      <c r="FG11" s="116">
        <v>0</v>
      </c>
      <c r="FH11" s="116">
        <v>0</v>
      </c>
      <c r="FI11" s="115">
        <v>0</v>
      </c>
      <c r="FJ11" s="118">
        <v>0</v>
      </c>
      <c r="FK11" s="112">
        <v>671225</v>
      </c>
      <c r="FL11" s="116">
        <v>934043</v>
      </c>
      <c r="FM11" s="115">
        <v>1605268</v>
      </c>
      <c r="FN11" s="112">
        <v>0</v>
      </c>
      <c r="FO11" s="116">
        <v>2155806</v>
      </c>
      <c r="FP11" s="116">
        <v>4038624</v>
      </c>
      <c r="FQ11" s="116">
        <v>3317415</v>
      </c>
      <c r="FR11" s="116">
        <v>3906274</v>
      </c>
      <c r="FS11" s="116">
        <v>2099426</v>
      </c>
      <c r="FT11" s="115">
        <v>15517545</v>
      </c>
      <c r="FU11" s="118">
        <v>17122813</v>
      </c>
      <c r="FV11" s="117">
        <v>395570</v>
      </c>
      <c r="FW11" s="116">
        <v>741739</v>
      </c>
      <c r="FX11" s="114">
        <v>1137309</v>
      </c>
      <c r="FY11" s="113">
        <v>0</v>
      </c>
      <c r="FZ11" s="116">
        <v>1758196</v>
      </c>
      <c r="GA11" s="116">
        <v>3860019</v>
      </c>
      <c r="GB11" s="116">
        <v>3213707</v>
      </c>
      <c r="GC11" s="116">
        <v>3480142</v>
      </c>
      <c r="GD11" s="116">
        <v>2013102</v>
      </c>
      <c r="GE11" s="115">
        <v>14325166</v>
      </c>
      <c r="GF11" s="354">
        <v>15462475</v>
      </c>
      <c r="GG11" s="117">
        <v>12600</v>
      </c>
      <c r="GH11" s="116">
        <v>50204</v>
      </c>
      <c r="GI11" s="114">
        <v>62804</v>
      </c>
      <c r="GJ11" s="113">
        <v>0</v>
      </c>
      <c r="GK11" s="116">
        <v>164510</v>
      </c>
      <c r="GL11" s="116">
        <v>126868</v>
      </c>
      <c r="GM11" s="116">
        <v>65747</v>
      </c>
      <c r="GN11" s="116">
        <v>186032</v>
      </c>
      <c r="GO11" s="116">
        <v>86324</v>
      </c>
      <c r="GP11" s="115">
        <v>629481</v>
      </c>
      <c r="GQ11" s="118">
        <v>692285</v>
      </c>
      <c r="GR11" s="112">
        <v>263055</v>
      </c>
      <c r="GS11" s="116">
        <v>142100</v>
      </c>
      <c r="GT11" s="115">
        <v>405155</v>
      </c>
      <c r="GU11" s="112">
        <v>0</v>
      </c>
      <c r="GV11" s="116">
        <v>233100</v>
      </c>
      <c r="GW11" s="116">
        <v>51737</v>
      </c>
      <c r="GX11" s="116">
        <v>37961</v>
      </c>
      <c r="GY11" s="116">
        <v>240100</v>
      </c>
      <c r="GZ11" s="116">
        <v>0</v>
      </c>
      <c r="HA11" s="114">
        <v>562898</v>
      </c>
      <c r="HB11" s="118">
        <v>968053</v>
      </c>
      <c r="HC11" s="112">
        <v>1518060</v>
      </c>
      <c r="HD11" s="116">
        <v>1718697</v>
      </c>
      <c r="HE11" s="114">
        <v>3236757</v>
      </c>
      <c r="HF11" s="113">
        <v>0</v>
      </c>
      <c r="HG11" s="116">
        <v>12850544</v>
      </c>
      <c r="HH11" s="116">
        <v>14517117</v>
      </c>
      <c r="HI11" s="116">
        <v>15866181</v>
      </c>
      <c r="HJ11" s="116">
        <v>21706277</v>
      </c>
      <c r="HK11" s="116">
        <v>15174935</v>
      </c>
      <c r="HL11" s="115">
        <v>80115054</v>
      </c>
      <c r="HM11" s="111">
        <v>83351811</v>
      </c>
      <c r="HN11" s="370"/>
      <c r="HO11" s="371"/>
      <c r="HP11" s="372"/>
      <c r="HQ11" s="373"/>
      <c r="HR11" s="371"/>
      <c r="HS11" s="371"/>
      <c r="HT11" s="371"/>
      <c r="HU11" s="371"/>
      <c r="HV11" s="371"/>
      <c r="HW11" s="374"/>
      <c r="HX11" s="375"/>
      <c r="HY11" s="148">
        <v>70729</v>
      </c>
      <c r="HZ11" s="149">
        <v>262018</v>
      </c>
      <c r="IA11" s="150">
        <v>332747</v>
      </c>
      <c r="IB11" s="163">
        <v>0</v>
      </c>
      <c r="IC11" s="149">
        <v>10463569</v>
      </c>
      <c r="ID11" s="164">
        <v>12992317</v>
      </c>
      <c r="IE11" s="150">
        <v>14732624</v>
      </c>
      <c r="IF11" s="149">
        <v>11224170</v>
      </c>
      <c r="IG11" s="150">
        <v>8278828</v>
      </c>
      <c r="IH11" s="165">
        <v>57691508</v>
      </c>
      <c r="II11" s="156">
        <v>58024255</v>
      </c>
      <c r="IJ11" s="261">
        <v>0</v>
      </c>
      <c r="IK11" s="268">
        <v>0</v>
      </c>
      <c r="IL11" s="269">
        <v>0</v>
      </c>
      <c r="IM11" s="157"/>
      <c r="IN11" s="122">
        <v>715204</v>
      </c>
      <c r="IO11" s="122">
        <v>646199</v>
      </c>
      <c r="IP11" s="122">
        <v>524109</v>
      </c>
      <c r="IQ11" s="122">
        <v>1743517</v>
      </c>
      <c r="IR11" s="122">
        <v>805859</v>
      </c>
      <c r="IS11" s="158">
        <v>4434888</v>
      </c>
      <c r="IT11" s="357">
        <v>4434888</v>
      </c>
      <c r="IU11" s="159">
        <v>0</v>
      </c>
      <c r="IV11" s="122">
        <v>0</v>
      </c>
      <c r="IW11" s="123">
        <v>0</v>
      </c>
      <c r="IX11" s="161"/>
      <c r="IY11" s="122">
        <v>45549</v>
      </c>
      <c r="IZ11" s="122">
        <v>162857</v>
      </c>
      <c r="JA11" s="122">
        <v>117354</v>
      </c>
      <c r="JB11" s="122">
        <v>309506</v>
      </c>
      <c r="JC11" s="122">
        <v>264580</v>
      </c>
      <c r="JD11" s="123">
        <v>899846</v>
      </c>
      <c r="JE11" s="124">
        <v>899846</v>
      </c>
      <c r="JF11" s="159">
        <v>0</v>
      </c>
      <c r="JG11" s="122">
        <v>0</v>
      </c>
      <c r="JH11" s="158">
        <v>0</v>
      </c>
      <c r="JI11" s="121">
        <v>0</v>
      </c>
      <c r="JJ11" s="122">
        <v>4111247</v>
      </c>
      <c r="JK11" s="122">
        <v>2976931</v>
      </c>
      <c r="JL11" s="122">
        <v>2503978</v>
      </c>
      <c r="JM11" s="122">
        <v>821397</v>
      </c>
      <c r="JN11" s="122">
        <v>923526</v>
      </c>
      <c r="JO11" s="123">
        <v>11337079</v>
      </c>
      <c r="JP11" s="357">
        <v>11337079</v>
      </c>
      <c r="JQ11" s="159">
        <v>0</v>
      </c>
      <c r="JR11" s="122">
        <v>0</v>
      </c>
      <c r="JS11" s="158">
        <v>0</v>
      </c>
      <c r="JT11" s="121">
        <v>0</v>
      </c>
      <c r="JU11" s="122">
        <v>506642</v>
      </c>
      <c r="JV11" s="122">
        <v>768417</v>
      </c>
      <c r="JW11" s="122">
        <v>1461351</v>
      </c>
      <c r="JX11" s="122">
        <v>302566</v>
      </c>
      <c r="JY11" s="122">
        <v>402532</v>
      </c>
      <c r="JZ11" s="123">
        <v>3441508</v>
      </c>
      <c r="KA11" s="357">
        <v>3441508</v>
      </c>
      <c r="KB11" s="264">
        <v>70729</v>
      </c>
      <c r="KC11" s="258">
        <v>262018</v>
      </c>
      <c r="KD11" s="123">
        <v>332747</v>
      </c>
      <c r="KE11" s="121">
        <v>0</v>
      </c>
      <c r="KF11" s="122">
        <v>1413997</v>
      </c>
      <c r="KG11" s="122">
        <v>1205579</v>
      </c>
      <c r="KH11" s="122">
        <v>2012078</v>
      </c>
      <c r="KI11" s="122">
        <v>806195</v>
      </c>
      <c r="KJ11" s="122">
        <v>84506</v>
      </c>
      <c r="KK11" s="123">
        <v>5522355</v>
      </c>
      <c r="KL11" s="160">
        <v>5855102</v>
      </c>
      <c r="KM11" s="261">
        <v>0</v>
      </c>
      <c r="KN11" s="268">
        <v>0</v>
      </c>
      <c r="KO11" s="269">
        <v>0</v>
      </c>
      <c r="KP11" s="157"/>
      <c r="KQ11" s="122">
        <v>3179068</v>
      </c>
      <c r="KR11" s="122">
        <v>5943240</v>
      </c>
      <c r="KS11" s="122">
        <v>6056550</v>
      </c>
      <c r="KT11" s="122">
        <v>2602212</v>
      </c>
      <c r="KU11" s="122">
        <v>3642400</v>
      </c>
      <c r="KV11" s="123">
        <v>21423470</v>
      </c>
      <c r="KW11" s="357">
        <v>21423470</v>
      </c>
      <c r="KX11" s="159">
        <v>0</v>
      </c>
      <c r="KY11" s="122">
        <v>0</v>
      </c>
      <c r="KZ11" s="123">
        <v>0</v>
      </c>
      <c r="LA11" s="162"/>
      <c r="LB11" s="122">
        <v>0</v>
      </c>
      <c r="LC11" s="122">
        <v>0</v>
      </c>
      <c r="LD11" s="122">
        <v>0</v>
      </c>
      <c r="LE11" s="122">
        <v>0</v>
      </c>
      <c r="LF11" s="122">
        <v>0</v>
      </c>
      <c r="LG11" s="123">
        <v>0</v>
      </c>
      <c r="LH11" s="124">
        <v>0</v>
      </c>
      <c r="LI11" s="159">
        <v>0</v>
      </c>
      <c r="LJ11" s="122">
        <v>0</v>
      </c>
      <c r="LK11" s="123">
        <v>0</v>
      </c>
      <c r="LL11" s="162"/>
      <c r="LM11" s="122">
        <v>188230</v>
      </c>
      <c r="LN11" s="122">
        <v>0</v>
      </c>
      <c r="LO11" s="122">
        <v>1162997</v>
      </c>
      <c r="LP11" s="122">
        <v>1906470</v>
      </c>
      <c r="LQ11" s="122">
        <v>285947</v>
      </c>
      <c r="LR11" s="123">
        <v>3543644</v>
      </c>
      <c r="LS11" s="357">
        <v>3543644</v>
      </c>
      <c r="LT11" s="159">
        <v>0</v>
      </c>
      <c r="LU11" s="122">
        <v>0</v>
      </c>
      <c r="LV11" s="123">
        <v>0</v>
      </c>
      <c r="LW11" s="162"/>
      <c r="LX11" s="122">
        <v>303632</v>
      </c>
      <c r="LY11" s="122">
        <v>1289094</v>
      </c>
      <c r="LZ11" s="122">
        <v>894207</v>
      </c>
      <c r="MA11" s="122">
        <v>2732307</v>
      </c>
      <c r="MB11" s="122">
        <v>1869478</v>
      </c>
      <c r="MC11" s="123">
        <v>7088718</v>
      </c>
      <c r="MD11" s="124">
        <v>7088718</v>
      </c>
      <c r="ME11" s="159">
        <v>0</v>
      </c>
      <c r="MF11" s="122">
        <v>0</v>
      </c>
      <c r="MG11" s="123">
        <v>0</v>
      </c>
      <c r="MH11" s="162"/>
      <c r="MI11" s="122">
        <v>949424</v>
      </c>
      <c r="MJ11" s="122">
        <v>5449051</v>
      </c>
      <c r="MK11" s="122">
        <v>13244483</v>
      </c>
      <c r="ML11" s="122">
        <v>23887567</v>
      </c>
      <c r="MM11" s="122">
        <v>15303001</v>
      </c>
      <c r="MN11" s="123">
        <v>58833526</v>
      </c>
      <c r="MO11" s="160">
        <v>58833526</v>
      </c>
      <c r="MP11" s="159">
        <v>0</v>
      </c>
      <c r="MQ11" s="122">
        <v>0</v>
      </c>
      <c r="MR11" s="123">
        <v>0</v>
      </c>
      <c r="MS11" s="162"/>
      <c r="MT11" s="122">
        <v>0</v>
      </c>
      <c r="MU11" s="122">
        <v>1242626</v>
      </c>
      <c r="MV11" s="122">
        <v>7158685</v>
      </c>
      <c r="MW11" s="122">
        <v>10504322</v>
      </c>
      <c r="MX11" s="122">
        <v>7860478</v>
      </c>
      <c r="MY11" s="123">
        <v>26766111</v>
      </c>
      <c r="MZ11" s="160">
        <v>26766111</v>
      </c>
      <c r="NA11" s="159">
        <v>0</v>
      </c>
      <c r="NB11" s="122">
        <v>0</v>
      </c>
      <c r="NC11" s="123">
        <v>0</v>
      </c>
      <c r="ND11" s="162"/>
      <c r="NE11" s="122">
        <v>949424</v>
      </c>
      <c r="NF11" s="122">
        <v>4206425</v>
      </c>
      <c r="NG11" s="122">
        <v>6085798</v>
      </c>
      <c r="NH11" s="122">
        <v>10728125</v>
      </c>
      <c r="NI11" s="122">
        <v>3786955</v>
      </c>
      <c r="NJ11" s="123">
        <v>25756727</v>
      </c>
      <c r="NK11" s="357">
        <v>25756727</v>
      </c>
      <c r="NL11" s="159">
        <v>0</v>
      </c>
      <c r="NM11" s="122">
        <v>0</v>
      </c>
      <c r="NN11" s="123">
        <v>0</v>
      </c>
      <c r="NO11" s="162"/>
      <c r="NP11" s="122">
        <v>0</v>
      </c>
      <c r="NQ11" s="122">
        <v>0</v>
      </c>
      <c r="NR11" s="122">
        <v>0</v>
      </c>
      <c r="NS11" s="122">
        <v>2344612</v>
      </c>
      <c r="NT11" s="122">
        <v>2706615</v>
      </c>
      <c r="NU11" s="123">
        <v>5051227</v>
      </c>
      <c r="NV11" s="124">
        <v>5051227</v>
      </c>
      <c r="NW11" s="159">
        <v>0</v>
      </c>
      <c r="NX11" s="122">
        <v>0</v>
      </c>
      <c r="NY11" s="123">
        <v>0</v>
      </c>
      <c r="NZ11" s="162"/>
      <c r="OA11" s="122">
        <v>0</v>
      </c>
      <c r="OB11" s="122">
        <v>0</v>
      </c>
      <c r="OC11" s="122">
        <v>0</v>
      </c>
      <c r="OD11" s="122">
        <v>310508</v>
      </c>
      <c r="OE11" s="122">
        <v>948953</v>
      </c>
      <c r="OF11" s="123">
        <v>1259461</v>
      </c>
      <c r="OG11" s="124">
        <v>1259461</v>
      </c>
      <c r="OH11" s="159">
        <v>3356761</v>
      </c>
      <c r="OI11" s="122">
        <v>5442056</v>
      </c>
      <c r="OJ11" s="158">
        <v>8798817</v>
      </c>
      <c r="OK11" s="121">
        <v>0</v>
      </c>
      <c r="OL11" s="122">
        <v>53080409</v>
      </c>
      <c r="OM11" s="122">
        <v>64917905</v>
      </c>
      <c r="ON11" s="122">
        <v>70748233</v>
      </c>
      <c r="OO11" s="122">
        <v>88630192</v>
      </c>
      <c r="OP11" s="122">
        <v>59924475</v>
      </c>
      <c r="OQ11" s="123">
        <v>337301214</v>
      </c>
      <c r="OR11" s="160">
        <v>6874955.2281335499</v>
      </c>
    </row>
    <row r="12" spans="1:408" ht="20.25" customHeight="1" x14ac:dyDescent="0.2">
      <c r="A12" s="129" t="s">
        <v>14</v>
      </c>
      <c r="B12" s="112">
        <v>1293364</v>
      </c>
      <c r="C12" s="116">
        <v>2883786</v>
      </c>
      <c r="D12" s="115">
        <v>4177150</v>
      </c>
      <c r="E12" s="111">
        <v>0</v>
      </c>
      <c r="F12" s="116">
        <v>11853646</v>
      </c>
      <c r="G12" s="116">
        <v>15586338</v>
      </c>
      <c r="H12" s="116">
        <v>17065225</v>
      </c>
      <c r="I12" s="116">
        <v>18411353</v>
      </c>
      <c r="J12" s="116">
        <v>12169232</v>
      </c>
      <c r="K12" s="114">
        <v>75085794</v>
      </c>
      <c r="L12" s="118">
        <v>79262944</v>
      </c>
      <c r="M12" s="112">
        <v>216661</v>
      </c>
      <c r="N12" s="116">
        <v>744258</v>
      </c>
      <c r="O12" s="115">
        <v>960919</v>
      </c>
      <c r="P12" s="112">
        <v>0</v>
      </c>
      <c r="Q12" s="116">
        <v>3370566</v>
      </c>
      <c r="R12" s="116">
        <v>4489472</v>
      </c>
      <c r="S12" s="116">
        <v>5553058</v>
      </c>
      <c r="T12" s="116">
        <v>6394263</v>
      </c>
      <c r="U12" s="116">
        <v>6174544</v>
      </c>
      <c r="V12" s="115">
        <v>25981903</v>
      </c>
      <c r="W12" s="118">
        <v>26942822</v>
      </c>
      <c r="X12" s="112">
        <v>0</v>
      </c>
      <c r="Y12" s="116">
        <v>0</v>
      </c>
      <c r="Z12" s="115">
        <v>0</v>
      </c>
      <c r="AA12" s="112">
        <v>0</v>
      </c>
      <c r="AB12" s="116">
        <v>1697441</v>
      </c>
      <c r="AC12" s="116">
        <v>1823331</v>
      </c>
      <c r="AD12" s="116">
        <v>2862625</v>
      </c>
      <c r="AE12" s="116">
        <v>3012606</v>
      </c>
      <c r="AF12" s="116">
        <v>3348447</v>
      </c>
      <c r="AG12" s="115">
        <v>12744450</v>
      </c>
      <c r="AH12" s="118">
        <v>12744450</v>
      </c>
      <c r="AI12" s="112">
        <v>0</v>
      </c>
      <c r="AJ12" s="116">
        <v>0</v>
      </c>
      <c r="AK12" s="115">
        <v>0</v>
      </c>
      <c r="AL12" s="112">
        <v>0</v>
      </c>
      <c r="AM12" s="116">
        <v>0</v>
      </c>
      <c r="AN12" s="116">
        <v>125321</v>
      </c>
      <c r="AO12" s="116">
        <v>82070</v>
      </c>
      <c r="AP12" s="116">
        <v>635621</v>
      </c>
      <c r="AQ12" s="116">
        <v>852570</v>
      </c>
      <c r="AR12" s="115">
        <v>1695582</v>
      </c>
      <c r="AS12" s="118">
        <v>1695582</v>
      </c>
      <c r="AT12" s="112">
        <v>94280</v>
      </c>
      <c r="AU12" s="116">
        <v>448610</v>
      </c>
      <c r="AV12" s="115">
        <v>542890</v>
      </c>
      <c r="AW12" s="112">
        <v>0</v>
      </c>
      <c r="AX12" s="116">
        <v>961805</v>
      </c>
      <c r="AY12" s="116">
        <v>1729213</v>
      </c>
      <c r="AZ12" s="116">
        <v>1369404</v>
      </c>
      <c r="BA12" s="116">
        <v>1617234</v>
      </c>
      <c r="BB12" s="116">
        <v>1307764</v>
      </c>
      <c r="BC12" s="115">
        <v>6985420</v>
      </c>
      <c r="BD12" s="118">
        <v>7528310</v>
      </c>
      <c r="BE12" s="112">
        <v>0</v>
      </c>
      <c r="BF12" s="116">
        <v>39301</v>
      </c>
      <c r="BG12" s="114">
        <v>39301</v>
      </c>
      <c r="BH12" s="113">
        <v>0</v>
      </c>
      <c r="BI12" s="116">
        <v>13868</v>
      </c>
      <c r="BJ12" s="116">
        <v>108653</v>
      </c>
      <c r="BK12" s="116">
        <v>207516</v>
      </c>
      <c r="BL12" s="116">
        <v>73784</v>
      </c>
      <c r="BM12" s="116">
        <v>294</v>
      </c>
      <c r="BN12" s="115">
        <v>404115</v>
      </c>
      <c r="BO12" s="118">
        <v>443416</v>
      </c>
      <c r="BP12" s="112">
        <v>122381</v>
      </c>
      <c r="BQ12" s="116">
        <v>256347</v>
      </c>
      <c r="BR12" s="115">
        <v>378728</v>
      </c>
      <c r="BS12" s="112">
        <v>0</v>
      </c>
      <c r="BT12" s="116">
        <v>697452</v>
      </c>
      <c r="BU12" s="116">
        <v>702954</v>
      </c>
      <c r="BV12" s="116">
        <v>1031443</v>
      </c>
      <c r="BW12" s="116">
        <v>1055018</v>
      </c>
      <c r="BX12" s="116">
        <v>665469</v>
      </c>
      <c r="BY12" s="115">
        <v>4152336</v>
      </c>
      <c r="BZ12" s="118">
        <v>4531064</v>
      </c>
      <c r="CA12" s="112">
        <v>55499</v>
      </c>
      <c r="CB12" s="116">
        <v>199140</v>
      </c>
      <c r="CC12" s="115">
        <v>254639</v>
      </c>
      <c r="CD12" s="112">
        <v>0</v>
      </c>
      <c r="CE12" s="116">
        <v>4245401</v>
      </c>
      <c r="CF12" s="116">
        <v>3909514</v>
      </c>
      <c r="CG12" s="116">
        <v>3431182</v>
      </c>
      <c r="CH12" s="116">
        <v>2692805</v>
      </c>
      <c r="CI12" s="116">
        <v>1359142</v>
      </c>
      <c r="CJ12" s="115">
        <v>15638044</v>
      </c>
      <c r="CK12" s="118">
        <v>15892683</v>
      </c>
      <c r="CL12" s="112">
        <v>0</v>
      </c>
      <c r="CM12" s="116">
        <v>0</v>
      </c>
      <c r="CN12" s="115">
        <v>0</v>
      </c>
      <c r="CO12" s="113">
        <v>0</v>
      </c>
      <c r="CP12" s="116">
        <v>4045366</v>
      </c>
      <c r="CQ12" s="116">
        <v>3183499</v>
      </c>
      <c r="CR12" s="116">
        <v>2922879</v>
      </c>
      <c r="CS12" s="116">
        <v>1873979</v>
      </c>
      <c r="CT12" s="116">
        <v>1255012</v>
      </c>
      <c r="CU12" s="115">
        <v>13280735</v>
      </c>
      <c r="CV12" s="118">
        <v>13280735</v>
      </c>
      <c r="CW12" s="112">
        <v>55499</v>
      </c>
      <c r="CX12" s="116">
        <v>199140</v>
      </c>
      <c r="CY12" s="115">
        <v>254639</v>
      </c>
      <c r="CZ12" s="112">
        <v>0</v>
      </c>
      <c r="DA12" s="116">
        <v>200035</v>
      </c>
      <c r="DB12" s="116">
        <v>726015</v>
      </c>
      <c r="DC12" s="116">
        <v>508303</v>
      </c>
      <c r="DD12" s="116">
        <v>818826</v>
      </c>
      <c r="DE12" s="116">
        <v>104130</v>
      </c>
      <c r="DF12" s="115">
        <v>2357309</v>
      </c>
      <c r="DG12" s="118">
        <v>2611948</v>
      </c>
      <c r="DH12" s="112">
        <v>0</v>
      </c>
      <c r="DI12" s="116">
        <v>0</v>
      </c>
      <c r="DJ12" s="114">
        <v>0</v>
      </c>
      <c r="DK12" s="113">
        <v>0</v>
      </c>
      <c r="DL12" s="116">
        <v>630962</v>
      </c>
      <c r="DM12" s="116">
        <v>766126</v>
      </c>
      <c r="DN12" s="116">
        <v>2108457</v>
      </c>
      <c r="DO12" s="116">
        <v>1530425</v>
      </c>
      <c r="DP12" s="116">
        <v>1262044</v>
      </c>
      <c r="DQ12" s="115">
        <v>6298014</v>
      </c>
      <c r="DR12" s="118">
        <v>6298014</v>
      </c>
      <c r="DS12" s="112">
        <v>0</v>
      </c>
      <c r="DT12" s="116">
        <v>0</v>
      </c>
      <c r="DU12" s="115">
        <v>0</v>
      </c>
      <c r="DV12" s="112">
        <v>0</v>
      </c>
      <c r="DW12" s="116">
        <v>630962</v>
      </c>
      <c r="DX12" s="116">
        <v>766126</v>
      </c>
      <c r="DY12" s="116">
        <v>2108457</v>
      </c>
      <c r="DZ12" s="116">
        <v>1505599</v>
      </c>
      <c r="EA12" s="116">
        <v>928505</v>
      </c>
      <c r="EB12" s="115">
        <v>5939649</v>
      </c>
      <c r="EC12" s="118">
        <v>5939649</v>
      </c>
      <c r="ED12" s="112">
        <v>0</v>
      </c>
      <c r="EE12" s="114">
        <v>0</v>
      </c>
      <c r="EF12" s="115">
        <v>0</v>
      </c>
      <c r="EG12" s="112">
        <v>0</v>
      </c>
      <c r="EH12" s="116">
        <v>0</v>
      </c>
      <c r="EI12" s="116">
        <v>0</v>
      </c>
      <c r="EJ12" s="116">
        <v>0</v>
      </c>
      <c r="EK12" s="116">
        <v>24826</v>
      </c>
      <c r="EL12" s="116">
        <v>333539</v>
      </c>
      <c r="EM12" s="114">
        <v>358365</v>
      </c>
      <c r="EN12" s="118">
        <v>358365</v>
      </c>
      <c r="EO12" s="112">
        <v>0</v>
      </c>
      <c r="EP12" s="116">
        <v>0</v>
      </c>
      <c r="EQ12" s="114">
        <v>0</v>
      </c>
      <c r="ER12" s="113">
        <v>0</v>
      </c>
      <c r="ES12" s="116">
        <v>0</v>
      </c>
      <c r="ET12" s="116">
        <v>0</v>
      </c>
      <c r="EU12" s="116">
        <v>0</v>
      </c>
      <c r="EV12" s="116">
        <v>0</v>
      </c>
      <c r="EW12" s="116">
        <v>0</v>
      </c>
      <c r="EX12" s="115">
        <v>0</v>
      </c>
      <c r="EY12" s="118">
        <v>0</v>
      </c>
      <c r="EZ12" s="112">
        <v>0</v>
      </c>
      <c r="FA12" s="116">
        <v>0</v>
      </c>
      <c r="FB12" s="114">
        <v>0</v>
      </c>
      <c r="FC12" s="390"/>
      <c r="FD12" s="116">
        <v>0</v>
      </c>
      <c r="FE12" s="116">
        <v>0</v>
      </c>
      <c r="FF12" s="116">
        <v>0</v>
      </c>
      <c r="FG12" s="116">
        <v>0</v>
      </c>
      <c r="FH12" s="116">
        <v>0</v>
      </c>
      <c r="FI12" s="115">
        <v>0</v>
      </c>
      <c r="FJ12" s="118">
        <v>0</v>
      </c>
      <c r="FK12" s="112">
        <v>488295</v>
      </c>
      <c r="FL12" s="116">
        <v>672132</v>
      </c>
      <c r="FM12" s="115">
        <v>1160427</v>
      </c>
      <c r="FN12" s="112">
        <v>0</v>
      </c>
      <c r="FO12" s="116">
        <v>433503</v>
      </c>
      <c r="FP12" s="116">
        <v>1655031</v>
      </c>
      <c r="FQ12" s="116">
        <v>1370796</v>
      </c>
      <c r="FR12" s="116">
        <v>1600318</v>
      </c>
      <c r="FS12" s="116">
        <v>1138865</v>
      </c>
      <c r="FT12" s="115">
        <v>6198513</v>
      </c>
      <c r="FU12" s="118">
        <v>7358940</v>
      </c>
      <c r="FV12" s="117">
        <v>133749</v>
      </c>
      <c r="FW12" s="116">
        <v>394583</v>
      </c>
      <c r="FX12" s="114">
        <v>528332</v>
      </c>
      <c r="FY12" s="113">
        <v>0</v>
      </c>
      <c r="FZ12" s="116">
        <v>433503</v>
      </c>
      <c r="GA12" s="116">
        <v>1514520</v>
      </c>
      <c r="GB12" s="116">
        <v>1334914</v>
      </c>
      <c r="GC12" s="116">
        <v>1514918</v>
      </c>
      <c r="GD12" s="116">
        <v>1037407</v>
      </c>
      <c r="GE12" s="115">
        <v>5835262</v>
      </c>
      <c r="GF12" s="354">
        <v>6363594</v>
      </c>
      <c r="GG12" s="117">
        <v>0</v>
      </c>
      <c r="GH12" s="116">
        <v>93519</v>
      </c>
      <c r="GI12" s="114">
        <v>93519</v>
      </c>
      <c r="GJ12" s="113">
        <v>0</v>
      </c>
      <c r="GK12" s="116">
        <v>0</v>
      </c>
      <c r="GL12" s="116">
        <v>39641</v>
      </c>
      <c r="GM12" s="116">
        <v>35882</v>
      </c>
      <c r="GN12" s="116">
        <v>33600</v>
      </c>
      <c r="GO12" s="116">
        <v>101458</v>
      </c>
      <c r="GP12" s="115">
        <v>210581</v>
      </c>
      <c r="GQ12" s="118">
        <v>304100</v>
      </c>
      <c r="GR12" s="112">
        <v>354546</v>
      </c>
      <c r="GS12" s="116">
        <v>184030</v>
      </c>
      <c r="GT12" s="115">
        <v>538576</v>
      </c>
      <c r="GU12" s="112">
        <v>0</v>
      </c>
      <c r="GV12" s="116">
        <v>0</v>
      </c>
      <c r="GW12" s="116">
        <v>100870</v>
      </c>
      <c r="GX12" s="116">
        <v>0</v>
      </c>
      <c r="GY12" s="116">
        <v>51800</v>
      </c>
      <c r="GZ12" s="116">
        <v>0</v>
      </c>
      <c r="HA12" s="114">
        <v>152670</v>
      </c>
      <c r="HB12" s="118">
        <v>691246</v>
      </c>
      <c r="HC12" s="112">
        <v>532909</v>
      </c>
      <c r="HD12" s="116">
        <v>1268256</v>
      </c>
      <c r="HE12" s="114">
        <v>1801165</v>
      </c>
      <c r="HF12" s="113">
        <v>0</v>
      </c>
      <c r="HG12" s="116">
        <v>3173214</v>
      </c>
      <c r="HH12" s="116">
        <v>4766195</v>
      </c>
      <c r="HI12" s="116">
        <v>4601732</v>
      </c>
      <c r="HJ12" s="116">
        <v>6193542</v>
      </c>
      <c r="HK12" s="116">
        <v>2234637</v>
      </c>
      <c r="HL12" s="115">
        <v>20969320</v>
      </c>
      <c r="HM12" s="111">
        <v>22770485</v>
      </c>
      <c r="HN12" s="370"/>
      <c r="HO12" s="371"/>
      <c r="HP12" s="372"/>
      <c r="HQ12" s="373"/>
      <c r="HR12" s="371"/>
      <c r="HS12" s="371"/>
      <c r="HT12" s="371"/>
      <c r="HU12" s="371"/>
      <c r="HV12" s="371"/>
      <c r="HW12" s="374"/>
      <c r="HX12" s="375"/>
      <c r="HY12" s="148">
        <v>0</v>
      </c>
      <c r="HZ12" s="149">
        <v>0</v>
      </c>
      <c r="IA12" s="150">
        <v>0</v>
      </c>
      <c r="IB12" s="151">
        <v>0</v>
      </c>
      <c r="IC12" s="152">
        <v>3875798</v>
      </c>
      <c r="ID12" s="153">
        <v>4933032</v>
      </c>
      <c r="IE12" s="154">
        <v>4726916</v>
      </c>
      <c r="IF12" s="152">
        <v>4267873</v>
      </c>
      <c r="IG12" s="154">
        <v>2034513</v>
      </c>
      <c r="IH12" s="155">
        <v>19838132</v>
      </c>
      <c r="II12" s="156">
        <v>19838132</v>
      </c>
      <c r="IJ12" s="261">
        <v>0</v>
      </c>
      <c r="IK12" s="268">
        <v>0</v>
      </c>
      <c r="IL12" s="269">
        <v>0</v>
      </c>
      <c r="IM12" s="157"/>
      <c r="IN12" s="122">
        <v>0</v>
      </c>
      <c r="IO12" s="122">
        <v>108523</v>
      </c>
      <c r="IP12" s="122">
        <v>169667</v>
      </c>
      <c r="IQ12" s="122">
        <v>204936</v>
      </c>
      <c r="IR12" s="122">
        <v>629521</v>
      </c>
      <c r="IS12" s="158">
        <v>1112647</v>
      </c>
      <c r="IT12" s="357">
        <v>1112647</v>
      </c>
      <c r="IU12" s="159">
        <v>0</v>
      </c>
      <c r="IV12" s="122">
        <v>0</v>
      </c>
      <c r="IW12" s="123">
        <v>0</v>
      </c>
      <c r="IX12" s="161"/>
      <c r="IY12" s="122">
        <v>0</v>
      </c>
      <c r="IZ12" s="122">
        <v>8839</v>
      </c>
      <c r="JA12" s="122">
        <v>0</v>
      </c>
      <c r="JB12" s="122">
        <v>8839</v>
      </c>
      <c r="JC12" s="122">
        <v>0</v>
      </c>
      <c r="JD12" s="123">
        <v>17678</v>
      </c>
      <c r="JE12" s="124">
        <v>17678</v>
      </c>
      <c r="JF12" s="159">
        <v>0</v>
      </c>
      <c r="JG12" s="122">
        <v>0</v>
      </c>
      <c r="JH12" s="158">
        <v>0</v>
      </c>
      <c r="JI12" s="121">
        <v>0</v>
      </c>
      <c r="JJ12" s="122">
        <v>1247531</v>
      </c>
      <c r="JK12" s="122">
        <v>1717186</v>
      </c>
      <c r="JL12" s="122">
        <v>955587</v>
      </c>
      <c r="JM12" s="122">
        <v>366032</v>
      </c>
      <c r="JN12" s="122">
        <v>131194</v>
      </c>
      <c r="JO12" s="123">
        <v>4417530</v>
      </c>
      <c r="JP12" s="357">
        <v>4417530</v>
      </c>
      <c r="JQ12" s="159">
        <v>0</v>
      </c>
      <c r="JR12" s="122">
        <v>0</v>
      </c>
      <c r="JS12" s="158">
        <v>0</v>
      </c>
      <c r="JT12" s="121">
        <v>0</v>
      </c>
      <c r="JU12" s="122">
        <v>73992</v>
      </c>
      <c r="JV12" s="122">
        <v>35533</v>
      </c>
      <c r="JW12" s="122">
        <v>21683</v>
      </c>
      <c r="JX12" s="122">
        <v>0</v>
      </c>
      <c r="JY12" s="122">
        <v>106997</v>
      </c>
      <c r="JZ12" s="123">
        <v>238205</v>
      </c>
      <c r="KA12" s="357">
        <v>238205</v>
      </c>
      <c r="KB12" s="264">
        <v>0</v>
      </c>
      <c r="KC12" s="258">
        <v>0</v>
      </c>
      <c r="KD12" s="123">
        <v>0</v>
      </c>
      <c r="KE12" s="121">
        <v>0</v>
      </c>
      <c r="KF12" s="122">
        <v>610334</v>
      </c>
      <c r="KG12" s="122">
        <v>848156</v>
      </c>
      <c r="KH12" s="122">
        <v>1362841</v>
      </c>
      <c r="KI12" s="122">
        <v>540677</v>
      </c>
      <c r="KJ12" s="122">
        <v>496550</v>
      </c>
      <c r="KK12" s="123">
        <v>3858558</v>
      </c>
      <c r="KL12" s="160">
        <v>3858558</v>
      </c>
      <c r="KM12" s="261">
        <v>0</v>
      </c>
      <c r="KN12" s="268">
        <v>0</v>
      </c>
      <c r="KO12" s="269">
        <v>0</v>
      </c>
      <c r="KP12" s="157"/>
      <c r="KQ12" s="122">
        <v>1823923</v>
      </c>
      <c r="KR12" s="122">
        <v>1696858</v>
      </c>
      <c r="KS12" s="122">
        <v>2217138</v>
      </c>
      <c r="KT12" s="122">
        <v>2696171</v>
      </c>
      <c r="KU12" s="122">
        <v>670251</v>
      </c>
      <c r="KV12" s="123">
        <v>9104341</v>
      </c>
      <c r="KW12" s="357">
        <v>9104341</v>
      </c>
      <c r="KX12" s="159">
        <v>0</v>
      </c>
      <c r="KY12" s="122">
        <v>0</v>
      </c>
      <c r="KZ12" s="123">
        <v>0</v>
      </c>
      <c r="LA12" s="162"/>
      <c r="LB12" s="122">
        <v>0</v>
      </c>
      <c r="LC12" s="122">
        <v>0</v>
      </c>
      <c r="LD12" s="122">
        <v>0</v>
      </c>
      <c r="LE12" s="122">
        <v>0</v>
      </c>
      <c r="LF12" s="122">
        <v>0</v>
      </c>
      <c r="LG12" s="123">
        <v>0</v>
      </c>
      <c r="LH12" s="124">
        <v>0</v>
      </c>
      <c r="LI12" s="159">
        <v>0</v>
      </c>
      <c r="LJ12" s="122">
        <v>0</v>
      </c>
      <c r="LK12" s="123">
        <v>0</v>
      </c>
      <c r="LL12" s="162"/>
      <c r="LM12" s="122">
        <v>0</v>
      </c>
      <c r="LN12" s="122">
        <v>182059</v>
      </c>
      <c r="LO12" s="122">
        <v>0</v>
      </c>
      <c r="LP12" s="122">
        <v>0</v>
      </c>
      <c r="LQ12" s="122">
        <v>0</v>
      </c>
      <c r="LR12" s="123">
        <v>182059</v>
      </c>
      <c r="LS12" s="357">
        <v>182059</v>
      </c>
      <c r="LT12" s="159">
        <v>0</v>
      </c>
      <c r="LU12" s="122">
        <v>0</v>
      </c>
      <c r="LV12" s="123">
        <v>0</v>
      </c>
      <c r="LW12" s="162"/>
      <c r="LX12" s="122">
        <v>120018</v>
      </c>
      <c r="LY12" s="122">
        <v>335878</v>
      </c>
      <c r="LZ12" s="122">
        <v>0</v>
      </c>
      <c r="MA12" s="122">
        <v>451218</v>
      </c>
      <c r="MB12" s="122">
        <v>0</v>
      </c>
      <c r="MC12" s="123">
        <v>907114</v>
      </c>
      <c r="MD12" s="124">
        <v>907114</v>
      </c>
      <c r="ME12" s="159">
        <v>0</v>
      </c>
      <c r="MF12" s="122">
        <v>0</v>
      </c>
      <c r="MG12" s="123">
        <v>0</v>
      </c>
      <c r="MH12" s="162"/>
      <c r="MI12" s="122">
        <v>1007524</v>
      </c>
      <c r="MJ12" s="122">
        <v>1565462</v>
      </c>
      <c r="MK12" s="122">
        <v>6317789</v>
      </c>
      <c r="ML12" s="122">
        <v>10522984</v>
      </c>
      <c r="MM12" s="122">
        <v>6134764</v>
      </c>
      <c r="MN12" s="123">
        <v>25548523</v>
      </c>
      <c r="MO12" s="160">
        <v>25548523</v>
      </c>
      <c r="MP12" s="159">
        <v>0</v>
      </c>
      <c r="MQ12" s="122">
        <v>0</v>
      </c>
      <c r="MR12" s="123">
        <v>0</v>
      </c>
      <c r="MS12" s="162"/>
      <c r="MT12" s="122">
        <v>0</v>
      </c>
      <c r="MU12" s="122">
        <v>0</v>
      </c>
      <c r="MV12" s="122">
        <v>3935508</v>
      </c>
      <c r="MW12" s="122">
        <v>7055998</v>
      </c>
      <c r="MX12" s="122">
        <v>4537113</v>
      </c>
      <c r="MY12" s="123">
        <v>15528619</v>
      </c>
      <c r="MZ12" s="160">
        <v>15528619</v>
      </c>
      <c r="NA12" s="159">
        <v>0</v>
      </c>
      <c r="NB12" s="122">
        <v>0</v>
      </c>
      <c r="NC12" s="123">
        <v>0</v>
      </c>
      <c r="ND12" s="162"/>
      <c r="NE12" s="122">
        <v>1007524</v>
      </c>
      <c r="NF12" s="122">
        <v>1565462</v>
      </c>
      <c r="NG12" s="122">
        <v>2382281</v>
      </c>
      <c r="NH12" s="122">
        <v>3151025</v>
      </c>
      <c r="NI12" s="122">
        <v>598516</v>
      </c>
      <c r="NJ12" s="123">
        <v>8704808</v>
      </c>
      <c r="NK12" s="357">
        <v>8704808</v>
      </c>
      <c r="NL12" s="159">
        <v>0</v>
      </c>
      <c r="NM12" s="122">
        <v>0</v>
      </c>
      <c r="NN12" s="123">
        <v>0</v>
      </c>
      <c r="NO12" s="162"/>
      <c r="NP12" s="122">
        <v>0</v>
      </c>
      <c r="NQ12" s="122">
        <v>0</v>
      </c>
      <c r="NR12" s="122">
        <v>0</v>
      </c>
      <c r="NS12" s="122">
        <v>0</v>
      </c>
      <c r="NT12" s="122">
        <v>296275</v>
      </c>
      <c r="NU12" s="123">
        <v>296275</v>
      </c>
      <c r="NV12" s="124">
        <v>296275</v>
      </c>
      <c r="NW12" s="159">
        <v>0</v>
      </c>
      <c r="NX12" s="122">
        <v>0</v>
      </c>
      <c r="NY12" s="123">
        <v>0</v>
      </c>
      <c r="NZ12" s="162"/>
      <c r="OA12" s="122">
        <v>0</v>
      </c>
      <c r="OB12" s="122">
        <v>0</v>
      </c>
      <c r="OC12" s="122">
        <v>0</v>
      </c>
      <c r="OD12" s="122">
        <v>315961</v>
      </c>
      <c r="OE12" s="122">
        <v>702860</v>
      </c>
      <c r="OF12" s="123">
        <v>1018821</v>
      </c>
      <c r="OG12" s="124">
        <v>1018821</v>
      </c>
      <c r="OH12" s="159">
        <v>1293364</v>
      </c>
      <c r="OI12" s="122">
        <v>2883786</v>
      </c>
      <c r="OJ12" s="158">
        <v>4177150</v>
      </c>
      <c r="OK12" s="121">
        <v>0</v>
      </c>
      <c r="OL12" s="122">
        <v>16736968</v>
      </c>
      <c r="OM12" s="122">
        <v>22084832</v>
      </c>
      <c r="ON12" s="122">
        <v>28109930</v>
      </c>
      <c r="OO12" s="122">
        <v>33202210</v>
      </c>
      <c r="OP12" s="122">
        <v>20338509</v>
      </c>
      <c r="OQ12" s="123">
        <v>120472449</v>
      </c>
      <c r="OR12" s="160">
        <v>2661778.4953840501</v>
      </c>
    </row>
    <row r="13" spans="1:408" ht="20.25" customHeight="1" x14ac:dyDescent="0.2">
      <c r="A13" s="129" t="s">
        <v>7</v>
      </c>
      <c r="B13" s="112">
        <v>961530</v>
      </c>
      <c r="C13" s="116">
        <v>762636</v>
      </c>
      <c r="D13" s="115">
        <v>1724166</v>
      </c>
      <c r="E13" s="111">
        <v>0</v>
      </c>
      <c r="F13" s="116">
        <v>10192391</v>
      </c>
      <c r="G13" s="116">
        <v>10757266</v>
      </c>
      <c r="H13" s="116">
        <v>8218524</v>
      </c>
      <c r="I13" s="116">
        <v>7432715</v>
      </c>
      <c r="J13" s="116">
        <v>6159157</v>
      </c>
      <c r="K13" s="111">
        <v>42760053</v>
      </c>
      <c r="L13" s="118">
        <v>44484219</v>
      </c>
      <c r="M13" s="112">
        <v>146706</v>
      </c>
      <c r="N13" s="116">
        <v>121516</v>
      </c>
      <c r="O13" s="115">
        <v>268222</v>
      </c>
      <c r="P13" s="112">
        <v>0</v>
      </c>
      <c r="Q13" s="116">
        <v>2856886</v>
      </c>
      <c r="R13" s="116">
        <v>3703818</v>
      </c>
      <c r="S13" s="116">
        <v>2594965</v>
      </c>
      <c r="T13" s="116">
        <v>1708559</v>
      </c>
      <c r="U13" s="116">
        <v>3475727</v>
      </c>
      <c r="V13" s="115">
        <v>14339955</v>
      </c>
      <c r="W13" s="118">
        <v>14608177</v>
      </c>
      <c r="X13" s="112">
        <v>0</v>
      </c>
      <c r="Y13" s="116">
        <v>0</v>
      </c>
      <c r="Z13" s="115">
        <v>0</v>
      </c>
      <c r="AA13" s="112">
        <v>0</v>
      </c>
      <c r="AB13" s="116">
        <v>1204268</v>
      </c>
      <c r="AC13" s="116">
        <v>1597862</v>
      </c>
      <c r="AD13" s="116">
        <v>1604263</v>
      </c>
      <c r="AE13" s="116">
        <v>844863</v>
      </c>
      <c r="AF13" s="116">
        <v>1927467</v>
      </c>
      <c r="AG13" s="115">
        <v>7178723</v>
      </c>
      <c r="AH13" s="118">
        <v>7178723</v>
      </c>
      <c r="AI13" s="112">
        <v>0</v>
      </c>
      <c r="AJ13" s="116">
        <v>0</v>
      </c>
      <c r="AK13" s="115">
        <v>0</v>
      </c>
      <c r="AL13" s="112">
        <v>0</v>
      </c>
      <c r="AM13" s="116">
        <v>101262</v>
      </c>
      <c r="AN13" s="116">
        <v>52241</v>
      </c>
      <c r="AO13" s="116">
        <v>42497</v>
      </c>
      <c r="AP13" s="116">
        <v>42205</v>
      </c>
      <c r="AQ13" s="116">
        <v>466698</v>
      </c>
      <c r="AR13" s="115">
        <v>704903</v>
      </c>
      <c r="AS13" s="118">
        <v>704903</v>
      </c>
      <c r="AT13" s="112">
        <v>0</v>
      </c>
      <c r="AU13" s="116">
        <v>51978</v>
      </c>
      <c r="AV13" s="115">
        <v>51978</v>
      </c>
      <c r="AW13" s="112">
        <v>0</v>
      </c>
      <c r="AX13" s="116">
        <v>959837</v>
      </c>
      <c r="AY13" s="116">
        <v>1306135</v>
      </c>
      <c r="AZ13" s="116">
        <v>522451</v>
      </c>
      <c r="BA13" s="116">
        <v>360932</v>
      </c>
      <c r="BB13" s="116">
        <v>813177</v>
      </c>
      <c r="BC13" s="115">
        <v>3962532</v>
      </c>
      <c r="BD13" s="118">
        <v>4014510</v>
      </c>
      <c r="BE13" s="112">
        <v>0</v>
      </c>
      <c r="BF13" s="116">
        <v>0</v>
      </c>
      <c r="BG13" s="114">
        <v>0</v>
      </c>
      <c r="BH13" s="113">
        <v>0</v>
      </c>
      <c r="BI13" s="116">
        <v>87673</v>
      </c>
      <c r="BJ13" s="116">
        <v>160791</v>
      </c>
      <c r="BK13" s="116">
        <v>28364</v>
      </c>
      <c r="BL13" s="116">
        <v>57786</v>
      </c>
      <c r="BM13" s="116">
        <v>9245</v>
      </c>
      <c r="BN13" s="115">
        <v>343859</v>
      </c>
      <c r="BO13" s="118">
        <v>343859</v>
      </c>
      <c r="BP13" s="112">
        <v>146706</v>
      </c>
      <c r="BQ13" s="116">
        <v>69538</v>
      </c>
      <c r="BR13" s="115">
        <v>216244</v>
      </c>
      <c r="BS13" s="112">
        <v>0</v>
      </c>
      <c r="BT13" s="116">
        <v>503846</v>
      </c>
      <c r="BU13" s="116">
        <v>586789</v>
      </c>
      <c r="BV13" s="116">
        <v>397390</v>
      </c>
      <c r="BW13" s="116">
        <v>402773</v>
      </c>
      <c r="BX13" s="116">
        <v>259140</v>
      </c>
      <c r="BY13" s="115">
        <v>2149938</v>
      </c>
      <c r="BZ13" s="118">
        <v>2366182</v>
      </c>
      <c r="CA13" s="112">
        <v>19230</v>
      </c>
      <c r="CB13" s="116">
        <v>100640</v>
      </c>
      <c r="CC13" s="115">
        <v>119870</v>
      </c>
      <c r="CD13" s="112">
        <v>0</v>
      </c>
      <c r="CE13" s="116">
        <v>3037585</v>
      </c>
      <c r="CF13" s="116">
        <v>2134768</v>
      </c>
      <c r="CG13" s="116">
        <v>1164560</v>
      </c>
      <c r="CH13" s="116">
        <v>482026</v>
      </c>
      <c r="CI13" s="116">
        <v>288169</v>
      </c>
      <c r="CJ13" s="115">
        <v>7107108</v>
      </c>
      <c r="CK13" s="118">
        <v>7226978</v>
      </c>
      <c r="CL13" s="112">
        <v>0</v>
      </c>
      <c r="CM13" s="116">
        <v>0</v>
      </c>
      <c r="CN13" s="115">
        <v>0</v>
      </c>
      <c r="CO13" s="113">
        <v>0</v>
      </c>
      <c r="CP13" s="116">
        <v>2201498</v>
      </c>
      <c r="CQ13" s="116">
        <v>1457405</v>
      </c>
      <c r="CR13" s="116">
        <v>553696</v>
      </c>
      <c r="CS13" s="116">
        <v>328044</v>
      </c>
      <c r="CT13" s="116">
        <v>159990</v>
      </c>
      <c r="CU13" s="115">
        <v>4700633</v>
      </c>
      <c r="CV13" s="118">
        <v>4700633</v>
      </c>
      <c r="CW13" s="112">
        <v>19230</v>
      </c>
      <c r="CX13" s="116">
        <v>100640</v>
      </c>
      <c r="CY13" s="115">
        <v>119870</v>
      </c>
      <c r="CZ13" s="112">
        <v>0</v>
      </c>
      <c r="DA13" s="116">
        <v>836087</v>
      </c>
      <c r="DB13" s="116">
        <v>677363</v>
      </c>
      <c r="DC13" s="116">
        <v>610864</v>
      </c>
      <c r="DD13" s="116">
        <v>153982</v>
      </c>
      <c r="DE13" s="116">
        <v>128179</v>
      </c>
      <c r="DF13" s="115">
        <v>2406475</v>
      </c>
      <c r="DG13" s="118">
        <v>2526345</v>
      </c>
      <c r="DH13" s="112">
        <v>0</v>
      </c>
      <c r="DI13" s="116">
        <v>0</v>
      </c>
      <c r="DJ13" s="114">
        <v>0</v>
      </c>
      <c r="DK13" s="113">
        <v>0</v>
      </c>
      <c r="DL13" s="116">
        <v>308927</v>
      </c>
      <c r="DM13" s="116">
        <v>398652</v>
      </c>
      <c r="DN13" s="116">
        <v>737170</v>
      </c>
      <c r="DO13" s="116">
        <v>507302</v>
      </c>
      <c r="DP13" s="116">
        <v>299964</v>
      </c>
      <c r="DQ13" s="115">
        <v>2252015</v>
      </c>
      <c r="DR13" s="118">
        <v>2252015</v>
      </c>
      <c r="DS13" s="112">
        <v>0</v>
      </c>
      <c r="DT13" s="116">
        <v>0</v>
      </c>
      <c r="DU13" s="115">
        <v>0</v>
      </c>
      <c r="DV13" s="112">
        <v>0</v>
      </c>
      <c r="DW13" s="116">
        <v>278161</v>
      </c>
      <c r="DX13" s="116">
        <v>398652</v>
      </c>
      <c r="DY13" s="116">
        <v>737170</v>
      </c>
      <c r="DZ13" s="116">
        <v>507302</v>
      </c>
      <c r="EA13" s="116">
        <v>143090</v>
      </c>
      <c r="EB13" s="115">
        <v>2064375</v>
      </c>
      <c r="EC13" s="118">
        <v>2064375</v>
      </c>
      <c r="ED13" s="112">
        <v>0</v>
      </c>
      <c r="EE13" s="114">
        <v>0</v>
      </c>
      <c r="EF13" s="115">
        <v>0</v>
      </c>
      <c r="EG13" s="112">
        <v>0</v>
      </c>
      <c r="EH13" s="116">
        <v>30766</v>
      </c>
      <c r="EI13" s="116">
        <v>0</v>
      </c>
      <c r="EJ13" s="116">
        <v>0</v>
      </c>
      <c r="EK13" s="116">
        <v>0</v>
      </c>
      <c r="EL13" s="116">
        <v>156874</v>
      </c>
      <c r="EM13" s="114">
        <v>187640</v>
      </c>
      <c r="EN13" s="118">
        <v>187640</v>
      </c>
      <c r="EO13" s="112">
        <v>0</v>
      </c>
      <c r="EP13" s="116">
        <v>0</v>
      </c>
      <c r="EQ13" s="114">
        <v>0</v>
      </c>
      <c r="ER13" s="113">
        <v>0</v>
      </c>
      <c r="ES13" s="116">
        <v>0</v>
      </c>
      <c r="ET13" s="116">
        <v>0</v>
      </c>
      <c r="EU13" s="116">
        <v>0</v>
      </c>
      <c r="EV13" s="116">
        <v>0</v>
      </c>
      <c r="EW13" s="116">
        <v>0</v>
      </c>
      <c r="EX13" s="115">
        <v>0</v>
      </c>
      <c r="EY13" s="118">
        <v>0</v>
      </c>
      <c r="EZ13" s="112">
        <v>0</v>
      </c>
      <c r="FA13" s="116">
        <v>0</v>
      </c>
      <c r="FB13" s="114">
        <v>0</v>
      </c>
      <c r="FC13" s="390"/>
      <c r="FD13" s="116">
        <v>0</v>
      </c>
      <c r="FE13" s="116">
        <v>0</v>
      </c>
      <c r="FF13" s="116">
        <v>0</v>
      </c>
      <c r="FG13" s="116">
        <v>0</v>
      </c>
      <c r="FH13" s="116">
        <v>0</v>
      </c>
      <c r="FI13" s="115">
        <v>0</v>
      </c>
      <c r="FJ13" s="118">
        <v>0</v>
      </c>
      <c r="FK13" s="112">
        <v>243670</v>
      </c>
      <c r="FL13" s="116">
        <v>145194</v>
      </c>
      <c r="FM13" s="115">
        <v>388864</v>
      </c>
      <c r="FN13" s="112">
        <v>0</v>
      </c>
      <c r="FO13" s="116">
        <v>468769</v>
      </c>
      <c r="FP13" s="116">
        <v>1181928</v>
      </c>
      <c r="FQ13" s="116">
        <v>478586</v>
      </c>
      <c r="FR13" s="116">
        <v>347522</v>
      </c>
      <c r="FS13" s="116">
        <v>358771</v>
      </c>
      <c r="FT13" s="115">
        <v>2835576</v>
      </c>
      <c r="FU13" s="118">
        <v>3224440</v>
      </c>
      <c r="FV13" s="117">
        <v>48370</v>
      </c>
      <c r="FW13" s="116">
        <v>126994</v>
      </c>
      <c r="FX13" s="114">
        <v>175364</v>
      </c>
      <c r="FY13" s="113">
        <v>0</v>
      </c>
      <c r="FZ13" s="116">
        <v>367549</v>
      </c>
      <c r="GA13" s="116">
        <v>1108729</v>
      </c>
      <c r="GB13" s="116">
        <v>440874</v>
      </c>
      <c r="GC13" s="116">
        <v>347522</v>
      </c>
      <c r="GD13" s="116">
        <v>358771</v>
      </c>
      <c r="GE13" s="115">
        <v>2623445</v>
      </c>
      <c r="GF13" s="354">
        <v>2798809</v>
      </c>
      <c r="GG13" s="117">
        <v>0</v>
      </c>
      <c r="GH13" s="116">
        <v>0</v>
      </c>
      <c r="GI13" s="114">
        <v>0</v>
      </c>
      <c r="GJ13" s="113">
        <v>0</v>
      </c>
      <c r="GK13" s="116">
        <v>10360</v>
      </c>
      <c r="GL13" s="116">
        <v>40999</v>
      </c>
      <c r="GM13" s="116">
        <v>4812</v>
      </c>
      <c r="GN13" s="116">
        <v>0</v>
      </c>
      <c r="GO13" s="116">
        <v>0</v>
      </c>
      <c r="GP13" s="115">
        <v>56171</v>
      </c>
      <c r="GQ13" s="118">
        <v>56171</v>
      </c>
      <c r="GR13" s="112">
        <v>195300</v>
      </c>
      <c r="GS13" s="116">
        <v>18200</v>
      </c>
      <c r="GT13" s="115">
        <v>213500</v>
      </c>
      <c r="GU13" s="112">
        <v>0</v>
      </c>
      <c r="GV13" s="116">
        <v>90860</v>
      </c>
      <c r="GW13" s="116">
        <v>32200</v>
      </c>
      <c r="GX13" s="116">
        <v>32900</v>
      </c>
      <c r="GY13" s="116">
        <v>0</v>
      </c>
      <c r="GZ13" s="116">
        <v>0</v>
      </c>
      <c r="HA13" s="114">
        <v>155960</v>
      </c>
      <c r="HB13" s="118">
        <v>369460</v>
      </c>
      <c r="HC13" s="112">
        <v>551924</v>
      </c>
      <c r="HD13" s="116">
        <v>395286</v>
      </c>
      <c r="HE13" s="114">
        <v>947210</v>
      </c>
      <c r="HF13" s="113">
        <v>0</v>
      </c>
      <c r="HG13" s="116">
        <v>3520224</v>
      </c>
      <c r="HH13" s="116">
        <v>3338100</v>
      </c>
      <c r="HI13" s="116">
        <v>3243243</v>
      </c>
      <c r="HJ13" s="116">
        <v>4387306</v>
      </c>
      <c r="HK13" s="116">
        <v>1736526</v>
      </c>
      <c r="HL13" s="115">
        <v>16225399</v>
      </c>
      <c r="HM13" s="111">
        <v>17172609</v>
      </c>
      <c r="HN13" s="370"/>
      <c r="HO13" s="371"/>
      <c r="HP13" s="372"/>
      <c r="HQ13" s="373"/>
      <c r="HR13" s="371"/>
      <c r="HS13" s="371"/>
      <c r="HT13" s="371"/>
      <c r="HU13" s="371"/>
      <c r="HV13" s="371"/>
      <c r="HW13" s="374"/>
      <c r="HX13" s="375"/>
      <c r="HY13" s="148">
        <v>0</v>
      </c>
      <c r="HZ13" s="149">
        <v>0</v>
      </c>
      <c r="IA13" s="150">
        <v>0</v>
      </c>
      <c r="IB13" s="163">
        <v>0</v>
      </c>
      <c r="IC13" s="149">
        <v>1343845</v>
      </c>
      <c r="ID13" s="164">
        <v>1450817</v>
      </c>
      <c r="IE13" s="150">
        <v>3032400</v>
      </c>
      <c r="IF13" s="149">
        <v>1535484</v>
      </c>
      <c r="IG13" s="150">
        <v>652594</v>
      </c>
      <c r="IH13" s="165">
        <v>8015140</v>
      </c>
      <c r="II13" s="156">
        <v>8015140</v>
      </c>
      <c r="IJ13" s="261">
        <v>0</v>
      </c>
      <c r="IK13" s="268">
        <v>0</v>
      </c>
      <c r="IL13" s="269">
        <v>0</v>
      </c>
      <c r="IM13" s="157"/>
      <c r="IN13" s="122">
        <v>0</v>
      </c>
      <c r="IO13" s="122">
        <v>0</v>
      </c>
      <c r="IP13" s="122">
        <v>174050</v>
      </c>
      <c r="IQ13" s="122">
        <v>0</v>
      </c>
      <c r="IR13" s="122">
        <v>0</v>
      </c>
      <c r="IS13" s="158">
        <v>174050</v>
      </c>
      <c r="IT13" s="357">
        <v>174050</v>
      </c>
      <c r="IU13" s="159">
        <v>0</v>
      </c>
      <c r="IV13" s="122">
        <v>0</v>
      </c>
      <c r="IW13" s="123">
        <v>0</v>
      </c>
      <c r="IX13" s="161"/>
      <c r="IY13" s="122">
        <v>0</v>
      </c>
      <c r="IZ13" s="122">
        <v>0</v>
      </c>
      <c r="JA13" s="122">
        <v>0</v>
      </c>
      <c r="JB13" s="122">
        <v>0</v>
      </c>
      <c r="JC13" s="122">
        <v>0</v>
      </c>
      <c r="JD13" s="123">
        <v>0</v>
      </c>
      <c r="JE13" s="124">
        <v>0</v>
      </c>
      <c r="JF13" s="159">
        <v>0</v>
      </c>
      <c r="JG13" s="122">
        <v>0</v>
      </c>
      <c r="JH13" s="158">
        <v>0</v>
      </c>
      <c r="JI13" s="121">
        <v>0</v>
      </c>
      <c r="JJ13" s="122">
        <v>547897</v>
      </c>
      <c r="JK13" s="122">
        <v>365066</v>
      </c>
      <c r="JL13" s="122">
        <v>838609</v>
      </c>
      <c r="JM13" s="122">
        <v>507305</v>
      </c>
      <c r="JN13" s="122">
        <v>119490</v>
      </c>
      <c r="JO13" s="123">
        <v>2378367</v>
      </c>
      <c r="JP13" s="357">
        <v>2378367</v>
      </c>
      <c r="JQ13" s="159">
        <v>0</v>
      </c>
      <c r="JR13" s="122">
        <v>0</v>
      </c>
      <c r="JS13" s="158">
        <v>0</v>
      </c>
      <c r="JT13" s="121">
        <v>0</v>
      </c>
      <c r="JU13" s="122">
        <v>328718</v>
      </c>
      <c r="JV13" s="122">
        <v>378035</v>
      </c>
      <c r="JW13" s="122">
        <v>271617</v>
      </c>
      <c r="JX13" s="122">
        <v>386777</v>
      </c>
      <c r="JY13" s="122">
        <v>0</v>
      </c>
      <c r="JZ13" s="123">
        <v>1365147</v>
      </c>
      <c r="KA13" s="357">
        <v>1365147</v>
      </c>
      <c r="KB13" s="264">
        <v>0</v>
      </c>
      <c r="KC13" s="258">
        <v>0</v>
      </c>
      <c r="KD13" s="123">
        <v>0</v>
      </c>
      <c r="KE13" s="121">
        <v>0</v>
      </c>
      <c r="KF13" s="122">
        <v>0</v>
      </c>
      <c r="KG13" s="122">
        <v>274794</v>
      </c>
      <c r="KH13" s="122">
        <v>117982</v>
      </c>
      <c r="KI13" s="122">
        <v>164744</v>
      </c>
      <c r="KJ13" s="122">
        <v>0</v>
      </c>
      <c r="KK13" s="123">
        <v>557520</v>
      </c>
      <c r="KL13" s="160">
        <v>557520</v>
      </c>
      <c r="KM13" s="261">
        <v>0</v>
      </c>
      <c r="KN13" s="268">
        <v>0</v>
      </c>
      <c r="KO13" s="269">
        <v>0</v>
      </c>
      <c r="KP13" s="157"/>
      <c r="KQ13" s="122">
        <v>467230</v>
      </c>
      <c r="KR13" s="122">
        <v>432922</v>
      </c>
      <c r="KS13" s="122">
        <v>1630142</v>
      </c>
      <c r="KT13" s="122">
        <v>231322</v>
      </c>
      <c r="KU13" s="122">
        <v>222455</v>
      </c>
      <c r="KV13" s="123">
        <v>2984071</v>
      </c>
      <c r="KW13" s="357">
        <v>2984071</v>
      </c>
      <c r="KX13" s="159">
        <v>0</v>
      </c>
      <c r="KY13" s="122">
        <v>0</v>
      </c>
      <c r="KZ13" s="123">
        <v>0</v>
      </c>
      <c r="LA13" s="162"/>
      <c r="LB13" s="122">
        <v>0</v>
      </c>
      <c r="LC13" s="122">
        <v>0</v>
      </c>
      <c r="LD13" s="122">
        <v>0</v>
      </c>
      <c r="LE13" s="122">
        <v>0</v>
      </c>
      <c r="LF13" s="122">
        <v>0</v>
      </c>
      <c r="LG13" s="123">
        <v>0</v>
      </c>
      <c r="LH13" s="124">
        <v>0</v>
      </c>
      <c r="LI13" s="159">
        <v>0</v>
      </c>
      <c r="LJ13" s="122">
        <v>0</v>
      </c>
      <c r="LK13" s="123">
        <v>0</v>
      </c>
      <c r="LL13" s="162"/>
      <c r="LM13" s="122">
        <v>0</v>
      </c>
      <c r="LN13" s="122">
        <v>0</v>
      </c>
      <c r="LO13" s="122">
        <v>0</v>
      </c>
      <c r="LP13" s="122">
        <v>0</v>
      </c>
      <c r="LQ13" s="122">
        <v>0</v>
      </c>
      <c r="LR13" s="123">
        <v>0</v>
      </c>
      <c r="LS13" s="357">
        <v>0</v>
      </c>
      <c r="LT13" s="159">
        <v>0</v>
      </c>
      <c r="LU13" s="122">
        <v>0</v>
      </c>
      <c r="LV13" s="123">
        <v>0</v>
      </c>
      <c r="LW13" s="162"/>
      <c r="LX13" s="122">
        <v>0</v>
      </c>
      <c r="LY13" s="122">
        <v>0</v>
      </c>
      <c r="LZ13" s="122">
        <v>0</v>
      </c>
      <c r="MA13" s="122">
        <v>245336</v>
      </c>
      <c r="MB13" s="122">
        <v>310649</v>
      </c>
      <c r="MC13" s="123">
        <v>555985</v>
      </c>
      <c r="MD13" s="124">
        <v>555985</v>
      </c>
      <c r="ME13" s="159">
        <v>0</v>
      </c>
      <c r="MF13" s="122">
        <v>0</v>
      </c>
      <c r="MG13" s="123">
        <v>0</v>
      </c>
      <c r="MH13" s="162"/>
      <c r="MI13" s="122">
        <v>0</v>
      </c>
      <c r="MJ13" s="122">
        <v>1644017</v>
      </c>
      <c r="MK13" s="122">
        <v>1547666</v>
      </c>
      <c r="ML13" s="122">
        <v>5993559</v>
      </c>
      <c r="MM13" s="122">
        <v>3601136</v>
      </c>
      <c r="MN13" s="123">
        <v>12786378</v>
      </c>
      <c r="MO13" s="160">
        <v>12786378</v>
      </c>
      <c r="MP13" s="159">
        <v>0</v>
      </c>
      <c r="MQ13" s="122">
        <v>0</v>
      </c>
      <c r="MR13" s="123">
        <v>0</v>
      </c>
      <c r="MS13" s="162"/>
      <c r="MT13" s="122">
        <v>0</v>
      </c>
      <c r="MU13" s="122">
        <v>197864</v>
      </c>
      <c r="MV13" s="122">
        <v>357929</v>
      </c>
      <c r="MW13" s="122">
        <v>4298133</v>
      </c>
      <c r="MX13" s="122">
        <v>3036257</v>
      </c>
      <c r="MY13" s="123">
        <v>7890183</v>
      </c>
      <c r="MZ13" s="160">
        <v>7890183</v>
      </c>
      <c r="NA13" s="159">
        <v>0</v>
      </c>
      <c r="NB13" s="122">
        <v>0</v>
      </c>
      <c r="NC13" s="123">
        <v>0</v>
      </c>
      <c r="ND13" s="162"/>
      <c r="NE13" s="122">
        <v>0</v>
      </c>
      <c r="NF13" s="122">
        <v>1446153</v>
      </c>
      <c r="NG13" s="122">
        <v>1189737</v>
      </c>
      <c r="NH13" s="122">
        <v>1695426</v>
      </c>
      <c r="NI13" s="122">
        <v>564879</v>
      </c>
      <c r="NJ13" s="123">
        <v>4896195</v>
      </c>
      <c r="NK13" s="357">
        <v>4896195</v>
      </c>
      <c r="NL13" s="159">
        <v>0</v>
      </c>
      <c r="NM13" s="122">
        <v>0</v>
      </c>
      <c r="NN13" s="123">
        <v>0</v>
      </c>
      <c r="NO13" s="162"/>
      <c r="NP13" s="122">
        <v>0</v>
      </c>
      <c r="NQ13" s="122">
        <v>0</v>
      </c>
      <c r="NR13" s="122">
        <v>0</v>
      </c>
      <c r="NS13" s="122">
        <v>0</v>
      </c>
      <c r="NT13" s="122">
        <v>0</v>
      </c>
      <c r="NU13" s="123">
        <v>0</v>
      </c>
      <c r="NV13" s="124">
        <v>0</v>
      </c>
      <c r="NW13" s="159">
        <v>0</v>
      </c>
      <c r="NX13" s="122">
        <v>0</v>
      </c>
      <c r="NY13" s="123">
        <v>0</v>
      </c>
      <c r="NZ13" s="162"/>
      <c r="OA13" s="122">
        <v>0</v>
      </c>
      <c r="OB13" s="122">
        <v>0</v>
      </c>
      <c r="OC13" s="122">
        <v>0</v>
      </c>
      <c r="OD13" s="122">
        <v>0</v>
      </c>
      <c r="OE13" s="122">
        <v>0</v>
      </c>
      <c r="OF13" s="123">
        <v>0</v>
      </c>
      <c r="OG13" s="124">
        <v>0</v>
      </c>
      <c r="OH13" s="159">
        <v>961530</v>
      </c>
      <c r="OI13" s="122">
        <v>762636</v>
      </c>
      <c r="OJ13" s="158">
        <v>1724166</v>
      </c>
      <c r="OK13" s="121">
        <v>0</v>
      </c>
      <c r="OL13" s="122">
        <v>11536236</v>
      </c>
      <c r="OM13" s="122">
        <v>13852100</v>
      </c>
      <c r="ON13" s="122">
        <v>12798590</v>
      </c>
      <c r="OO13" s="122">
        <v>14961758</v>
      </c>
      <c r="OP13" s="122">
        <v>10412887</v>
      </c>
      <c r="OQ13" s="123">
        <v>63561571</v>
      </c>
      <c r="OR13" s="160">
        <v>1295352.5417259601</v>
      </c>
    </row>
    <row r="14" spans="1:408" ht="20.25" customHeight="1" x14ac:dyDescent="0.2">
      <c r="A14" s="129" t="s">
        <v>8</v>
      </c>
      <c r="B14" s="112">
        <v>387373</v>
      </c>
      <c r="C14" s="116">
        <v>204033</v>
      </c>
      <c r="D14" s="115">
        <v>591406</v>
      </c>
      <c r="E14" s="111">
        <v>0</v>
      </c>
      <c r="F14" s="116">
        <v>4117631</v>
      </c>
      <c r="G14" s="116">
        <v>6156011</v>
      </c>
      <c r="H14" s="116">
        <v>3491919</v>
      </c>
      <c r="I14" s="116">
        <v>4917546</v>
      </c>
      <c r="J14" s="116">
        <v>3816623</v>
      </c>
      <c r="K14" s="111">
        <v>22499730</v>
      </c>
      <c r="L14" s="118">
        <v>23091136</v>
      </c>
      <c r="M14" s="112">
        <v>89584</v>
      </c>
      <c r="N14" s="116">
        <v>59327</v>
      </c>
      <c r="O14" s="115">
        <v>148911</v>
      </c>
      <c r="P14" s="112">
        <v>0</v>
      </c>
      <c r="Q14" s="116">
        <v>819114</v>
      </c>
      <c r="R14" s="116">
        <v>1832865</v>
      </c>
      <c r="S14" s="116">
        <v>795619</v>
      </c>
      <c r="T14" s="116">
        <v>1947113</v>
      </c>
      <c r="U14" s="116">
        <v>1385519</v>
      </c>
      <c r="V14" s="115">
        <v>6780230</v>
      </c>
      <c r="W14" s="118">
        <v>6929141</v>
      </c>
      <c r="X14" s="112">
        <v>0</v>
      </c>
      <c r="Y14" s="116">
        <v>0</v>
      </c>
      <c r="Z14" s="115">
        <v>0</v>
      </c>
      <c r="AA14" s="112">
        <v>0</v>
      </c>
      <c r="AB14" s="116">
        <v>528462</v>
      </c>
      <c r="AC14" s="116">
        <v>1027040</v>
      </c>
      <c r="AD14" s="116">
        <v>299932</v>
      </c>
      <c r="AE14" s="116">
        <v>868493</v>
      </c>
      <c r="AF14" s="116">
        <v>711665</v>
      </c>
      <c r="AG14" s="115">
        <v>3435592</v>
      </c>
      <c r="AH14" s="118">
        <v>3435592</v>
      </c>
      <c r="AI14" s="112">
        <v>0</v>
      </c>
      <c r="AJ14" s="116">
        <v>0</v>
      </c>
      <c r="AK14" s="115">
        <v>0</v>
      </c>
      <c r="AL14" s="112">
        <v>0</v>
      </c>
      <c r="AM14" s="116">
        <v>0</v>
      </c>
      <c r="AN14" s="116">
        <v>10470</v>
      </c>
      <c r="AO14" s="116">
        <v>0</v>
      </c>
      <c r="AP14" s="116">
        <v>276199</v>
      </c>
      <c r="AQ14" s="116">
        <v>194010</v>
      </c>
      <c r="AR14" s="115">
        <v>480679</v>
      </c>
      <c r="AS14" s="118">
        <v>480679</v>
      </c>
      <c r="AT14" s="112">
        <v>29853</v>
      </c>
      <c r="AU14" s="116">
        <v>14394</v>
      </c>
      <c r="AV14" s="115">
        <v>44247</v>
      </c>
      <c r="AW14" s="112">
        <v>0</v>
      </c>
      <c r="AX14" s="116">
        <v>218629</v>
      </c>
      <c r="AY14" s="116">
        <v>410269</v>
      </c>
      <c r="AZ14" s="116">
        <v>177766</v>
      </c>
      <c r="BA14" s="116">
        <v>474116</v>
      </c>
      <c r="BB14" s="116">
        <v>165563</v>
      </c>
      <c r="BC14" s="115">
        <v>1446343</v>
      </c>
      <c r="BD14" s="118">
        <v>1490590</v>
      </c>
      <c r="BE14" s="112">
        <v>0</v>
      </c>
      <c r="BF14" s="116">
        <v>32361</v>
      </c>
      <c r="BG14" s="114">
        <v>32361</v>
      </c>
      <c r="BH14" s="113">
        <v>0</v>
      </c>
      <c r="BI14" s="116">
        <v>0</v>
      </c>
      <c r="BJ14" s="116">
        <v>115600</v>
      </c>
      <c r="BK14" s="116">
        <v>203135</v>
      </c>
      <c r="BL14" s="116">
        <v>32296</v>
      </c>
      <c r="BM14" s="116">
        <v>58711</v>
      </c>
      <c r="BN14" s="115">
        <v>409742</v>
      </c>
      <c r="BO14" s="118">
        <v>442103</v>
      </c>
      <c r="BP14" s="112">
        <v>59731</v>
      </c>
      <c r="BQ14" s="116">
        <v>12572</v>
      </c>
      <c r="BR14" s="115">
        <v>72303</v>
      </c>
      <c r="BS14" s="112">
        <v>0</v>
      </c>
      <c r="BT14" s="116">
        <v>72023</v>
      </c>
      <c r="BU14" s="116">
        <v>269486</v>
      </c>
      <c r="BV14" s="116">
        <v>114786</v>
      </c>
      <c r="BW14" s="116">
        <v>296009</v>
      </c>
      <c r="BX14" s="116">
        <v>255570</v>
      </c>
      <c r="BY14" s="115">
        <v>1007874</v>
      </c>
      <c r="BZ14" s="118">
        <v>1080177</v>
      </c>
      <c r="CA14" s="112">
        <v>16822</v>
      </c>
      <c r="CB14" s="116">
        <v>99556</v>
      </c>
      <c r="CC14" s="115">
        <v>116378</v>
      </c>
      <c r="CD14" s="112">
        <v>0</v>
      </c>
      <c r="CE14" s="116">
        <v>1563355</v>
      </c>
      <c r="CF14" s="116">
        <v>1582340</v>
      </c>
      <c r="CG14" s="116">
        <v>369338</v>
      </c>
      <c r="CH14" s="116">
        <v>1182228</v>
      </c>
      <c r="CI14" s="116">
        <v>187233</v>
      </c>
      <c r="CJ14" s="115">
        <v>4884494</v>
      </c>
      <c r="CK14" s="118">
        <v>5000872</v>
      </c>
      <c r="CL14" s="112">
        <v>0</v>
      </c>
      <c r="CM14" s="116">
        <v>0</v>
      </c>
      <c r="CN14" s="115">
        <v>0</v>
      </c>
      <c r="CO14" s="113">
        <v>0</v>
      </c>
      <c r="CP14" s="116">
        <v>995898</v>
      </c>
      <c r="CQ14" s="116">
        <v>1227199</v>
      </c>
      <c r="CR14" s="116">
        <v>221123</v>
      </c>
      <c r="CS14" s="116">
        <v>775491</v>
      </c>
      <c r="CT14" s="116">
        <v>142083</v>
      </c>
      <c r="CU14" s="115">
        <v>3361794</v>
      </c>
      <c r="CV14" s="118">
        <v>3361794</v>
      </c>
      <c r="CW14" s="112">
        <v>16822</v>
      </c>
      <c r="CX14" s="116">
        <v>99556</v>
      </c>
      <c r="CY14" s="115">
        <v>116378</v>
      </c>
      <c r="CZ14" s="112">
        <v>0</v>
      </c>
      <c r="DA14" s="116">
        <v>567457</v>
      </c>
      <c r="DB14" s="116">
        <v>355141</v>
      </c>
      <c r="DC14" s="116">
        <v>148215</v>
      </c>
      <c r="DD14" s="116">
        <v>406737</v>
      </c>
      <c r="DE14" s="116">
        <v>45150</v>
      </c>
      <c r="DF14" s="115">
        <v>1522700</v>
      </c>
      <c r="DG14" s="118">
        <v>1639078</v>
      </c>
      <c r="DH14" s="112">
        <v>0</v>
      </c>
      <c r="DI14" s="116">
        <v>0</v>
      </c>
      <c r="DJ14" s="114">
        <v>0</v>
      </c>
      <c r="DK14" s="113">
        <v>0</v>
      </c>
      <c r="DL14" s="116">
        <v>136405</v>
      </c>
      <c r="DM14" s="116">
        <v>300129</v>
      </c>
      <c r="DN14" s="116">
        <v>185020</v>
      </c>
      <c r="DO14" s="116">
        <v>287967</v>
      </c>
      <c r="DP14" s="116">
        <v>199771</v>
      </c>
      <c r="DQ14" s="115">
        <v>1109292</v>
      </c>
      <c r="DR14" s="118">
        <v>1109292</v>
      </c>
      <c r="DS14" s="112">
        <v>0</v>
      </c>
      <c r="DT14" s="116">
        <v>0</v>
      </c>
      <c r="DU14" s="115">
        <v>0</v>
      </c>
      <c r="DV14" s="112">
        <v>0</v>
      </c>
      <c r="DW14" s="116">
        <v>136405</v>
      </c>
      <c r="DX14" s="116">
        <v>259992</v>
      </c>
      <c r="DY14" s="116">
        <v>185020</v>
      </c>
      <c r="DZ14" s="116">
        <v>287967</v>
      </c>
      <c r="EA14" s="116">
        <v>199771</v>
      </c>
      <c r="EB14" s="115">
        <v>1069155</v>
      </c>
      <c r="EC14" s="118">
        <v>1069155</v>
      </c>
      <c r="ED14" s="112">
        <v>0</v>
      </c>
      <c r="EE14" s="114">
        <v>0</v>
      </c>
      <c r="EF14" s="115">
        <v>0</v>
      </c>
      <c r="EG14" s="112">
        <v>0</v>
      </c>
      <c r="EH14" s="116">
        <v>0</v>
      </c>
      <c r="EI14" s="116">
        <v>40137</v>
      </c>
      <c r="EJ14" s="116">
        <v>0</v>
      </c>
      <c r="EK14" s="116">
        <v>0</v>
      </c>
      <c r="EL14" s="116">
        <v>0</v>
      </c>
      <c r="EM14" s="114">
        <v>40137</v>
      </c>
      <c r="EN14" s="118">
        <v>40137</v>
      </c>
      <c r="EO14" s="112">
        <v>0</v>
      </c>
      <c r="EP14" s="116">
        <v>0</v>
      </c>
      <c r="EQ14" s="114">
        <v>0</v>
      </c>
      <c r="ER14" s="113">
        <v>0</v>
      </c>
      <c r="ES14" s="116">
        <v>0</v>
      </c>
      <c r="ET14" s="116">
        <v>0</v>
      </c>
      <c r="EU14" s="116">
        <v>0</v>
      </c>
      <c r="EV14" s="116">
        <v>0</v>
      </c>
      <c r="EW14" s="116">
        <v>0</v>
      </c>
      <c r="EX14" s="115">
        <v>0</v>
      </c>
      <c r="EY14" s="118">
        <v>0</v>
      </c>
      <c r="EZ14" s="112">
        <v>0</v>
      </c>
      <c r="FA14" s="116">
        <v>0</v>
      </c>
      <c r="FB14" s="114">
        <v>0</v>
      </c>
      <c r="FC14" s="390"/>
      <c r="FD14" s="116">
        <v>0</v>
      </c>
      <c r="FE14" s="116">
        <v>0</v>
      </c>
      <c r="FF14" s="116">
        <v>0</v>
      </c>
      <c r="FG14" s="116">
        <v>0</v>
      </c>
      <c r="FH14" s="116">
        <v>0</v>
      </c>
      <c r="FI14" s="115">
        <v>0</v>
      </c>
      <c r="FJ14" s="118">
        <v>0</v>
      </c>
      <c r="FK14" s="112">
        <v>39802</v>
      </c>
      <c r="FL14" s="116">
        <v>45150</v>
      </c>
      <c r="FM14" s="115">
        <v>84952</v>
      </c>
      <c r="FN14" s="112">
        <v>0</v>
      </c>
      <c r="FO14" s="116">
        <v>313035</v>
      </c>
      <c r="FP14" s="116">
        <v>694792</v>
      </c>
      <c r="FQ14" s="116">
        <v>364712</v>
      </c>
      <c r="FR14" s="116">
        <v>300547</v>
      </c>
      <c r="FS14" s="116">
        <v>181818</v>
      </c>
      <c r="FT14" s="115">
        <v>1854904</v>
      </c>
      <c r="FU14" s="118">
        <v>1939856</v>
      </c>
      <c r="FV14" s="117">
        <v>39802</v>
      </c>
      <c r="FW14" s="116">
        <v>45150</v>
      </c>
      <c r="FX14" s="114">
        <v>84952</v>
      </c>
      <c r="FY14" s="113">
        <v>0</v>
      </c>
      <c r="FZ14" s="116">
        <v>250665</v>
      </c>
      <c r="GA14" s="116">
        <v>497518</v>
      </c>
      <c r="GB14" s="116">
        <v>253387</v>
      </c>
      <c r="GC14" s="116">
        <v>292077</v>
      </c>
      <c r="GD14" s="116">
        <v>181818</v>
      </c>
      <c r="GE14" s="115">
        <v>1475465</v>
      </c>
      <c r="GF14" s="354">
        <v>1560417</v>
      </c>
      <c r="GG14" s="117">
        <v>0</v>
      </c>
      <c r="GH14" s="116">
        <v>0</v>
      </c>
      <c r="GI14" s="114">
        <v>0</v>
      </c>
      <c r="GJ14" s="113">
        <v>0</v>
      </c>
      <c r="GK14" s="116">
        <v>62370</v>
      </c>
      <c r="GL14" s="116">
        <v>16324</v>
      </c>
      <c r="GM14" s="116">
        <v>70000</v>
      </c>
      <c r="GN14" s="116">
        <v>8470</v>
      </c>
      <c r="GO14" s="116">
        <v>0</v>
      </c>
      <c r="GP14" s="115">
        <v>157164</v>
      </c>
      <c r="GQ14" s="118">
        <v>157164</v>
      </c>
      <c r="GR14" s="112">
        <v>0</v>
      </c>
      <c r="GS14" s="116">
        <v>0</v>
      </c>
      <c r="GT14" s="115">
        <v>0</v>
      </c>
      <c r="GU14" s="112">
        <v>0</v>
      </c>
      <c r="GV14" s="116">
        <v>0</v>
      </c>
      <c r="GW14" s="116">
        <v>180950</v>
      </c>
      <c r="GX14" s="116">
        <v>41325</v>
      </c>
      <c r="GY14" s="116">
        <v>0</v>
      </c>
      <c r="GZ14" s="116">
        <v>0</v>
      </c>
      <c r="HA14" s="114">
        <v>222275</v>
      </c>
      <c r="HB14" s="118">
        <v>222275</v>
      </c>
      <c r="HC14" s="112">
        <v>241165</v>
      </c>
      <c r="HD14" s="116">
        <v>0</v>
      </c>
      <c r="HE14" s="114">
        <v>241165</v>
      </c>
      <c r="HF14" s="113">
        <v>0</v>
      </c>
      <c r="HG14" s="116">
        <v>1285722</v>
      </c>
      <c r="HH14" s="116">
        <v>1745885</v>
      </c>
      <c r="HI14" s="116">
        <v>1777230</v>
      </c>
      <c r="HJ14" s="116">
        <v>1199691</v>
      </c>
      <c r="HK14" s="116">
        <v>1862282</v>
      </c>
      <c r="HL14" s="115">
        <v>7870810</v>
      </c>
      <c r="HM14" s="111">
        <v>8111975</v>
      </c>
      <c r="HN14" s="370"/>
      <c r="HO14" s="371"/>
      <c r="HP14" s="372"/>
      <c r="HQ14" s="373"/>
      <c r="HR14" s="371"/>
      <c r="HS14" s="371"/>
      <c r="HT14" s="371"/>
      <c r="HU14" s="371"/>
      <c r="HV14" s="371"/>
      <c r="HW14" s="374"/>
      <c r="HX14" s="375"/>
      <c r="HY14" s="148">
        <v>0</v>
      </c>
      <c r="HZ14" s="149">
        <v>0</v>
      </c>
      <c r="IA14" s="150">
        <v>0</v>
      </c>
      <c r="IB14" s="151">
        <v>0</v>
      </c>
      <c r="IC14" s="152">
        <v>907412</v>
      </c>
      <c r="ID14" s="153">
        <v>2139156</v>
      </c>
      <c r="IE14" s="154">
        <v>815097</v>
      </c>
      <c r="IF14" s="152">
        <v>2190532</v>
      </c>
      <c r="IG14" s="154">
        <v>446146</v>
      </c>
      <c r="IH14" s="155">
        <v>6498343</v>
      </c>
      <c r="II14" s="156">
        <v>6498343</v>
      </c>
      <c r="IJ14" s="261">
        <v>0</v>
      </c>
      <c r="IK14" s="268">
        <v>0</v>
      </c>
      <c r="IL14" s="269">
        <v>0</v>
      </c>
      <c r="IM14" s="157"/>
      <c r="IN14" s="122">
        <v>0</v>
      </c>
      <c r="IO14" s="122">
        <v>114454</v>
      </c>
      <c r="IP14" s="122">
        <v>0</v>
      </c>
      <c r="IQ14" s="122">
        <v>210558</v>
      </c>
      <c r="IR14" s="122">
        <v>0</v>
      </c>
      <c r="IS14" s="158">
        <v>325012</v>
      </c>
      <c r="IT14" s="357">
        <v>325012</v>
      </c>
      <c r="IU14" s="159">
        <v>0</v>
      </c>
      <c r="IV14" s="122">
        <v>0</v>
      </c>
      <c r="IW14" s="123">
        <v>0</v>
      </c>
      <c r="IX14" s="161"/>
      <c r="IY14" s="122">
        <v>0</v>
      </c>
      <c r="IZ14" s="122">
        <v>0</v>
      </c>
      <c r="JA14" s="122">
        <v>0</v>
      </c>
      <c r="JB14" s="122">
        <v>0</v>
      </c>
      <c r="JC14" s="122">
        <v>0</v>
      </c>
      <c r="JD14" s="123">
        <v>0</v>
      </c>
      <c r="JE14" s="124">
        <v>0</v>
      </c>
      <c r="JF14" s="159">
        <v>0</v>
      </c>
      <c r="JG14" s="122">
        <v>0</v>
      </c>
      <c r="JH14" s="158">
        <v>0</v>
      </c>
      <c r="JI14" s="121">
        <v>0</v>
      </c>
      <c r="JJ14" s="122">
        <v>813106</v>
      </c>
      <c r="JK14" s="122">
        <v>999411</v>
      </c>
      <c r="JL14" s="122">
        <v>652458</v>
      </c>
      <c r="JM14" s="122">
        <v>-43203</v>
      </c>
      <c r="JN14" s="122">
        <v>42807</v>
      </c>
      <c r="JO14" s="123">
        <v>2464579</v>
      </c>
      <c r="JP14" s="357">
        <v>2464579</v>
      </c>
      <c r="JQ14" s="159">
        <v>0</v>
      </c>
      <c r="JR14" s="122">
        <v>0</v>
      </c>
      <c r="JS14" s="158">
        <v>0</v>
      </c>
      <c r="JT14" s="121">
        <v>0</v>
      </c>
      <c r="JU14" s="122">
        <v>0</v>
      </c>
      <c r="JV14" s="122">
        <v>144937</v>
      </c>
      <c r="JW14" s="122">
        <v>0</v>
      </c>
      <c r="JX14" s="122">
        <v>0</v>
      </c>
      <c r="JY14" s="122">
        <v>0</v>
      </c>
      <c r="JZ14" s="123">
        <v>144937</v>
      </c>
      <c r="KA14" s="357">
        <v>144937</v>
      </c>
      <c r="KB14" s="264">
        <v>0</v>
      </c>
      <c r="KC14" s="258">
        <v>0</v>
      </c>
      <c r="KD14" s="123">
        <v>0</v>
      </c>
      <c r="KE14" s="121">
        <v>0</v>
      </c>
      <c r="KF14" s="122">
        <v>94306</v>
      </c>
      <c r="KG14" s="122">
        <v>0</v>
      </c>
      <c r="KH14" s="122">
        <v>162639</v>
      </c>
      <c r="KI14" s="122">
        <v>0</v>
      </c>
      <c r="KJ14" s="122">
        <v>138793</v>
      </c>
      <c r="KK14" s="123">
        <v>395738</v>
      </c>
      <c r="KL14" s="160">
        <v>395738</v>
      </c>
      <c r="KM14" s="261">
        <v>0</v>
      </c>
      <c r="KN14" s="268">
        <v>0</v>
      </c>
      <c r="KO14" s="269">
        <v>0</v>
      </c>
      <c r="KP14" s="157"/>
      <c r="KQ14" s="122">
        <v>0</v>
      </c>
      <c r="KR14" s="122">
        <v>425980</v>
      </c>
      <c r="KS14" s="122">
        <v>0</v>
      </c>
      <c r="KT14" s="122">
        <v>1338515</v>
      </c>
      <c r="KU14" s="122">
        <v>0</v>
      </c>
      <c r="KV14" s="123">
        <v>1764495</v>
      </c>
      <c r="KW14" s="357">
        <v>1764495</v>
      </c>
      <c r="KX14" s="159">
        <v>0</v>
      </c>
      <c r="KY14" s="122">
        <v>0</v>
      </c>
      <c r="KZ14" s="123">
        <v>0</v>
      </c>
      <c r="LA14" s="162"/>
      <c r="LB14" s="122">
        <v>0</v>
      </c>
      <c r="LC14" s="122">
        <v>302650</v>
      </c>
      <c r="LD14" s="122">
        <v>0</v>
      </c>
      <c r="LE14" s="122">
        <v>189179</v>
      </c>
      <c r="LF14" s="122">
        <v>0</v>
      </c>
      <c r="LG14" s="123">
        <v>491829</v>
      </c>
      <c r="LH14" s="124">
        <v>491829</v>
      </c>
      <c r="LI14" s="159">
        <v>0</v>
      </c>
      <c r="LJ14" s="122">
        <v>0</v>
      </c>
      <c r="LK14" s="123">
        <v>0</v>
      </c>
      <c r="LL14" s="162"/>
      <c r="LM14" s="122">
        <v>0</v>
      </c>
      <c r="LN14" s="122">
        <v>0</v>
      </c>
      <c r="LO14" s="122">
        <v>0</v>
      </c>
      <c r="LP14" s="122">
        <v>247429</v>
      </c>
      <c r="LQ14" s="122">
        <v>264546</v>
      </c>
      <c r="LR14" s="123">
        <v>511975</v>
      </c>
      <c r="LS14" s="357">
        <v>511975</v>
      </c>
      <c r="LT14" s="159">
        <v>0</v>
      </c>
      <c r="LU14" s="122">
        <v>0</v>
      </c>
      <c r="LV14" s="123">
        <v>0</v>
      </c>
      <c r="LW14" s="162"/>
      <c r="LX14" s="122">
        <v>0</v>
      </c>
      <c r="LY14" s="122">
        <v>151724</v>
      </c>
      <c r="LZ14" s="122">
        <v>0</v>
      </c>
      <c r="MA14" s="122">
        <v>248054</v>
      </c>
      <c r="MB14" s="122">
        <v>0</v>
      </c>
      <c r="MC14" s="123">
        <v>399778</v>
      </c>
      <c r="MD14" s="124">
        <v>399778</v>
      </c>
      <c r="ME14" s="159">
        <v>0</v>
      </c>
      <c r="MF14" s="122">
        <v>0</v>
      </c>
      <c r="MG14" s="123">
        <v>0</v>
      </c>
      <c r="MH14" s="162"/>
      <c r="MI14" s="122">
        <v>0</v>
      </c>
      <c r="MJ14" s="122">
        <v>647916</v>
      </c>
      <c r="MK14" s="122">
        <v>1415463</v>
      </c>
      <c r="ML14" s="122">
        <v>3986796</v>
      </c>
      <c r="MM14" s="122">
        <v>1486134</v>
      </c>
      <c r="MN14" s="123">
        <v>7536309</v>
      </c>
      <c r="MO14" s="160">
        <v>7536309</v>
      </c>
      <c r="MP14" s="159">
        <v>0</v>
      </c>
      <c r="MQ14" s="122">
        <v>0</v>
      </c>
      <c r="MR14" s="123">
        <v>0</v>
      </c>
      <c r="MS14" s="162"/>
      <c r="MT14" s="122">
        <v>0</v>
      </c>
      <c r="MU14" s="122">
        <v>186370</v>
      </c>
      <c r="MV14" s="122">
        <v>197432</v>
      </c>
      <c r="MW14" s="122">
        <v>2039707</v>
      </c>
      <c r="MX14" s="122">
        <v>1234052</v>
      </c>
      <c r="MY14" s="123">
        <v>3657561</v>
      </c>
      <c r="MZ14" s="160">
        <v>3657561</v>
      </c>
      <c r="NA14" s="159">
        <v>0</v>
      </c>
      <c r="NB14" s="122">
        <v>0</v>
      </c>
      <c r="NC14" s="123">
        <v>0</v>
      </c>
      <c r="ND14" s="162"/>
      <c r="NE14" s="122">
        <v>0</v>
      </c>
      <c r="NF14" s="122">
        <v>461546</v>
      </c>
      <c r="NG14" s="122">
        <v>1218031</v>
      </c>
      <c r="NH14" s="122">
        <v>1959804</v>
      </c>
      <c r="NI14" s="122">
        <v>254225</v>
      </c>
      <c r="NJ14" s="123">
        <v>3893606</v>
      </c>
      <c r="NK14" s="357">
        <v>3893606</v>
      </c>
      <c r="NL14" s="159">
        <v>0</v>
      </c>
      <c r="NM14" s="122">
        <v>0</v>
      </c>
      <c r="NN14" s="123">
        <v>0</v>
      </c>
      <c r="NO14" s="162"/>
      <c r="NP14" s="122">
        <v>0</v>
      </c>
      <c r="NQ14" s="122">
        <v>0</v>
      </c>
      <c r="NR14" s="122">
        <v>0</v>
      </c>
      <c r="NS14" s="122">
        <v>0</v>
      </c>
      <c r="NT14" s="122">
        <v>0</v>
      </c>
      <c r="NU14" s="123">
        <v>0</v>
      </c>
      <c r="NV14" s="124">
        <v>0</v>
      </c>
      <c r="NW14" s="159">
        <v>0</v>
      </c>
      <c r="NX14" s="122">
        <v>0</v>
      </c>
      <c r="NY14" s="123">
        <v>0</v>
      </c>
      <c r="NZ14" s="162"/>
      <c r="OA14" s="122">
        <v>0</v>
      </c>
      <c r="OB14" s="122">
        <v>0</v>
      </c>
      <c r="OC14" s="122">
        <v>0</v>
      </c>
      <c r="OD14" s="122">
        <v>-12715</v>
      </c>
      <c r="OE14" s="122">
        <v>-2143</v>
      </c>
      <c r="OF14" s="123">
        <v>-14858</v>
      </c>
      <c r="OG14" s="124">
        <v>-14858</v>
      </c>
      <c r="OH14" s="159">
        <v>387373</v>
      </c>
      <c r="OI14" s="122">
        <v>204033</v>
      </c>
      <c r="OJ14" s="158">
        <v>591406</v>
      </c>
      <c r="OK14" s="121">
        <v>0</v>
      </c>
      <c r="OL14" s="122">
        <v>5025043</v>
      </c>
      <c r="OM14" s="122">
        <v>8943083</v>
      </c>
      <c r="ON14" s="122">
        <v>5722479</v>
      </c>
      <c r="OO14" s="122">
        <v>11094874</v>
      </c>
      <c r="OP14" s="122">
        <v>5748903</v>
      </c>
      <c r="OQ14" s="123">
        <v>36534382</v>
      </c>
      <c r="OR14" s="160">
        <v>848197.443203795</v>
      </c>
    </row>
    <row r="15" spans="1:408" ht="20.25" customHeight="1" x14ac:dyDescent="0.2">
      <c r="A15" s="129" t="s">
        <v>9</v>
      </c>
      <c r="B15" s="112">
        <v>1161773</v>
      </c>
      <c r="C15" s="116">
        <v>1284898</v>
      </c>
      <c r="D15" s="115">
        <v>2446671</v>
      </c>
      <c r="E15" s="113">
        <v>0</v>
      </c>
      <c r="F15" s="116">
        <v>9514295</v>
      </c>
      <c r="G15" s="116">
        <v>10950472</v>
      </c>
      <c r="H15" s="116">
        <v>11623883</v>
      </c>
      <c r="I15" s="116">
        <v>13364500</v>
      </c>
      <c r="J15" s="116">
        <v>12126777</v>
      </c>
      <c r="K15" s="111">
        <v>57579927</v>
      </c>
      <c r="L15" s="118">
        <v>60026598</v>
      </c>
      <c r="M15" s="112">
        <v>251235</v>
      </c>
      <c r="N15" s="116">
        <v>226796</v>
      </c>
      <c r="O15" s="115">
        <v>478031</v>
      </c>
      <c r="P15" s="112">
        <v>0</v>
      </c>
      <c r="Q15" s="116">
        <v>4301166</v>
      </c>
      <c r="R15" s="116">
        <v>3882779</v>
      </c>
      <c r="S15" s="116">
        <v>5195434</v>
      </c>
      <c r="T15" s="116">
        <v>5871555</v>
      </c>
      <c r="U15" s="116">
        <v>6810597</v>
      </c>
      <c r="V15" s="115">
        <v>26061531</v>
      </c>
      <c r="W15" s="118">
        <v>26539562</v>
      </c>
      <c r="X15" s="112">
        <v>0</v>
      </c>
      <c r="Y15" s="116">
        <v>0</v>
      </c>
      <c r="Z15" s="115">
        <v>0</v>
      </c>
      <c r="AA15" s="112">
        <v>0</v>
      </c>
      <c r="AB15" s="116">
        <v>1787501</v>
      </c>
      <c r="AC15" s="116">
        <v>1700367</v>
      </c>
      <c r="AD15" s="116">
        <v>2791802</v>
      </c>
      <c r="AE15" s="116">
        <v>3672659</v>
      </c>
      <c r="AF15" s="116">
        <v>4515702</v>
      </c>
      <c r="AG15" s="115">
        <v>14468031</v>
      </c>
      <c r="AH15" s="118">
        <v>14468031</v>
      </c>
      <c r="AI15" s="112">
        <v>0</v>
      </c>
      <c r="AJ15" s="116">
        <v>0</v>
      </c>
      <c r="AK15" s="115">
        <v>0</v>
      </c>
      <c r="AL15" s="112">
        <v>0</v>
      </c>
      <c r="AM15" s="116">
        <v>221042</v>
      </c>
      <c r="AN15" s="116">
        <v>367681</v>
      </c>
      <c r="AO15" s="116">
        <v>161657</v>
      </c>
      <c r="AP15" s="116">
        <v>125491</v>
      </c>
      <c r="AQ15" s="116">
        <v>779843</v>
      </c>
      <c r="AR15" s="115">
        <v>1655714</v>
      </c>
      <c r="AS15" s="118">
        <v>1655714</v>
      </c>
      <c r="AT15" s="112">
        <v>94134</v>
      </c>
      <c r="AU15" s="116">
        <v>157335</v>
      </c>
      <c r="AV15" s="115">
        <v>251469</v>
      </c>
      <c r="AW15" s="112">
        <v>0</v>
      </c>
      <c r="AX15" s="116">
        <v>1474459</v>
      </c>
      <c r="AY15" s="116">
        <v>964393</v>
      </c>
      <c r="AZ15" s="116">
        <v>1257200</v>
      </c>
      <c r="BA15" s="116">
        <v>1076724</v>
      </c>
      <c r="BB15" s="116">
        <v>714002</v>
      </c>
      <c r="BC15" s="115">
        <v>5486778</v>
      </c>
      <c r="BD15" s="118">
        <v>5738247</v>
      </c>
      <c r="BE15" s="112">
        <v>0</v>
      </c>
      <c r="BF15" s="116">
        <v>0</v>
      </c>
      <c r="BG15" s="114">
        <v>0</v>
      </c>
      <c r="BH15" s="113">
        <v>0</v>
      </c>
      <c r="BI15" s="116">
        <v>358915</v>
      </c>
      <c r="BJ15" s="116">
        <v>262310</v>
      </c>
      <c r="BK15" s="116">
        <v>213676</v>
      </c>
      <c r="BL15" s="116">
        <v>237475</v>
      </c>
      <c r="BM15" s="116">
        <v>241386</v>
      </c>
      <c r="BN15" s="115">
        <v>1313762</v>
      </c>
      <c r="BO15" s="118">
        <v>1313762</v>
      </c>
      <c r="BP15" s="112">
        <v>157101</v>
      </c>
      <c r="BQ15" s="116">
        <v>69461</v>
      </c>
      <c r="BR15" s="115">
        <v>226562</v>
      </c>
      <c r="BS15" s="112">
        <v>0</v>
      </c>
      <c r="BT15" s="116">
        <v>459249</v>
      </c>
      <c r="BU15" s="116">
        <v>588028</v>
      </c>
      <c r="BV15" s="116">
        <v>771099</v>
      </c>
      <c r="BW15" s="116">
        <v>759206</v>
      </c>
      <c r="BX15" s="116">
        <v>559664</v>
      </c>
      <c r="BY15" s="115">
        <v>3137246</v>
      </c>
      <c r="BZ15" s="118">
        <v>3363808</v>
      </c>
      <c r="CA15" s="112">
        <v>72153</v>
      </c>
      <c r="CB15" s="116">
        <v>265144</v>
      </c>
      <c r="CC15" s="115">
        <v>337297</v>
      </c>
      <c r="CD15" s="112">
        <v>0</v>
      </c>
      <c r="CE15" s="116">
        <v>1604520</v>
      </c>
      <c r="CF15" s="116">
        <v>1999928</v>
      </c>
      <c r="CG15" s="116">
        <v>1683813</v>
      </c>
      <c r="CH15" s="116">
        <v>1243545</v>
      </c>
      <c r="CI15" s="116">
        <v>528453</v>
      </c>
      <c r="CJ15" s="115">
        <v>7060259</v>
      </c>
      <c r="CK15" s="118">
        <v>7397556</v>
      </c>
      <c r="CL15" s="112">
        <v>0</v>
      </c>
      <c r="CM15" s="116">
        <v>0</v>
      </c>
      <c r="CN15" s="115">
        <v>0</v>
      </c>
      <c r="CO15" s="113">
        <v>0</v>
      </c>
      <c r="CP15" s="116">
        <v>1357825</v>
      </c>
      <c r="CQ15" s="116">
        <v>1673565</v>
      </c>
      <c r="CR15" s="116">
        <v>1255048</v>
      </c>
      <c r="CS15" s="116">
        <v>707583</v>
      </c>
      <c r="CT15" s="116">
        <v>473333</v>
      </c>
      <c r="CU15" s="115">
        <v>5467354</v>
      </c>
      <c r="CV15" s="118">
        <v>5467354</v>
      </c>
      <c r="CW15" s="112">
        <v>72153</v>
      </c>
      <c r="CX15" s="116">
        <v>265144</v>
      </c>
      <c r="CY15" s="115">
        <v>337297</v>
      </c>
      <c r="CZ15" s="112">
        <v>0</v>
      </c>
      <c r="DA15" s="116">
        <v>246695</v>
      </c>
      <c r="DB15" s="116">
        <v>326363</v>
      </c>
      <c r="DC15" s="116">
        <v>428765</v>
      </c>
      <c r="DD15" s="116">
        <v>535962</v>
      </c>
      <c r="DE15" s="116">
        <v>55120</v>
      </c>
      <c r="DF15" s="115">
        <v>1592905</v>
      </c>
      <c r="DG15" s="118">
        <v>1930202</v>
      </c>
      <c r="DH15" s="112">
        <v>0</v>
      </c>
      <c r="DI15" s="116">
        <v>0</v>
      </c>
      <c r="DJ15" s="114">
        <v>0</v>
      </c>
      <c r="DK15" s="113">
        <v>0</v>
      </c>
      <c r="DL15" s="116">
        <v>178218</v>
      </c>
      <c r="DM15" s="116">
        <v>560945</v>
      </c>
      <c r="DN15" s="116">
        <v>754836</v>
      </c>
      <c r="DO15" s="116">
        <v>767857</v>
      </c>
      <c r="DP15" s="116">
        <v>532197</v>
      </c>
      <c r="DQ15" s="115">
        <v>2794053</v>
      </c>
      <c r="DR15" s="118">
        <v>2794053</v>
      </c>
      <c r="DS15" s="112">
        <v>0</v>
      </c>
      <c r="DT15" s="116">
        <v>0</v>
      </c>
      <c r="DU15" s="115">
        <v>0</v>
      </c>
      <c r="DV15" s="112">
        <v>0</v>
      </c>
      <c r="DW15" s="116">
        <v>178218</v>
      </c>
      <c r="DX15" s="116">
        <v>393513</v>
      </c>
      <c r="DY15" s="116">
        <v>467552</v>
      </c>
      <c r="DZ15" s="116">
        <v>710750</v>
      </c>
      <c r="EA15" s="116">
        <v>429146</v>
      </c>
      <c r="EB15" s="115">
        <v>2179179</v>
      </c>
      <c r="EC15" s="118">
        <v>2179179</v>
      </c>
      <c r="ED15" s="112">
        <v>0</v>
      </c>
      <c r="EE15" s="114">
        <v>0</v>
      </c>
      <c r="EF15" s="115">
        <v>0</v>
      </c>
      <c r="EG15" s="112">
        <v>0</v>
      </c>
      <c r="EH15" s="116">
        <v>0</v>
      </c>
      <c r="EI15" s="116">
        <v>167432</v>
      </c>
      <c r="EJ15" s="116">
        <v>287284</v>
      </c>
      <c r="EK15" s="116">
        <v>57107</v>
      </c>
      <c r="EL15" s="116">
        <v>103051</v>
      </c>
      <c r="EM15" s="114">
        <v>614874</v>
      </c>
      <c r="EN15" s="118">
        <v>614874</v>
      </c>
      <c r="EO15" s="112">
        <v>0</v>
      </c>
      <c r="EP15" s="116">
        <v>0</v>
      </c>
      <c r="EQ15" s="114">
        <v>0</v>
      </c>
      <c r="ER15" s="113">
        <v>0</v>
      </c>
      <c r="ES15" s="116">
        <v>0</v>
      </c>
      <c r="ET15" s="116">
        <v>0</v>
      </c>
      <c r="EU15" s="116">
        <v>0</v>
      </c>
      <c r="EV15" s="116">
        <v>0</v>
      </c>
      <c r="EW15" s="116">
        <v>0</v>
      </c>
      <c r="EX15" s="115">
        <v>0</v>
      </c>
      <c r="EY15" s="118">
        <v>0</v>
      </c>
      <c r="EZ15" s="112">
        <v>0</v>
      </c>
      <c r="FA15" s="116">
        <v>0</v>
      </c>
      <c r="FB15" s="114">
        <v>0</v>
      </c>
      <c r="FC15" s="390"/>
      <c r="FD15" s="116">
        <v>0</v>
      </c>
      <c r="FE15" s="116">
        <v>0</v>
      </c>
      <c r="FF15" s="116">
        <v>0</v>
      </c>
      <c r="FG15" s="116">
        <v>0</v>
      </c>
      <c r="FH15" s="116">
        <v>0</v>
      </c>
      <c r="FI15" s="115">
        <v>0</v>
      </c>
      <c r="FJ15" s="118">
        <v>0</v>
      </c>
      <c r="FK15" s="112">
        <v>189990</v>
      </c>
      <c r="FL15" s="116">
        <v>221102</v>
      </c>
      <c r="FM15" s="115">
        <v>411092</v>
      </c>
      <c r="FN15" s="112">
        <v>0</v>
      </c>
      <c r="FO15" s="116">
        <v>710234</v>
      </c>
      <c r="FP15" s="116">
        <v>1431038</v>
      </c>
      <c r="FQ15" s="116">
        <v>1025395</v>
      </c>
      <c r="FR15" s="116">
        <v>1079834</v>
      </c>
      <c r="FS15" s="116">
        <v>870051</v>
      </c>
      <c r="FT15" s="115">
        <v>5116552</v>
      </c>
      <c r="FU15" s="118">
        <v>5527644</v>
      </c>
      <c r="FV15" s="117">
        <v>145523</v>
      </c>
      <c r="FW15" s="116">
        <v>200102</v>
      </c>
      <c r="FX15" s="114">
        <v>345625</v>
      </c>
      <c r="FY15" s="113">
        <v>0</v>
      </c>
      <c r="FZ15" s="116">
        <v>583247</v>
      </c>
      <c r="GA15" s="116">
        <v>1189734</v>
      </c>
      <c r="GB15" s="116">
        <v>947023</v>
      </c>
      <c r="GC15" s="116">
        <v>1060969</v>
      </c>
      <c r="GD15" s="116">
        <v>870051</v>
      </c>
      <c r="GE15" s="115">
        <v>4651024</v>
      </c>
      <c r="GF15" s="354">
        <v>4996649</v>
      </c>
      <c r="GG15" s="117">
        <v>44467</v>
      </c>
      <c r="GH15" s="116">
        <v>0</v>
      </c>
      <c r="GI15" s="114">
        <v>44467</v>
      </c>
      <c r="GJ15" s="113">
        <v>0</v>
      </c>
      <c r="GK15" s="116">
        <v>61873</v>
      </c>
      <c r="GL15" s="116">
        <v>102718</v>
      </c>
      <c r="GM15" s="116">
        <v>33572</v>
      </c>
      <c r="GN15" s="116">
        <v>18865</v>
      </c>
      <c r="GO15" s="116">
        <v>0</v>
      </c>
      <c r="GP15" s="115">
        <v>217028</v>
      </c>
      <c r="GQ15" s="118">
        <v>261495</v>
      </c>
      <c r="GR15" s="112">
        <v>0</v>
      </c>
      <c r="GS15" s="116">
        <v>21000</v>
      </c>
      <c r="GT15" s="115">
        <v>21000</v>
      </c>
      <c r="GU15" s="112">
        <v>0</v>
      </c>
      <c r="GV15" s="116">
        <v>65114</v>
      </c>
      <c r="GW15" s="116">
        <v>138586</v>
      </c>
      <c r="GX15" s="116">
        <v>44800</v>
      </c>
      <c r="GY15" s="116">
        <v>0</v>
      </c>
      <c r="GZ15" s="116">
        <v>0</v>
      </c>
      <c r="HA15" s="114">
        <v>248500</v>
      </c>
      <c r="HB15" s="118">
        <v>269500</v>
      </c>
      <c r="HC15" s="112">
        <v>648395</v>
      </c>
      <c r="HD15" s="116">
        <v>571856</v>
      </c>
      <c r="HE15" s="114">
        <v>1220251</v>
      </c>
      <c r="HF15" s="113">
        <v>0</v>
      </c>
      <c r="HG15" s="116">
        <v>2720157</v>
      </c>
      <c r="HH15" s="116">
        <v>3075782</v>
      </c>
      <c r="HI15" s="116">
        <v>2964405</v>
      </c>
      <c r="HJ15" s="116">
        <v>4401709</v>
      </c>
      <c r="HK15" s="116">
        <v>3385479</v>
      </c>
      <c r="HL15" s="115">
        <v>16547532</v>
      </c>
      <c r="HM15" s="111">
        <v>17767783</v>
      </c>
      <c r="HN15" s="370"/>
      <c r="HO15" s="371"/>
      <c r="HP15" s="372"/>
      <c r="HQ15" s="373"/>
      <c r="HR15" s="371"/>
      <c r="HS15" s="371"/>
      <c r="HT15" s="371"/>
      <c r="HU15" s="371"/>
      <c r="HV15" s="371"/>
      <c r="HW15" s="374"/>
      <c r="HX15" s="375"/>
      <c r="HY15" s="131">
        <v>37821</v>
      </c>
      <c r="HZ15" s="166">
        <v>0</v>
      </c>
      <c r="IA15" s="133">
        <v>37821</v>
      </c>
      <c r="IB15" s="163">
        <v>0</v>
      </c>
      <c r="IC15" s="149">
        <v>1533370</v>
      </c>
      <c r="ID15" s="164">
        <v>3602727</v>
      </c>
      <c r="IE15" s="150">
        <v>2814828</v>
      </c>
      <c r="IF15" s="149">
        <v>3363342</v>
      </c>
      <c r="IG15" s="150">
        <v>1155928</v>
      </c>
      <c r="IH15" s="165">
        <v>12470195</v>
      </c>
      <c r="II15" s="137">
        <v>12508016</v>
      </c>
      <c r="IJ15" s="261">
        <v>0</v>
      </c>
      <c r="IK15" s="268">
        <v>0</v>
      </c>
      <c r="IL15" s="269">
        <v>0</v>
      </c>
      <c r="IM15" s="157"/>
      <c r="IN15" s="122">
        <v>0</v>
      </c>
      <c r="IO15" s="122">
        <v>101846</v>
      </c>
      <c r="IP15" s="122">
        <v>0</v>
      </c>
      <c r="IQ15" s="122">
        <v>614435</v>
      </c>
      <c r="IR15" s="122">
        <v>0</v>
      </c>
      <c r="IS15" s="158">
        <v>716281</v>
      </c>
      <c r="IT15" s="357">
        <v>716281</v>
      </c>
      <c r="IU15" s="159">
        <v>0</v>
      </c>
      <c r="IV15" s="122">
        <v>0</v>
      </c>
      <c r="IW15" s="123">
        <v>0</v>
      </c>
      <c r="IX15" s="161"/>
      <c r="IY15" s="122">
        <v>0</v>
      </c>
      <c r="IZ15" s="122">
        <v>0</v>
      </c>
      <c r="JA15" s="122">
        <v>0</v>
      </c>
      <c r="JB15" s="122">
        <v>0</v>
      </c>
      <c r="JC15" s="122">
        <v>0</v>
      </c>
      <c r="JD15" s="123">
        <v>0</v>
      </c>
      <c r="JE15" s="124">
        <v>0</v>
      </c>
      <c r="JF15" s="159">
        <v>0</v>
      </c>
      <c r="JG15" s="122">
        <v>0</v>
      </c>
      <c r="JH15" s="158">
        <v>0</v>
      </c>
      <c r="JI15" s="121">
        <v>0</v>
      </c>
      <c r="JJ15" s="122">
        <v>1006714</v>
      </c>
      <c r="JK15" s="122">
        <v>1389409</v>
      </c>
      <c r="JL15" s="122">
        <v>995734</v>
      </c>
      <c r="JM15" s="122">
        <v>574785</v>
      </c>
      <c r="JN15" s="122">
        <v>41977</v>
      </c>
      <c r="JO15" s="123">
        <v>4008619</v>
      </c>
      <c r="JP15" s="357">
        <v>4008619</v>
      </c>
      <c r="JQ15" s="159">
        <v>0</v>
      </c>
      <c r="JR15" s="122">
        <v>0</v>
      </c>
      <c r="JS15" s="158">
        <v>0</v>
      </c>
      <c r="JT15" s="121">
        <v>0</v>
      </c>
      <c r="JU15" s="122">
        <v>103609</v>
      </c>
      <c r="JV15" s="122">
        <v>0</v>
      </c>
      <c r="JW15" s="122">
        <v>129899</v>
      </c>
      <c r="JX15" s="122">
        <v>0</v>
      </c>
      <c r="JY15" s="122">
        <v>84277</v>
      </c>
      <c r="JZ15" s="123">
        <v>317785</v>
      </c>
      <c r="KA15" s="357">
        <v>317785</v>
      </c>
      <c r="KB15" s="264">
        <v>37821</v>
      </c>
      <c r="KC15" s="258">
        <v>0</v>
      </c>
      <c r="KD15" s="123">
        <v>37821</v>
      </c>
      <c r="KE15" s="121">
        <v>0</v>
      </c>
      <c r="KF15" s="122">
        <v>423047</v>
      </c>
      <c r="KG15" s="122">
        <v>555912</v>
      </c>
      <c r="KH15" s="122">
        <v>605887</v>
      </c>
      <c r="KI15" s="122">
        <v>669871</v>
      </c>
      <c r="KJ15" s="122">
        <v>243509</v>
      </c>
      <c r="KK15" s="123">
        <v>2498226</v>
      </c>
      <c r="KL15" s="160">
        <v>2536047</v>
      </c>
      <c r="KM15" s="261">
        <v>0</v>
      </c>
      <c r="KN15" s="268">
        <v>0</v>
      </c>
      <c r="KO15" s="269">
        <v>0</v>
      </c>
      <c r="KP15" s="157"/>
      <c r="KQ15" s="122">
        <v>0</v>
      </c>
      <c r="KR15" s="122">
        <v>1077961</v>
      </c>
      <c r="KS15" s="122">
        <v>646455</v>
      </c>
      <c r="KT15" s="122">
        <v>684567</v>
      </c>
      <c r="KU15" s="122">
        <v>232398</v>
      </c>
      <c r="KV15" s="123">
        <v>2641381</v>
      </c>
      <c r="KW15" s="357">
        <v>2641381</v>
      </c>
      <c r="KX15" s="159">
        <v>0</v>
      </c>
      <c r="KY15" s="122">
        <v>0</v>
      </c>
      <c r="KZ15" s="123">
        <v>0</v>
      </c>
      <c r="LA15" s="162"/>
      <c r="LB15" s="122">
        <v>0</v>
      </c>
      <c r="LC15" s="122">
        <v>315844</v>
      </c>
      <c r="LD15" s="122">
        <v>0</v>
      </c>
      <c r="LE15" s="122">
        <v>192155</v>
      </c>
      <c r="LF15" s="122">
        <v>0</v>
      </c>
      <c r="LG15" s="123">
        <v>507999</v>
      </c>
      <c r="LH15" s="124">
        <v>507999</v>
      </c>
      <c r="LI15" s="159">
        <v>0</v>
      </c>
      <c r="LJ15" s="122">
        <v>0</v>
      </c>
      <c r="LK15" s="123">
        <v>0</v>
      </c>
      <c r="LL15" s="162"/>
      <c r="LM15" s="122">
        <v>0</v>
      </c>
      <c r="LN15" s="122">
        <v>0</v>
      </c>
      <c r="LO15" s="122">
        <v>0</v>
      </c>
      <c r="LP15" s="122">
        <v>0</v>
      </c>
      <c r="LQ15" s="122">
        <v>0</v>
      </c>
      <c r="LR15" s="123">
        <v>0</v>
      </c>
      <c r="LS15" s="357">
        <v>0</v>
      </c>
      <c r="LT15" s="159">
        <v>0</v>
      </c>
      <c r="LU15" s="122">
        <v>0</v>
      </c>
      <c r="LV15" s="123">
        <v>0</v>
      </c>
      <c r="LW15" s="162"/>
      <c r="LX15" s="122">
        <v>0</v>
      </c>
      <c r="LY15" s="122">
        <v>161755</v>
      </c>
      <c r="LZ15" s="122">
        <v>436853</v>
      </c>
      <c r="MA15" s="122">
        <v>627529</v>
      </c>
      <c r="MB15" s="122">
        <v>553767</v>
      </c>
      <c r="MC15" s="123">
        <v>1779904</v>
      </c>
      <c r="MD15" s="124">
        <v>1779904</v>
      </c>
      <c r="ME15" s="159">
        <v>0</v>
      </c>
      <c r="MF15" s="122">
        <v>0</v>
      </c>
      <c r="MG15" s="123">
        <v>0</v>
      </c>
      <c r="MH15" s="162"/>
      <c r="MI15" s="122">
        <v>447359</v>
      </c>
      <c r="MJ15" s="122">
        <v>437435</v>
      </c>
      <c r="MK15" s="122">
        <v>3397077</v>
      </c>
      <c r="ML15" s="122">
        <v>6574503</v>
      </c>
      <c r="MM15" s="122">
        <v>6409930</v>
      </c>
      <c r="MN15" s="123">
        <v>17266304</v>
      </c>
      <c r="MO15" s="160">
        <v>17266304</v>
      </c>
      <c r="MP15" s="159">
        <v>0</v>
      </c>
      <c r="MQ15" s="122">
        <v>0</v>
      </c>
      <c r="MR15" s="123">
        <v>0</v>
      </c>
      <c r="MS15" s="162"/>
      <c r="MT15" s="122">
        <v>0</v>
      </c>
      <c r="MU15" s="122">
        <v>0</v>
      </c>
      <c r="MV15" s="122">
        <v>1125066</v>
      </c>
      <c r="MW15" s="122">
        <v>5192807</v>
      </c>
      <c r="MX15" s="122">
        <v>4657877</v>
      </c>
      <c r="MY15" s="123">
        <v>10975750</v>
      </c>
      <c r="MZ15" s="160">
        <v>10975750</v>
      </c>
      <c r="NA15" s="159">
        <v>0</v>
      </c>
      <c r="NB15" s="122">
        <v>0</v>
      </c>
      <c r="NC15" s="123">
        <v>0</v>
      </c>
      <c r="ND15" s="162"/>
      <c r="NE15" s="122">
        <v>447359</v>
      </c>
      <c r="NF15" s="122">
        <v>437435</v>
      </c>
      <c r="NG15" s="122">
        <v>2272011</v>
      </c>
      <c r="NH15" s="122">
        <v>1381696</v>
      </c>
      <c r="NI15" s="122">
        <v>1752053</v>
      </c>
      <c r="NJ15" s="123">
        <v>6290554</v>
      </c>
      <c r="NK15" s="357">
        <v>6290554</v>
      </c>
      <c r="NL15" s="159">
        <v>0</v>
      </c>
      <c r="NM15" s="122">
        <v>0</v>
      </c>
      <c r="NN15" s="123">
        <v>0</v>
      </c>
      <c r="NO15" s="162"/>
      <c r="NP15" s="122">
        <v>0</v>
      </c>
      <c r="NQ15" s="122">
        <v>0</v>
      </c>
      <c r="NR15" s="122">
        <v>0</v>
      </c>
      <c r="NS15" s="122">
        <v>0</v>
      </c>
      <c r="NT15" s="122">
        <v>0</v>
      </c>
      <c r="NU15" s="123">
        <v>0</v>
      </c>
      <c r="NV15" s="124">
        <v>0</v>
      </c>
      <c r="NW15" s="159">
        <v>0</v>
      </c>
      <c r="NX15" s="122">
        <v>0</v>
      </c>
      <c r="NY15" s="123">
        <v>0</v>
      </c>
      <c r="NZ15" s="162"/>
      <c r="OA15" s="122">
        <v>0</v>
      </c>
      <c r="OB15" s="122">
        <v>0</v>
      </c>
      <c r="OC15" s="122">
        <v>0</v>
      </c>
      <c r="OD15" s="122">
        <v>0</v>
      </c>
      <c r="OE15" s="122">
        <v>0</v>
      </c>
      <c r="OF15" s="123">
        <v>0</v>
      </c>
      <c r="OG15" s="124">
        <v>0</v>
      </c>
      <c r="OH15" s="159">
        <v>1199594</v>
      </c>
      <c r="OI15" s="122">
        <v>1284898</v>
      </c>
      <c r="OJ15" s="158">
        <v>2484492</v>
      </c>
      <c r="OK15" s="121">
        <v>0</v>
      </c>
      <c r="OL15" s="122">
        <v>11495024</v>
      </c>
      <c r="OM15" s="122">
        <v>14990634</v>
      </c>
      <c r="ON15" s="122">
        <v>17835788</v>
      </c>
      <c r="OO15" s="122">
        <v>23302345</v>
      </c>
      <c r="OP15" s="122">
        <v>19692635</v>
      </c>
      <c r="OQ15" s="123">
        <v>87316426</v>
      </c>
      <c r="OR15" s="160">
        <v>1660850.14168947</v>
      </c>
    </row>
    <row r="16" spans="1:408" ht="20.25" customHeight="1" x14ac:dyDescent="0.2">
      <c r="A16" s="129" t="s">
        <v>10</v>
      </c>
      <c r="B16" s="112">
        <v>1416819</v>
      </c>
      <c r="C16" s="116">
        <v>2426279</v>
      </c>
      <c r="D16" s="115">
        <v>3843098</v>
      </c>
      <c r="E16" s="190">
        <v>0</v>
      </c>
      <c r="F16" s="116">
        <v>16545256</v>
      </c>
      <c r="G16" s="116">
        <v>13458928</v>
      </c>
      <c r="H16" s="116">
        <v>11225338</v>
      </c>
      <c r="I16" s="116">
        <v>15360877</v>
      </c>
      <c r="J16" s="116">
        <v>11544609</v>
      </c>
      <c r="K16" s="111">
        <v>68135008</v>
      </c>
      <c r="L16" s="118">
        <v>71978106</v>
      </c>
      <c r="M16" s="112">
        <v>400679</v>
      </c>
      <c r="N16" s="116">
        <v>955198</v>
      </c>
      <c r="O16" s="115">
        <v>1355877</v>
      </c>
      <c r="P16" s="112">
        <v>0</v>
      </c>
      <c r="Q16" s="116">
        <v>5614904</v>
      </c>
      <c r="R16" s="116">
        <v>4409992</v>
      </c>
      <c r="S16" s="116">
        <v>3656162</v>
      </c>
      <c r="T16" s="116">
        <v>6035619</v>
      </c>
      <c r="U16" s="116">
        <v>5066003</v>
      </c>
      <c r="V16" s="115">
        <v>24782680</v>
      </c>
      <c r="W16" s="118">
        <v>26138557</v>
      </c>
      <c r="X16" s="112">
        <v>0</v>
      </c>
      <c r="Y16" s="116">
        <v>0</v>
      </c>
      <c r="Z16" s="115">
        <v>0</v>
      </c>
      <c r="AA16" s="112">
        <v>0</v>
      </c>
      <c r="AB16" s="116">
        <v>2643681</v>
      </c>
      <c r="AC16" s="116">
        <v>2233053</v>
      </c>
      <c r="AD16" s="116">
        <v>1929014</v>
      </c>
      <c r="AE16" s="116">
        <v>4016532</v>
      </c>
      <c r="AF16" s="116">
        <v>2734807</v>
      </c>
      <c r="AG16" s="115">
        <v>13557087</v>
      </c>
      <c r="AH16" s="118">
        <v>13557087</v>
      </c>
      <c r="AI16" s="112">
        <v>0</v>
      </c>
      <c r="AJ16" s="116">
        <v>0</v>
      </c>
      <c r="AK16" s="115">
        <v>0</v>
      </c>
      <c r="AL16" s="112">
        <v>0</v>
      </c>
      <c r="AM16" s="116">
        <v>82071</v>
      </c>
      <c r="AN16" s="116">
        <v>20517</v>
      </c>
      <c r="AO16" s="116">
        <v>0</v>
      </c>
      <c r="AP16" s="116">
        <v>107960</v>
      </c>
      <c r="AQ16" s="116">
        <v>573583</v>
      </c>
      <c r="AR16" s="115">
        <v>784131</v>
      </c>
      <c r="AS16" s="118">
        <v>784131</v>
      </c>
      <c r="AT16" s="112">
        <v>185436</v>
      </c>
      <c r="AU16" s="116">
        <v>660598</v>
      </c>
      <c r="AV16" s="115">
        <v>846034</v>
      </c>
      <c r="AW16" s="112">
        <v>0</v>
      </c>
      <c r="AX16" s="116">
        <v>1813402</v>
      </c>
      <c r="AY16" s="116">
        <v>1263004</v>
      </c>
      <c r="AZ16" s="116">
        <v>908357</v>
      </c>
      <c r="BA16" s="116">
        <v>826156</v>
      </c>
      <c r="BB16" s="116">
        <v>753036</v>
      </c>
      <c r="BC16" s="115">
        <v>5563955</v>
      </c>
      <c r="BD16" s="118">
        <v>6409989</v>
      </c>
      <c r="BE16" s="112">
        <v>53963</v>
      </c>
      <c r="BF16" s="116">
        <v>92741</v>
      </c>
      <c r="BG16" s="114">
        <v>146704</v>
      </c>
      <c r="BH16" s="113">
        <v>0</v>
      </c>
      <c r="BI16" s="116">
        <v>95211</v>
      </c>
      <c r="BJ16" s="116">
        <v>125511</v>
      </c>
      <c r="BK16" s="116">
        <v>113660</v>
      </c>
      <c r="BL16" s="116">
        <v>98286</v>
      </c>
      <c r="BM16" s="116">
        <v>37359</v>
      </c>
      <c r="BN16" s="115">
        <v>470027</v>
      </c>
      <c r="BO16" s="118">
        <v>616731</v>
      </c>
      <c r="BP16" s="112">
        <v>161280</v>
      </c>
      <c r="BQ16" s="116">
        <v>201859</v>
      </c>
      <c r="BR16" s="115">
        <v>363139</v>
      </c>
      <c r="BS16" s="112">
        <v>0</v>
      </c>
      <c r="BT16" s="116">
        <v>980539</v>
      </c>
      <c r="BU16" s="116">
        <v>767907</v>
      </c>
      <c r="BV16" s="116">
        <v>705131</v>
      </c>
      <c r="BW16" s="116">
        <v>986685</v>
      </c>
      <c r="BX16" s="116">
        <v>967218</v>
      </c>
      <c r="BY16" s="115">
        <v>4407480</v>
      </c>
      <c r="BZ16" s="118">
        <v>4770619</v>
      </c>
      <c r="CA16" s="112">
        <v>89471</v>
      </c>
      <c r="CB16" s="116">
        <v>95938</v>
      </c>
      <c r="CC16" s="115">
        <v>185409</v>
      </c>
      <c r="CD16" s="112">
        <v>0</v>
      </c>
      <c r="CE16" s="116">
        <v>5030834</v>
      </c>
      <c r="CF16" s="116">
        <v>3354860</v>
      </c>
      <c r="CG16" s="116">
        <v>1981411</v>
      </c>
      <c r="CH16" s="116">
        <v>1138608</v>
      </c>
      <c r="CI16" s="116">
        <v>362291</v>
      </c>
      <c r="CJ16" s="115">
        <v>11868004</v>
      </c>
      <c r="CK16" s="118">
        <v>12053413</v>
      </c>
      <c r="CL16" s="112">
        <v>0</v>
      </c>
      <c r="CM16" s="116">
        <v>0</v>
      </c>
      <c r="CN16" s="115">
        <v>0</v>
      </c>
      <c r="CO16" s="113">
        <v>0</v>
      </c>
      <c r="CP16" s="116">
        <v>4518574</v>
      </c>
      <c r="CQ16" s="116">
        <v>3011361</v>
      </c>
      <c r="CR16" s="116">
        <v>1639301</v>
      </c>
      <c r="CS16" s="116">
        <v>921283</v>
      </c>
      <c r="CT16" s="116">
        <v>277599</v>
      </c>
      <c r="CU16" s="115">
        <v>10368118</v>
      </c>
      <c r="CV16" s="118">
        <v>10368118</v>
      </c>
      <c r="CW16" s="112">
        <v>89471</v>
      </c>
      <c r="CX16" s="116">
        <v>95938</v>
      </c>
      <c r="CY16" s="115">
        <v>185409</v>
      </c>
      <c r="CZ16" s="112">
        <v>0</v>
      </c>
      <c r="DA16" s="116">
        <v>512260</v>
      </c>
      <c r="DB16" s="116">
        <v>343499</v>
      </c>
      <c r="DC16" s="116">
        <v>342110</v>
      </c>
      <c r="DD16" s="116">
        <v>217325</v>
      </c>
      <c r="DE16" s="116">
        <v>84692</v>
      </c>
      <c r="DF16" s="115">
        <v>1499886</v>
      </c>
      <c r="DG16" s="118">
        <v>1685295</v>
      </c>
      <c r="DH16" s="112">
        <v>45441</v>
      </c>
      <c r="DI16" s="116">
        <v>48374</v>
      </c>
      <c r="DJ16" s="114">
        <v>93815</v>
      </c>
      <c r="DK16" s="113">
        <v>0</v>
      </c>
      <c r="DL16" s="116">
        <v>327534</v>
      </c>
      <c r="DM16" s="116">
        <v>695727</v>
      </c>
      <c r="DN16" s="116">
        <v>949430</v>
      </c>
      <c r="DO16" s="116">
        <v>1083640</v>
      </c>
      <c r="DP16" s="116">
        <v>251669</v>
      </c>
      <c r="DQ16" s="115">
        <v>3308000</v>
      </c>
      <c r="DR16" s="118">
        <v>3401815</v>
      </c>
      <c r="DS16" s="112">
        <v>45441</v>
      </c>
      <c r="DT16" s="116">
        <v>48374</v>
      </c>
      <c r="DU16" s="115">
        <v>93815</v>
      </c>
      <c r="DV16" s="112">
        <v>0</v>
      </c>
      <c r="DW16" s="116">
        <v>327534</v>
      </c>
      <c r="DX16" s="116">
        <v>470774</v>
      </c>
      <c r="DY16" s="116">
        <v>949430</v>
      </c>
      <c r="DZ16" s="116">
        <v>1059411</v>
      </c>
      <c r="EA16" s="116">
        <v>251669</v>
      </c>
      <c r="EB16" s="115">
        <v>3058818</v>
      </c>
      <c r="EC16" s="118">
        <v>3152633</v>
      </c>
      <c r="ED16" s="112">
        <v>0</v>
      </c>
      <c r="EE16" s="114">
        <v>0</v>
      </c>
      <c r="EF16" s="115">
        <v>0</v>
      </c>
      <c r="EG16" s="112">
        <v>0</v>
      </c>
      <c r="EH16" s="116">
        <v>0</v>
      </c>
      <c r="EI16" s="116">
        <v>224953</v>
      </c>
      <c r="EJ16" s="116">
        <v>0</v>
      </c>
      <c r="EK16" s="116">
        <v>24229</v>
      </c>
      <c r="EL16" s="116">
        <v>0</v>
      </c>
      <c r="EM16" s="114">
        <v>249182</v>
      </c>
      <c r="EN16" s="118">
        <v>249182</v>
      </c>
      <c r="EO16" s="112">
        <v>0</v>
      </c>
      <c r="EP16" s="116">
        <v>0</v>
      </c>
      <c r="EQ16" s="114">
        <v>0</v>
      </c>
      <c r="ER16" s="113">
        <v>0</v>
      </c>
      <c r="ES16" s="116">
        <v>0</v>
      </c>
      <c r="ET16" s="116">
        <v>0</v>
      </c>
      <c r="EU16" s="116">
        <v>0</v>
      </c>
      <c r="EV16" s="116">
        <v>0</v>
      </c>
      <c r="EW16" s="116">
        <v>0</v>
      </c>
      <c r="EX16" s="115">
        <v>0</v>
      </c>
      <c r="EY16" s="118">
        <v>0</v>
      </c>
      <c r="EZ16" s="112">
        <v>0</v>
      </c>
      <c r="FA16" s="116">
        <v>0</v>
      </c>
      <c r="FB16" s="114">
        <v>0</v>
      </c>
      <c r="FC16" s="390"/>
      <c r="FD16" s="116">
        <v>0</v>
      </c>
      <c r="FE16" s="116">
        <v>0</v>
      </c>
      <c r="FF16" s="116">
        <v>0</v>
      </c>
      <c r="FG16" s="116">
        <v>0</v>
      </c>
      <c r="FH16" s="116">
        <v>0</v>
      </c>
      <c r="FI16" s="115">
        <v>0</v>
      </c>
      <c r="FJ16" s="118">
        <v>0</v>
      </c>
      <c r="FK16" s="112">
        <v>480760</v>
      </c>
      <c r="FL16" s="116">
        <v>628894</v>
      </c>
      <c r="FM16" s="115">
        <v>1109654</v>
      </c>
      <c r="FN16" s="112">
        <v>0</v>
      </c>
      <c r="FO16" s="116">
        <v>1143075</v>
      </c>
      <c r="FP16" s="116">
        <v>1236412</v>
      </c>
      <c r="FQ16" s="116">
        <v>748542</v>
      </c>
      <c r="FR16" s="116">
        <v>909629</v>
      </c>
      <c r="FS16" s="116">
        <v>743036</v>
      </c>
      <c r="FT16" s="115">
        <v>4780694</v>
      </c>
      <c r="FU16" s="118">
        <v>5890348</v>
      </c>
      <c r="FV16" s="117">
        <v>181160</v>
      </c>
      <c r="FW16" s="116">
        <v>388934</v>
      </c>
      <c r="FX16" s="114">
        <v>570094</v>
      </c>
      <c r="FY16" s="113">
        <v>0</v>
      </c>
      <c r="FZ16" s="116">
        <v>803376</v>
      </c>
      <c r="GA16" s="116">
        <v>1211002</v>
      </c>
      <c r="GB16" s="116">
        <v>714308</v>
      </c>
      <c r="GC16" s="116">
        <v>832629</v>
      </c>
      <c r="GD16" s="116">
        <v>726712</v>
      </c>
      <c r="GE16" s="115">
        <v>4288027</v>
      </c>
      <c r="GF16" s="354">
        <v>4858121</v>
      </c>
      <c r="GG16" s="117">
        <v>0</v>
      </c>
      <c r="GH16" s="116">
        <v>13860</v>
      </c>
      <c r="GI16" s="114">
        <v>13860</v>
      </c>
      <c r="GJ16" s="113">
        <v>0</v>
      </c>
      <c r="GK16" s="116">
        <v>83009</v>
      </c>
      <c r="GL16" s="116">
        <v>12810</v>
      </c>
      <c r="GM16" s="116">
        <v>16324</v>
      </c>
      <c r="GN16" s="116">
        <v>23100</v>
      </c>
      <c r="GO16" s="116">
        <v>16324</v>
      </c>
      <c r="GP16" s="115">
        <v>151567</v>
      </c>
      <c r="GQ16" s="118">
        <v>165427</v>
      </c>
      <c r="GR16" s="112">
        <v>299600</v>
      </c>
      <c r="GS16" s="116">
        <v>226100</v>
      </c>
      <c r="GT16" s="115">
        <v>525700</v>
      </c>
      <c r="GU16" s="112">
        <v>0</v>
      </c>
      <c r="GV16" s="116">
        <v>256690</v>
      </c>
      <c r="GW16" s="116">
        <v>12600</v>
      </c>
      <c r="GX16" s="116">
        <v>17910</v>
      </c>
      <c r="GY16" s="116">
        <v>53900</v>
      </c>
      <c r="GZ16" s="116">
        <v>0</v>
      </c>
      <c r="HA16" s="114">
        <v>341100</v>
      </c>
      <c r="HB16" s="118">
        <v>866800</v>
      </c>
      <c r="HC16" s="112">
        <v>400468</v>
      </c>
      <c r="HD16" s="116">
        <v>697875</v>
      </c>
      <c r="HE16" s="114">
        <v>1098343</v>
      </c>
      <c r="HF16" s="113">
        <v>0</v>
      </c>
      <c r="HG16" s="116">
        <v>4428909</v>
      </c>
      <c r="HH16" s="116">
        <v>3761937</v>
      </c>
      <c r="HI16" s="116">
        <v>3889793</v>
      </c>
      <c r="HJ16" s="116">
        <v>6193381</v>
      </c>
      <c r="HK16" s="116">
        <v>5121610</v>
      </c>
      <c r="HL16" s="115">
        <v>23395630</v>
      </c>
      <c r="HM16" s="111">
        <v>24493973</v>
      </c>
      <c r="HN16" s="370"/>
      <c r="HO16" s="371"/>
      <c r="HP16" s="372"/>
      <c r="HQ16" s="373"/>
      <c r="HR16" s="371"/>
      <c r="HS16" s="371"/>
      <c r="HT16" s="371"/>
      <c r="HU16" s="371"/>
      <c r="HV16" s="371"/>
      <c r="HW16" s="374"/>
      <c r="HX16" s="375"/>
      <c r="HY16" s="167">
        <v>42660</v>
      </c>
      <c r="HZ16" s="152">
        <v>137956</v>
      </c>
      <c r="IA16" s="167">
        <v>180616</v>
      </c>
      <c r="IB16" s="151">
        <v>0</v>
      </c>
      <c r="IC16" s="152">
        <v>2633984</v>
      </c>
      <c r="ID16" s="153">
        <v>3152867</v>
      </c>
      <c r="IE16" s="154">
        <v>3376650</v>
      </c>
      <c r="IF16" s="152">
        <v>3575462</v>
      </c>
      <c r="IG16" s="154">
        <v>3765050</v>
      </c>
      <c r="IH16" s="155">
        <v>16504013</v>
      </c>
      <c r="II16" s="167">
        <v>16684629</v>
      </c>
      <c r="IJ16" s="261">
        <v>0</v>
      </c>
      <c r="IK16" s="268">
        <v>0</v>
      </c>
      <c r="IL16" s="269">
        <v>0</v>
      </c>
      <c r="IM16" s="157"/>
      <c r="IN16" s="122">
        <v>80759</v>
      </c>
      <c r="IO16" s="122">
        <v>213647</v>
      </c>
      <c r="IP16" s="122">
        <v>0</v>
      </c>
      <c r="IQ16" s="122">
        <v>200011</v>
      </c>
      <c r="IR16" s="122">
        <v>0</v>
      </c>
      <c r="IS16" s="158">
        <v>494417</v>
      </c>
      <c r="IT16" s="357">
        <v>494417</v>
      </c>
      <c r="IU16" s="159">
        <v>0</v>
      </c>
      <c r="IV16" s="122">
        <v>0</v>
      </c>
      <c r="IW16" s="123">
        <v>0</v>
      </c>
      <c r="IX16" s="161"/>
      <c r="IY16" s="122">
        <v>0</v>
      </c>
      <c r="IZ16" s="122">
        <v>5782</v>
      </c>
      <c r="JA16" s="122">
        <v>19188</v>
      </c>
      <c r="JB16" s="122">
        <v>9165</v>
      </c>
      <c r="JC16" s="122">
        <v>18330</v>
      </c>
      <c r="JD16" s="123">
        <v>52465</v>
      </c>
      <c r="JE16" s="124">
        <v>52465</v>
      </c>
      <c r="JF16" s="159">
        <v>0</v>
      </c>
      <c r="JG16" s="122">
        <v>0</v>
      </c>
      <c r="JH16" s="158">
        <v>0</v>
      </c>
      <c r="JI16" s="121">
        <v>0</v>
      </c>
      <c r="JJ16" s="122">
        <v>1223620</v>
      </c>
      <c r="JK16" s="122">
        <v>440198</v>
      </c>
      <c r="JL16" s="122">
        <v>503852</v>
      </c>
      <c r="JM16" s="122">
        <v>164454</v>
      </c>
      <c r="JN16" s="122">
        <v>41493</v>
      </c>
      <c r="JO16" s="123">
        <v>2373617</v>
      </c>
      <c r="JP16" s="357">
        <v>2373617</v>
      </c>
      <c r="JQ16" s="159">
        <v>0</v>
      </c>
      <c r="JR16" s="122">
        <v>0</v>
      </c>
      <c r="JS16" s="158">
        <v>0</v>
      </c>
      <c r="JT16" s="121">
        <v>0</v>
      </c>
      <c r="JU16" s="122">
        <v>89073</v>
      </c>
      <c r="JV16" s="122">
        <v>208435</v>
      </c>
      <c r="JW16" s="122">
        <v>81216</v>
      </c>
      <c r="JX16" s="122">
        <v>73134</v>
      </c>
      <c r="JY16" s="122">
        <v>9521</v>
      </c>
      <c r="JZ16" s="123">
        <v>461379</v>
      </c>
      <c r="KA16" s="357">
        <v>461379</v>
      </c>
      <c r="KB16" s="264">
        <v>42660</v>
      </c>
      <c r="KC16" s="258">
        <v>137956</v>
      </c>
      <c r="KD16" s="123">
        <v>180616</v>
      </c>
      <c r="KE16" s="121">
        <v>0</v>
      </c>
      <c r="KF16" s="122">
        <v>308126</v>
      </c>
      <c r="KG16" s="122">
        <v>308993</v>
      </c>
      <c r="KH16" s="122">
        <v>606606</v>
      </c>
      <c r="KI16" s="122">
        <v>440287</v>
      </c>
      <c r="KJ16" s="122">
        <v>681338</v>
      </c>
      <c r="KK16" s="123">
        <v>2345350</v>
      </c>
      <c r="KL16" s="160">
        <v>2525966</v>
      </c>
      <c r="KM16" s="261">
        <v>0</v>
      </c>
      <c r="KN16" s="268">
        <v>0</v>
      </c>
      <c r="KO16" s="269">
        <v>0</v>
      </c>
      <c r="KP16" s="157"/>
      <c r="KQ16" s="122">
        <v>795899</v>
      </c>
      <c r="KR16" s="122">
        <v>1363206</v>
      </c>
      <c r="KS16" s="122">
        <v>884944</v>
      </c>
      <c r="KT16" s="122">
        <v>1357978</v>
      </c>
      <c r="KU16" s="122">
        <v>1485792</v>
      </c>
      <c r="KV16" s="123">
        <v>5887819</v>
      </c>
      <c r="KW16" s="357">
        <v>5887819</v>
      </c>
      <c r="KX16" s="159">
        <v>0</v>
      </c>
      <c r="KY16" s="122">
        <v>0</v>
      </c>
      <c r="KZ16" s="123">
        <v>0</v>
      </c>
      <c r="LA16" s="162"/>
      <c r="LB16" s="122">
        <v>136507</v>
      </c>
      <c r="LC16" s="122">
        <v>612606</v>
      </c>
      <c r="LD16" s="122">
        <v>1038979</v>
      </c>
      <c r="LE16" s="122">
        <v>416463</v>
      </c>
      <c r="LF16" s="122">
        <v>1031566</v>
      </c>
      <c r="LG16" s="123">
        <v>3236121</v>
      </c>
      <c r="LH16" s="124">
        <v>3236121</v>
      </c>
      <c r="LI16" s="159">
        <v>0</v>
      </c>
      <c r="LJ16" s="122">
        <v>0</v>
      </c>
      <c r="LK16" s="123">
        <v>0</v>
      </c>
      <c r="LL16" s="162"/>
      <c r="LM16" s="122">
        <v>0</v>
      </c>
      <c r="LN16" s="122">
        <v>0</v>
      </c>
      <c r="LO16" s="122">
        <v>0</v>
      </c>
      <c r="LP16" s="122">
        <v>913970</v>
      </c>
      <c r="LQ16" s="122">
        <v>236774</v>
      </c>
      <c r="LR16" s="123">
        <v>1150744</v>
      </c>
      <c r="LS16" s="357">
        <v>1150744</v>
      </c>
      <c r="LT16" s="159">
        <v>0</v>
      </c>
      <c r="LU16" s="122">
        <v>0</v>
      </c>
      <c r="LV16" s="123">
        <v>0</v>
      </c>
      <c r="LW16" s="162"/>
      <c r="LX16" s="122">
        <v>0</v>
      </c>
      <c r="LY16" s="122">
        <v>0</v>
      </c>
      <c r="LZ16" s="122">
        <v>241865</v>
      </c>
      <c r="MA16" s="122">
        <v>0</v>
      </c>
      <c r="MB16" s="122">
        <v>260236</v>
      </c>
      <c r="MC16" s="123">
        <v>502101</v>
      </c>
      <c r="MD16" s="124">
        <v>502101</v>
      </c>
      <c r="ME16" s="159">
        <v>0</v>
      </c>
      <c r="MF16" s="122">
        <v>0</v>
      </c>
      <c r="MG16" s="123">
        <v>0</v>
      </c>
      <c r="MH16" s="162"/>
      <c r="MI16" s="122">
        <v>551940</v>
      </c>
      <c r="MJ16" s="122">
        <v>1907986</v>
      </c>
      <c r="MK16" s="122">
        <v>6473024</v>
      </c>
      <c r="ML16" s="122">
        <v>4597025</v>
      </c>
      <c r="MM16" s="122">
        <v>4660287</v>
      </c>
      <c r="MN16" s="123">
        <v>18190262</v>
      </c>
      <c r="MO16" s="160">
        <v>18190262</v>
      </c>
      <c r="MP16" s="159">
        <v>0</v>
      </c>
      <c r="MQ16" s="122">
        <v>0</v>
      </c>
      <c r="MR16" s="123">
        <v>0</v>
      </c>
      <c r="MS16" s="162"/>
      <c r="MT16" s="122">
        <v>0</v>
      </c>
      <c r="MU16" s="122">
        <v>411278</v>
      </c>
      <c r="MV16" s="122">
        <v>4340410</v>
      </c>
      <c r="MW16" s="122">
        <v>3558257</v>
      </c>
      <c r="MX16" s="122">
        <v>3747112</v>
      </c>
      <c r="MY16" s="123">
        <v>12057057</v>
      </c>
      <c r="MZ16" s="160">
        <v>12057057</v>
      </c>
      <c r="NA16" s="159">
        <v>0</v>
      </c>
      <c r="NB16" s="122">
        <v>0</v>
      </c>
      <c r="NC16" s="123">
        <v>0</v>
      </c>
      <c r="ND16" s="162"/>
      <c r="NE16" s="122">
        <v>551940</v>
      </c>
      <c r="NF16" s="122">
        <v>1496708</v>
      </c>
      <c r="NG16" s="122">
        <v>2132614</v>
      </c>
      <c r="NH16" s="122">
        <v>1038768</v>
      </c>
      <c r="NI16" s="122">
        <v>268824</v>
      </c>
      <c r="NJ16" s="123">
        <v>5488854</v>
      </c>
      <c r="NK16" s="357">
        <v>5488854</v>
      </c>
      <c r="NL16" s="159">
        <v>0</v>
      </c>
      <c r="NM16" s="122">
        <v>0</v>
      </c>
      <c r="NN16" s="123">
        <v>0</v>
      </c>
      <c r="NO16" s="162"/>
      <c r="NP16" s="122">
        <v>0</v>
      </c>
      <c r="NQ16" s="122">
        <v>0</v>
      </c>
      <c r="NR16" s="122">
        <v>0</v>
      </c>
      <c r="NS16" s="122">
        <v>0</v>
      </c>
      <c r="NT16" s="122">
        <v>0</v>
      </c>
      <c r="NU16" s="123">
        <v>0</v>
      </c>
      <c r="NV16" s="124">
        <v>0</v>
      </c>
      <c r="NW16" s="159">
        <v>0</v>
      </c>
      <c r="NX16" s="122">
        <v>0</v>
      </c>
      <c r="NY16" s="123">
        <v>0</v>
      </c>
      <c r="NZ16" s="162"/>
      <c r="OA16" s="122">
        <v>0</v>
      </c>
      <c r="OB16" s="122">
        <v>0</v>
      </c>
      <c r="OC16" s="122">
        <v>0</v>
      </c>
      <c r="OD16" s="122">
        <v>0</v>
      </c>
      <c r="OE16" s="122">
        <v>644351</v>
      </c>
      <c r="OF16" s="123">
        <v>644351</v>
      </c>
      <c r="OG16" s="124">
        <v>644351</v>
      </c>
      <c r="OH16" s="159">
        <v>1459479</v>
      </c>
      <c r="OI16" s="122">
        <v>2564235</v>
      </c>
      <c r="OJ16" s="158">
        <v>4023714</v>
      </c>
      <c r="OK16" s="121">
        <v>0</v>
      </c>
      <c r="OL16" s="122">
        <v>19731180</v>
      </c>
      <c r="OM16" s="122">
        <v>18519781</v>
      </c>
      <c r="ON16" s="122">
        <v>21075012</v>
      </c>
      <c r="OO16" s="122">
        <v>23533364</v>
      </c>
      <c r="OP16" s="122">
        <v>19969946</v>
      </c>
      <c r="OQ16" s="123">
        <v>102829283</v>
      </c>
      <c r="OR16" s="160">
        <v>2036002.2764459001</v>
      </c>
    </row>
    <row r="17" spans="1:408" ht="20.25" customHeight="1" x14ac:dyDescent="0.2">
      <c r="A17" s="129" t="s">
        <v>11</v>
      </c>
      <c r="B17" s="112">
        <v>493569</v>
      </c>
      <c r="C17" s="116">
        <v>584374</v>
      </c>
      <c r="D17" s="188">
        <v>1077943</v>
      </c>
      <c r="E17" s="113">
        <v>0</v>
      </c>
      <c r="F17" s="116">
        <v>5625420</v>
      </c>
      <c r="G17" s="116">
        <v>2669937</v>
      </c>
      <c r="H17" s="116">
        <v>5283298</v>
      </c>
      <c r="I17" s="116">
        <v>5531712</v>
      </c>
      <c r="J17" s="116">
        <v>4702707</v>
      </c>
      <c r="K17" s="111">
        <v>23813074</v>
      </c>
      <c r="L17" s="118">
        <v>24891017</v>
      </c>
      <c r="M17" s="112">
        <v>195784</v>
      </c>
      <c r="N17" s="116">
        <v>105798</v>
      </c>
      <c r="O17" s="115">
        <v>301582</v>
      </c>
      <c r="P17" s="112">
        <v>0</v>
      </c>
      <c r="Q17" s="116">
        <v>1455637</v>
      </c>
      <c r="R17" s="116">
        <v>999114</v>
      </c>
      <c r="S17" s="116">
        <v>985495</v>
      </c>
      <c r="T17" s="116">
        <v>1173123</v>
      </c>
      <c r="U17" s="116">
        <v>2093070</v>
      </c>
      <c r="V17" s="115">
        <v>6706439</v>
      </c>
      <c r="W17" s="118">
        <v>7008021</v>
      </c>
      <c r="X17" s="112">
        <v>0</v>
      </c>
      <c r="Y17" s="116">
        <v>0</v>
      </c>
      <c r="Z17" s="115">
        <v>0</v>
      </c>
      <c r="AA17" s="112">
        <v>0</v>
      </c>
      <c r="AB17" s="116">
        <v>494238</v>
      </c>
      <c r="AC17" s="116">
        <v>619966</v>
      </c>
      <c r="AD17" s="116">
        <v>485449</v>
      </c>
      <c r="AE17" s="116">
        <v>596246</v>
      </c>
      <c r="AF17" s="116">
        <v>903739</v>
      </c>
      <c r="AG17" s="115">
        <v>3099638</v>
      </c>
      <c r="AH17" s="118">
        <v>3099638</v>
      </c>
      <c r="AI17" s="112">
        <v>0</v>
      </c>
      <c r="AJ17" s="116">
        <v>0</v>
      </c>
      <c r="AK17" s="115">
        <v>0</v>
      </c>
      <c r="AL17" s="112">
        <v>0</v>
      </c>
      <c r="AM17" s="116">
        <v>39936</v>
      </c>
      <c r="AN17" s="116">
        <v>0</v>
      </c>
      <c r="AO17" s="116">
        <v>0</v>
      </c>
      <c r="AP17" s="116">
        <v>113568</v>
      </c>
      <c r="AQ17" s="116">
        <v>40505</v>
      </c>
      <c r="AR17" s="115">
        <v>194009</v>
      </c>
      <c r="AS17" s="118">
        <v>194009</v>
      </c>
      <c r="AT17" s="112">
        <v>154736</v>
      </c>
      <c r="AU17" s="116">
        <v>71662</v>
      </c>
      <c r="AV17" s="115">
        <v>226398</v>
      </c>
      <c r="AW17" s="112">
        <v>0</v>
      </c>
      <c r="AX17" s="116">
        <v>553956</v>
      </c>
      <c r="AY17" s="116">
        <v>251193</v>
      </c>
      <c r="AZ17" s="116">
        <v>248282</v>
      </c>
      <c r="BA17" s="116">
        <v>266315</v>
      </c>
      <c r="BB17" s="116">
        <v>922460</v>
      </c>
      <c r="BC17" s="115">
        <v>2242206</v>
      </c>
      <c r="BD17" s="118">
        <v>2468604</v>
      </c>
      <c r="BE17" s="112">
        <v>0</v>
      </c>
      <c r="BF17" s="116">
        <v>32050</v>
      </c>
      <c r="BG17" s="114">
        <v>32050</v>
      </c>
      <c r="BH17" s="113">
        <v>0</v>
      </c>
      <c r="BI17" s="116">
        <v>153916</v>
      </c>
      <c r="BJ17" s="116">
        <v>34190</v>
      </c>
      <c r="BK17" s="116">
        <v>20603</v>
      </c>
      <c r="BL17" s="116">
        <v>0</v>
      </c>
      <c r="BM17" s="116">
        <v>53060</v>
      </c>
      <c r="BN17" s="115">
        <v>261769</v>
      </c>
      <c r="BO17" s="118">
        <v>293819</v>
      </c>
      <c r="BP17" s="112">
        <v>41048</v>
      </c>
      <c r="BQ17" s="116">
        <v>2086</v>
      </c>
      <c r="BR17" s="115">
        <v>43134</v>
      </c>
      <c r="BS17" s="112">
        <v>0</v>
      </c>
      <c r="BT17" s="116">
        <v>213591</v>
      </c>
      <c r="BU17" s="116">
        <v>93765</v>
      </c>
      <c r="BV17" s="116">
        <v>231161</v>
      </c>
      <c r="BW17" s="116">
        <v>196994</v>
      </c>
      <c r="BX17" s="116">
        <v>173306</v>
      </c>
      <c r="BY17" s="115">
        <v>908817</v>
      </c>
      <c r="BZ17" s="118">
        <v>951951</v>
      </c>
      <c r="CA17" s="112">
        <v>35513</v>
      </c>
      <c r="CB17" s="116">
        <v>137656</v>
      </c>
      <c r="CC17" s="115">
        <v>173169</v>
      </c>
      <c r="CD17" s="112">
        <v>0</v>
      </c>
      <c r="CE17" s="116">
        <v>1116073</v>
      </c>
      <c r="CF17" s="116">
        <v>917062</v>
      </c>
      <c r="CG17" s="116">
        <v>1281425</v>
      </c>
      <c r="CH17" s="116">
        <v>531887</v>
      </c>
      <c r="CI17" s="116">
        <v>430427</v>
      </c>
      <c r="CJ17" s="115">
        <v>4276874</v>
      </c>
      <c r="CK17" s="118">
        <v>4450043</v>
      </c>
      <c r="CL17" s="112">
        <v>0</v>
      </c>
      <c r="CM17" s="116">
        <v>0</v>
      </c>
      <c r="CN17" s="115">
        <v>0</v>
      </c>
      <c r="CO17" s="113">
        <v>0</v>
      </c>
      <c r="CP17" s="116">
        <v>808962</v>
      </c>
      <c r="CQ17" s="116">
        <v>789712</v>
      </c>
      <c r="CR17" s="116">
        <v>819247</v>
      </c>
      <c r="CS17" s="116">
        <v>297593</v>
      </c>
      <c r="CT17" s="116">
        <v>264845</v>
      </c>
      <c r="CU17" s="115">
        <v>2980359</v>
      </c>
      <c r="CV17" s="118">
        <v>2980359</v>
      </c>
      <c r="CW17" s="112">
        <v>35513</v>
      </c>
      <c r="CX17" s="116">
        <v>137656</v>
      </c>
      <c r="CY17" s="115">
        <v>173169</v>
      </c>
      <c r="CZ17" s="112">
        <v>0</v>
      </c>
      <c r="DA17" s="116">
        <v>307111</v>
      </c>
      <c r="DB17" s="116">
        <v>127350</v>
      </c>
      <c r="DC17" s="116">
        <v>462178</v>
      </c>
      <c r="DD17" s="116">
        <v>234294</v>
      </c>
      <c r="DE17" s="116">
        <v>165582</v>
      </c>
      <c r="DF17" s="115">
        <v>1296515</v>
      </c>
      <c r="DG17" s="118">
        <v>1469684</v>
      </c>
      <c r="DH17" s="112">
        <v>0</v>
      </c>
      <c r="DI17" s="116">
        <v>0</v>
      </c>
      <c r="DJ17" s="114">
        <v>0</v>
      </c>
      <c r="DK17" s="113">
        <v>0</v>
      </c>
      <c r="DL17" s="116">
        <v>55061</v>
      </c>
      <c r="DM17" s="116">
        <v>86603</v>
      </c>
      <c r="DN17" s="116">
        <v>446060</v>
      </c>
      <c r="DO17" s="116">
        <v>704391</v>
      </c>
      <c r="DP17" s="116">
        <v>274091</v>
      </c>
      <c r="DQ17" s="115">
        <v>1566206</v>
      </c>
      <c r="DR17" s="118">
        <v>1566206</v>
      </c>
      <c r="DS17" s="112">
        <v>0</v>
      </c>
      <c r="DT17" s="116">
        <v>0</v>
      </c>
      <c r="DU17" s="115">
        <v>0</v>
      </c>
      <c r="DV17" s="112">
        <v>0</v>
      </c>
      <c r="DW17" s="116">
        <v>55061</v>
      </c>
      <c r="DX17" s="116">
        <v>86603</v>
      </c>
      <c r="DY17" s="116">
        <v>218120</v>
      </c>
      <c r="DZ17" s="116">
        <v>486379</v>
      </c>
      <c r="EA17" s="116">
        <v>274091</v>
      </c>
      <c r="EB17" s="115">
        <v>1120254</v>
      </c>
      <c r="EC17" s="118">
        <v>1120254</v>
      </c>
      <c r="ED17" s="112">
        <v>0</v>
      </c>
      <c r="EE17" s="114">
        <v>0</v>
      </c>
      <c r="EF17" s="115">
        <v>0</v>
      </c>
      <c r="EG17" s="112">
        <v>0</v>
      </c>
      <c r="EH17" s="116">
        <v>0</v>
      </c>
      <c r="EI17" s="116">
        <v>0</v>
      </c>
      <c r="EJ17" s="116">
        <v>227940</v>
      </c>
      <c r="EK17" s="116">
        <v>218012</v>
      </c>
      <c r="EL17" s="116">
        <v>0</v>
      </c>
      <c r="EM17" s="114">
        <v>445952</v>
      </c>
      <c r="EN17" s="118">
        <v>445952</v>
      </c>
      <c r="EO17" s="112">
        <v>0</v>
      </c>
      <c r="EP17" s="116">
        <v>0</v>
      </c>
      <c r="EQ17" s="114">
        <v>0</v>
      </c>
      <c r="ER17" s="113">
        <v>0</v>
      </c>
      <c r="ES17" s="116">
        <v>0</v>
      </c>
      <c r="ET17" s="116">
        <v>0</v>
      </c>
      <c r="EU17" s="116">
        <v>0</v>
      </c>
      <c r="EV17" s="116">
        <v>0</v>
      </c>
      <c r="EW17" s="116">
        <v>0</v>
      </c>
      <c r="EX17" s="115">
        <v>0</v>
      </c>
      <c r="EY17" s="118">
        <v>0</v>
      </c>
      <c r="EZ17" s="112">
        <v>0</v>
      </c>
      <c r="FA17" s="116">
        <v>0</v>
      </c>
      <c r="FB17" s="114">
        <v>0</v>
      </c>
      <c r="FC17" s="390"/>
      <c r="FD17" s="116">
        <v>0</v>
      </c>
      <c r="FE17" s="116">
        <v>0</v>
      </c>
      <c r="FF17" s="116">
        <v>0</v>
      </c>
      <c r="FG17" s="116">
        <v>0</v>
      </c>
      <c r="FH17" s="116">
        <v>0</v>
      </c>
      <c r="FI17" s="115">
        <v>0</v>
      </c>
      <c r="FJ17" s="118">
        <v>0</v>
      </c>
      <c r="FK17" s="112">
        <v>62860</v>
      </c>
      <c r="FL17" s="116">
        <v>98336</v>
      </c>
      <c r="FM17" s="115">
        <v>161196</v>
      </c>
      <c r="FN17" s="112">
        <v>0</v>
      </c>
      <c r="FO17" s="116">
        <v>223524</v>
      </c>
      <c r="FP17" s="116">
        <v>211981</v>
      </c>
      <c r="FQ17" s="116">
        <v>363258</v>
      </c>
      <c r="FR17" s="116">
        <v>272888</v>
      </c>
      <c r="FS17" s="116">
        <v>317198</v>
      </c>
      <c r="FT17" s="115">
        <v>1388849</v>
      </c>
      <c r="FU17" s="118">
        <v>1550045</v>
      </c>
      <c r="FV17" s="117">
        <v>62860</v>
      </c>
      <c r="FW17" s="116">
        <v>98336</v>
      </c>
      <c r="FX17" s="114">
        <v>161196</v>
      </c>
      <c r="FY17" s="113">
        <v>0</v>
      </c>
      <c r="FZ17" s="116">
        <v>223524</v>
      </c>
      <c r="GA17" s="116">
        <v>211981</v>
      </c>
      <c r="GB17" s="116">
        <v>363258</v>
      </c>
      <c r="GC17" s="116">
        <v>272888</v>
      </c>
      <c r="GD17" s="116">
        <v>317198</v>
      </c>
      <c r="GE17" s="115">
        <v>1388849</v>
      </c>
      <c r="GF17" s="354">
        <v>1550045</v>
      </c>
      <c r="GG17" s="117">
        <v>0</v>
      </c>
      <c r="GH17" s="116">
        <v>0</v>
      </c>
      <c r="GI17" s="114">
        <v>0</v>
      </c>
      <c r="GJ17" s="113">
        <v>0</v>
      </c>
      <c r="GK17" s="116">
        <v>0</v>
      </c>
      <c r="GL17" s="116">
        <v>0</v>
      </c>
      <c r="GM17" s="116">
        <v>0</v>
      </c>
      <c r="GN17" s="116">
        <v>0</v>
      </c>
      <c r="GO17" s="116">
        <v>0</v>
      </c>
      <c r="GP17" s="115">
        <v>0</v>
      </c>
      <c r="GQ17" s="118">
        <v>0</v>
      </c>
      <c r="GR17" s="112">
        <v>0</v>
      </c>
      <c r="GS17" s="116">
        <v>0</v>
      </c>
      <c r="GT17" s="115">
        <v>0</v>
      </c>
      <c r="GU17" s="112">
        <v>0</v>
      </c>
      <c r="GV17" s="116">
        <v>0</v>
      </c>
      <c r="GW17" s="116">
        <v>0</v>
      </c>
      <c r="GX17" s="116">
        <v>0</v>
      </c>
      <c r="GY17" s="116">
        <v>0</v>
      </c>
      <c r="GZ17" s="116">
        <v>0</v>
      </c>
      <c r="HA17" s="114">
        <v>0</v>
      </c>
      <c r="HB17" s="118">
        <v>0</v>
      </c>
      <c r="HC17" s="112">
        <v>199412</v>
      </c>
      <c r="HD17" s="116">
        <v>242584</v>
      </c>
      <c r="HE17" s="114">
        <v>441996</v>
      </c>
      <c r="HF17" s="113">
        <v>0</v>
      </c>
      <c r="HG17" s="116">
        <v>2775125</v>
      </c>
      <c r="HH17" s="116">
        <v>455177</v>
      </c>
      <c r="HI17" s="116">
        <v>2207060</v>
      </c>
      <c r="HJ17" s="116">
        <v>2849423</v>
      </c>
      <c r="HK17" s="116">
        <v>1587921</v>
      </c>
      <c r="HL17" s="115">
        <v>9874706</v>
      </c>
      <c r="HM17" s="111">
        <v>10316702</v>
      </c>
      <c r="HN17" s="370"/>
      <c r="HO17" s="371"/>
      <c r="HP17" s="372"/>
      <c r="HQ17" s="373"/>
      <c r="HR17" s="371"/>
      <c r="HS17" s="371"/>
      <c r="HT17" s="371"/>
      <c r="HU17" s="371"/>
      <c r="HV17" s="371"/>
      <c r="HW17" s="374"/>
      <c r="HX17" s="375"/>
      <c r="HY17" s="148">
        <v>0</v>
      </c>
      <c r="HZ17" s="149">
        <v>0</v>
      </c>
      <c r="IA17" s="150">
        <v>0</v>
      </c>
      <c r="IB17" s="163">
        <v>0</v>
      </c>
      <c r="IC17" s="149">
        <v>634369</v>
      </c>
      <c r="ID17" s="164">
        <v>1208609</v>
      </c>
      <c r="IE17" s="150">
        <v>817067</v>
      </c>
      <c r="IF17" s="149">
        <v>809075</v>
      </c>
      <c r="IG17" s="150">
        <v>581004</v>
      </c>
      <c r="IH17" s="165">
        <v>4050124</v>
      </c>
      <c r="II17" s="156">
        <v>4050124</v>
      </c>
      <c r="IJ17" s="261">
        <v>0</v>
      </c>
      <c r="IK17" s="268">
        <v>0</v>
      </c>
      <c r="IL17" s="269">
        <v>0</v>
      </c>
      <c r="IM17" s="157"/>
      <c r="IN17" s="122">
        <v>26312</v>
      </c>
      <c r="IO17" s="122">
        <v>108383</v>
      </c>
      <c r="IP17" s="122">
        <v>123767</v>
      </c>
      <c r="IQ17" s="122">
        <v>0</v>
      </c>
      <c r="IR17" s="122">
        <v>247873</v>
      </c>
      <c r="IS17" s="158">
        <v>506335</v>
      </c>
      <c r="IT17" s="357">
        <v>506335</v>
      </c>
      <c r="IU17" s="159">
        <v>0</v>
      </c>
      <c r="IV17" s="122">
        <v>0</v>
      </c>
      <c r="IW17" s="123">
        <v>0</v>
      </c>
      <c r="IX17" s="161"/>
      <c r="IY17" s="122">
        <v>9047</v>
      </c>
      <c r="IZ17" s="122">
        <v>0</v>
      </c>
      <c r="JA17" s="122">
        <v>0</v>
      </c>
      <c r="JB17" s="122">
        <v>0</v>
      </c>
      <c r="JC17" s="122">
        <v>0</v>
      </c>
      <c r="JD17" s="123">
        <v>9047</v>
      </c>
      <c r="JE17" s="124">
        <v>9047</v>
      </c>
      <c r="JF17" s="159">
        <v>0</v>
      </c>
      <c r="JG17" s="122">
        <v>0</v>
      </c>
      <c r="JH17" s="158">
        <v>0</v>
      </c>
      <c r="JI17" s="121">
        <v>0</v>
      </c>
      <c r="JJ17" s="122">
        <v>506514</v>
      </c>
      <c r="JK17" s="122">
        <v>156933</v>
      </c>
      <c r="JL17" s="122">
        <v>481107</v>
      </c>
      <c r="JM17" s="122">
        <v>132375</v>
      </c>
      <c r="JN17" s="122">
        <v>0</v>
      </c>
      <c r="JO17" s="123">
        <v>1276929</v>
      </c>
      <c r="JP17" s="357">
        <v>1276929</v>
      </c>
      <c r="JQ17" s="159">
        <v>0</v>
      </c>
      <c r="JR17" s="122">
        <v>0</v>
      </c>
      <c r="JS17" s="158">
        <v>0</v>
      </c>
      <c r="JT17" s="121">
        <v>0</v>
      </c>
      <c r="JU17" s="122">
        <v>0</v>
      </c>
      <c r="JV17" s="122">
        <v>0</v>
      </c>
      <c r="JW17" s="122">
        <v>0</v>
      </c>
      <c r="JX17" s="122">
        <v>0</v>
      </c>
      <c r="JY17" s="122">
        <v>104194</v>
      </c>
      <c r="JZ17" s="123">
        <v>104194</v>
      </c>
      <c r="KA17" s="357">
        <v>104194</v>
      </c>
      <c r="KB17" s="264">
        <v>0</v>
      </c>
      <c r="KC17" s="258">
        <v>0</v>
      </c>
      <c r="KD17" s="123">
        <v>0</v>
      </c>
      <c r="KE17" s="121">
        <v>0</v>
      </c>
      <c r="KF17" s="122">
        <v>92496</v>
      </c>
      <c r="KG17" s="122">
        <v>295465</v>
      </c>
      <c r="KH17" s="122">
        <v>212193</v>
      </c>
      <c r="KI17" s="122">
        <v>0</v>
      </c>
      <c r="KJ17" s="122">
        <v>0</v>
      </c>
      <c r="KK17" s="123">
        <v>600154</v>
      </c>
      <c r="KL17" s="160">
        <v>600154</v>
      </c>
      <c r="KM17" s="261">
        <v>0</v>
      </c>
      <c r="KN17" s="268">
        <v>0</v>
      </c>
      <c r="KO17" s="269">
        <v>0</v>
      </c>
      <c r="KP17" s="157"/>
      <c r="KQ17" s="122">
        <v>0</v>
      </c>
      <c r="KR17" s="122">
        <v>647828</v>
      </c>
      <c r="KS17" s="122">
        <v>0</v>
      </c>
      <c r="KT17" s="122">
        <v>676700</v>
      </c>
      <c r="KU17" s="122">
        <v>228937</v>
      </c>
      <c r="KV17" s="123">
        <v>1553465</v>
      </c>
      <c r="KW17" s="357">
        <v>1553465</v>
      </c>
      <c r="KX17" s="159">
        <v>0</v>
      </c>
      <c r="KY17" s="122">
        <v>0</v>
      </c>
      <c r="KZ17" s="123">
        <v>0</v>
      </c>
      <c r="LA17" s="162"/>
      <c r="LB17" s="122">
        <v>0</v>
      </c>
      <c r="LC17" s="122">
        <v>0</v>
      </c>
      <c r="LD17" s="122">
        <v>0</v>
      </c>
      <c r="LE17" s="122">
        <v>0</v>
      </c>
      <c r="LF17" s="122">
        <v>0</v>
      </c>
      <c r="LG17" s="123">
        <v>0</v>
      </c>
      <c r="LH17" s="124">
        <v>0</v>
      </c>
      <c r="LI17" s="159">
        <v>0</v>
      </c>
      <c r="LJ17" s="122">
        <v>0</v>
      </c>
      <c r="LK17" s="123">
        <v>0</v>
      </c>
      <c r="LL17" s="162"/>
      <c r="LM17" s="122">
        <v>0</v>
      </c>
      <c r="LN17" s="122">
        <v>0</v>
      </c>
      <c r="LO17" s="122">
        <v>0</v>
      </c>
      <c r="LP17" s="122">
        <v>0</v>
      </c>
      <c r="LQ17" s="122">
        <v>0</v>
      </c>
      <c r="LR17" s="123">
        <v>0</v>
      </c>
      <c r="LS17" s="357">
        <v>0</v>
      </c>
      <c r="LT17" s="159">
        <v>0</v>
      </c>
      <c r="LU17" s="122">
        <v>0</v>
      </c>
      <c r="LV17" s="123">
        <v>0</v>
      </c>
      <c r="LW17" s="162"/>
      <c r="LX17" s="122">
        <v>0</v>
      </c>
      <c r="LY17" s="122">
        <v>0</v>
      </c>
      <c r="LZ17" s="122">
        <v>0</v>
      </c>
      <c r="MA17" s="122">
        <v>0</v>
      </c>
      <c r="MB17" s="122">
        <v>0</v>
      </c>
      <c r="MC17" s="123">
        <v>0</v>
      </c>
      <c r="MD17" s="124">
        <v>0</v>
      </c>
      <c r="ME17" s="159">
        <v>0</v>
      </c>
      <c r="MF17" s="122">
        <v>0</v>
      </c>
      <c r="MG17" s="123">
        <v>0</v>
      </c>
      <c r="MH17" s="162"/>
      <c r="MI17" s="122">
        <v>547877</v>
      </c>
      <c r="MJ17" s="122">
        <v>250866</v>
      </c>
      <c r="MK17" s="122">
        <v>774033</v>
      </c>
      <c r="ML17" s="122">
        <v>3129302</v>
      </c>
      <c r="MM17" s="122">
        <v>1196159</v>
      </c>
      <c r="MN17" s="123">
        <v>5898237</v>
      </c>
      <c r="MO17" s="160">
        <v>5898237</v>
      </c>
      <c r="MP17" s="159">
        <v>0</v>
      </c>
      <c r="MQ17" s="122">
        <v>0</v>
      </c>
      <c r="MR17" s="123">
        <v>0</v>
      </c>
      <c r="MS17" s="162"/>
      <c r="MT17" s="122">
        <v>0</v>
      </c>
      <c r="MU17" s="122">
        <v>0</v>
      </c>
      <c r="MV17" s="122">
        <v>217979</v>
      </c>
      <c r="MW17" s="122">
        <v>2009675</v>
      </c>
      <c r="MX17" s="122">
        <v>926141</v>
      </c>
      <c r="MY17" s="123">
        <v>3153795</v>
      </c>
      <c r="MZ17" s="160">
        <v>3153795</v>
      </c>
      <c r="NA17" s="159">
        <v>0</v>
      </c>
      <c r="NB17" s="122">
        <v>0</v>
      </c>
      <c r="NC17" s="123">
        <v>0</v>
      </c>
      <c r="ND17" s="162"/>
      <c r="NE17" s="122">
        <v>547877</v>
      </c>
      <c r="NF17" s="122">
        <v>250866</v>
      </c>
      <c r="NG17" s="122">
        <v>556054</v>
      </c>
      <c r="NH17" s="122">
        <v>1119627</v>
      </c>
      <c r="NI17" s="122">
        <v>270018</v>
      </c>
      <c r="NJ17" s="123">
        <v>2744442</v>
      </c>
      <c r="NK17" s="357">
        <v>2744442</v>
      </c>
      <c r="NL17" s="159">
        <v>0</v>
      </c>
      <c r="NM17" s="122">
        <v>0</v>
      </c>
      <c r="NN17" s="123">
        <v>0</v>
      </c>
      <c r="NO17" s="162"/>
      <c r="NP17" s="122">
        <v>0</v>
      </c>
      <c r="NQ17" s="122">
        <v>0</v>
      </c>
      <c r="NR17" s="122">
        <v>0</v>
      </c>
      <c r="NS17" s="122">
        <v>0</v>
      </c>
      <c r="NT17" s="122">
        <v>0</v>
      </c>
      <c r="NU17" s="123">
        <v>0</v>
      </c>
      <c r="NV17" s="124">
        <v>0</v>
      </c>
      <c r="NW17" s="159">
        <v>0</v>
      </c>
      <c r="NX17" s="122">
        <v>0</v>
      </c>
      <c r="NY17" s="123">
        <v>0</v>
      </c>
      <c r="NZ17" s="162"/>
      <c r="OA17" s="122">
        <v>0</v>
      </c>
      <c r="OB17" s="122">
        <v>0</v>
      </c>
      <c r="OC17" s="122">
        <v>0</v>
      </c>
      <c r="OD17" s="122">
        <v>0</v>
      </c>
      <c r="OE17" s="122">
        <v>0</v>
      </c>
      <c r="OF17" s="123">
        <v>0</v>
      </c>
      <c r="OG17" s="124">
        <v>0</v>
      </c>
      <c r="OH17" s="159">
        <v>493569</v>
      </c>
      <c r="OI17" s="122">
        <v>584374</v>
      </c>
      <c r="OJ17" s="158">
        <v>1077943</v>
      </c>
      <c r="OK17" s="121">
        <v>0</v>
      </c>
      <c r="OL17" s="122">
        <v>6807666</v>
      </c>
      <c r="OM17" s="122">
        <v>4129412</v>
      </c>
      <c r="ON17" s="122">
        <v>6874398</v>
      </c>
      <c r="OO17" s="122">
        <v>9470089</v>
      </c>
      <c r="OP17" s="122">
        <v>6479870</v>
      </c>
      <c r="OQ17" s="123">
        <v>33761435</v>
      </c>
      <c r="OR17" s="160">
        <v>642710.63886152196</v>
      </c>
    </row>
    <row r="18" spans="1:408" ht="20.25" customHeight="1" x14ac:dyDescent="0.2">
      <c r="A18" s="129" t="s">
        <v>12</v>
      </c>
      <c r="B18" s="112">
        <v>739446</v>
      </c>
      <c r="C18" s="116">
        <v>1310198</v>
      </c>
      <c r="D18" s="115">
        <v>2049644</v>
      </c>
      <c r="E18" s="111">
        <v>0</v>
      </c>
      <c r="F18" s="116">
        <v>4555513</v>
      </c>
      <c r="G18" s="187">
        <v>4758130</v>
      </c>
      <c r="H18" s="187">
        <v>5973274</v>
      </c>
      <c r="I18" s="187">
        <v>6520787</v>
      </c>
      <c r="J18" s="187">
        <v>5754594</v>
      </c>
      <c r="K18" s="114">
        <v>27562298</v>
      </c>
      <c r="L18" s="118">
        <v>29611942</v>
      </c>
      <c r="M18" s="112">
        <v>264309</v>
      </c>
      <c r="N18" s="116">
        <v>236054</v>
      </c>
      <c r="O18" s="115">
        <v>500363</v>
      </c>
      <c r="P18" s="112">
        <v>0</v>
      </c>
      <c r="Q18" s="116">
        <v>1544878</v>
      </c>
      <c r="R18" s="116">
        <v>1932032</v>
      </c>
      <c r="S18" s="116">
        <v>2066010</v>
      </c>
      <c r="T18" s="116">
        <v>1991080</v>
      </c>
      <c r="U18" s="116">
        <v>2434393</v>
      </c>
      <c r="V18" s="115">
        <v>9968393</v>
      </c>
      <c r="W18" s="118">
        <v>10468756</v>
      </c>
      <c r="X18" s="112">
        <v>0</v>
      </c>
      <c r="Y18" s="116">
        <v>0</v>
      </c>
      <c r="Z18" s="115">
        <v>0</v>
      </c>
      <c r="AA18" s="112">
        <v>0</v>
      </c>
      <c r="AB18" s="116">
        <v>865925</v>
      </c>
      <c r="AC18" s="116">
        <v>1203103</v>
      </c>
      <c r="AD18" s="116">
        <v>1281172</v>
      </c>
      <c r="AE18" s="116">
        <v>1357017</v>
      </c>
      <c r="AF18" s="116">
        <v>1151312</v>
      </c>
      <c r="AG18" s="115">
        <v>5858529</v>
      </c>
      <c r="AH18" s="118">
        <v>5858529</v>
      </c>
      <c r="AI18" s="112">
        <v>0</v>
      </c>
      <c r="AJ18" s="116">
        <v>0</v>
      </c>
      <c r="AK18" s="115">
        <v>0</v>
      </c>
      <c r="AL18" s="112">
        <v>0</v>
      </c>
      <c r="AM18" s="116">
        <v>0</v>
      </c>
      <c r="AN18" s="116">
        <v>92330</v>
      </c>
      <c r="AO18" s="116">
        <v>9984</v>
      </c>
      <c r="AP18" s="116">
        <v>40458</v>
      </c>
      <c r="AQ18" s="116">
        <v>385940</v>
      </c>
      <c r="AR18" s="115">
        <v>528712</v>
      </c>
      <c r="AS18" s="118">
        <v>528712</v>
      </c>
      <c r="AT18" s="112">
        <v>187239</v>
      </c>
      <c r="AU18" s="116">
        <v>191982</v>
      </c>
      <c r="AV18" s="115">
        <v>379221</v>
      </c>
      <c r="AW18" s="112">
        <v>0</v>
      </c>
      <c r="AX18" s="116">
        <v>475834</v>
      </c>
      <c r="AY18" s="116">
        <v>429439</v>
      </c>
      <c r="AZ18" s="116">
        <v>500683</v>
      </c>
      <c r="BA18" s="116">
        <v>388603</v>
      </c>
      <c r="BB18" s="116">
        <v>665346</v>
      </c>
      <c r="BC18" s="115">
        <v>2459905</v>
      </c>
      <c r="BD18" s="118">
        <v>2839126</v>
      </c>
      <c r="BE18" s="112">
        <v>0</v>
      </c>
      <c r="BF18" s="116">
        <v>0</v>
      </c>
      <c r="BG18" s="114">
        <v>0</v>
      </c>
      <c r="BH18" s="113">
        <v>0</v>
      </c>
      <c r="BI18" s="116">
        <v>0</v>
      </c>
      <c r="BJ18" s="116">
        <v>60223</v>
      </c>
      <c r="BK18" s="116">
        <v>33623</v>
      </c>
      <c r="BL18" s="116">
        <v>0</v>
      </c>
      <c r="BM18" s="116">
        <v>49046</v>
      </c>
      <c r="BN18" s="115">
        <v>142892</v>
      </c>
      <c r="BO18" s="118">
        <v>142892</v>
      </c>
      <c r="BP18" s="112">
        <v>77070</v>
      </c>
      <c r="BQ18" s="116">
        <v>44072</v>
      </c>
      <c r="BR18" s="115">
        <v>121142</v>
      </c>
      <c r="BS18" s="112">
        <v>0</v>
      </c>
      <c r="BT18" s="116">
        <v>203119</v>
      </c>
      <c r="BU18" s="116">
        <v>146937</v>
      </c>
      <c r="BV18" s="116">
        <v>240548</v>
      </c>
      <c r="BW18" s="116">
        <v>205002</v>
      </c>
      <c r="BX18" s="116">
        <v>182749</v>
      </c>
      <c r="BY18" s="115">
        <v>978355</v>
      </c>
      <c r="BZ18" s="118">
        <v>1099497</v>
      </c>
      <c r="CA18" s="112">
        <v>193004</v>
      </c>
      <c r="CB18" s="116">
        <v>406275</v>
      </c>
      <c r="CC18" s="115">
        <v>599279</v>
      </c>
      <c r="CD18" s="112">
        <v>0</v>
      </c>
      <c r="CE18" s="116">
        <v>1969510</v>
      </c>
      <c r="CF18" s="116">
        <v>1308587</v>
      </c>
      <c r="CG18" s="116">
        <v>820335</v>
      </c>
      <c r="CH18" s="116">
        <v>1505950</v>
      </c>
      <c r="CI18" s="116">
        <v>614059</v>
      </c>
      <c r="CJ18" s="115">
        <v>6218441</v>
      </c>
      <c r="CK18" s="118">
        <v>6817720</v>
      </c>
      <c r="CL18" s="112">
        <v>0</v>
      </c>
      <c r="CM18" s="116">
        <v>0</v>
      </c>
      <c r="CN18" s="115">
        <v>0</v>
      </c>
      <c r="CO18" s="113">
        <v>0</v>
      </c>
      <c r="CP18" s="116">
        <v>1699956</v>
      </c>
      <c r="CQ18" s="116">
        <v>879541</v>
      </c>
      <c r="CR18" s="116">
        <v>429459</v>
      </c>
      <c r="CS18" s="116">
        <v>1186899</v>
      </c>
      <c r="CT18" s="116">
        <v>386441</v>
      </c>
      <c r="CU18" s="115">
        <v>4582296</v>
      </c>
      <c r="CV18" s="118">
        <v>4582296</v>
      </c>
      <c r="CW18" s="112">
        <v>193004</v>
      </c>
      <c r="CX18" s="116">
        <v>406275</v>
      </c>
      <c r="CY18" s="115">
        <v>599279</v>
      </c>
      <c r="CZ18" s="112">
        <v>0</v>
      </c>
      <c r="DA18" s="116">
        <v>269554</v>
      </c>
      <c r="DB18" s="116">
        <v>429046</v>
      </c>
      <c r="DC18" s="116">
        <v>390876</v>
      </c>
      <c r="DD18" s="116">
        <v>319051</v>
      </c>
      <c r="DE18" s="116">
        <v>227618</v>
      </c>
      <c r="DF18" s="115">
        <v>1636145</v>
      </c>
      <c r="DG18" s="118">
        <v>2235424</v>
      </c>
      <c r="DH18" s="112">
        <v>0</v>
      </c>
      <c r="DI18" s="116">
        <v>0</v>
      </c>
      <c r="DJ18" s="114">
        <v>0</v>
      </c>
      <c r="DK18" s="113">
        <v>0</v>
      </c>
      <c r="DL18" s="116">
        <v>131196</v>
      </c>
      <c r="DM18" s="116">
        <v>211775</v>
      </c>
      <c r="DN18" s="116">
        <v>523425</v>
      </c>
      <c r="DO18" s="116">
        <v>433394</v>
      </c>
      <c r="DP18" s="116">
        <v>212293</v>
      </c>
      <c r="DQ18" s="115">
        <v>1512083</v>
      </c>
      <c r="DR18" s="118">
        <v>1512083</v>
      </c>
      <c r="DS18" s="112">
        <v>0</v>
      </c>
      <c r="DT18" s="116">
        <v>0</v>
      </c>
      <c r="DU18" s="115">
        <v>0</v>
      </c>
      <c r="DV18" s="112">
        <v>0</v>
      </c>
      <c r="DW18" s="116">
        <v>131196</v>
      </c>
      <c r="DX18" s="116">
        <v>211775</v>
      </c>
      <c r="DY18" s="116">
        <v>523425</v>
      </c>
      <c r="DZ18" s="116">
        <v>433394</v>
      </c>
      <c r="EA18" s="116">
        <v>143474</v>
      </c>
      <c r="EB18" s="115">
        <v>1443264</v>
      </c>
      <c r="EC18" s="118">
        <v>1443264</v>
      </c>
      <c r="ED18" s="112">
        <v>0</v>
      </c>
      <c r="EE18" s="114">
        <v>0</v>
      </c>
      <c r="EF18" s="115">
        <v>0</v>
      </c>
      <c r="EG18" s="112">
        <v>0</v>
      </c>
      <c r="EH18" s="116">
        <v>0</v>
      </c>
      <c r="EI18" s="116">
        <v>0</v>
      </c>
      <c r="EJ18" s="116">
        <v>0</v>
      </c>
      <c r="EK18" s="116">
        <v>0</v>
      </c>
      <c r="EL18" s="116">
        <v>68819</v>
      </c>
      <c r="EM18" s="114">
        <v>68819</v>
      </c>
      <c r="EN18" s="118">
        <v>68819</v>
      </c>
      <c r="EO18" s="112">
        <v>0</v>
      </c>
      <c r="EP18" s="116">
        <v>0</v>
      </c>
      <c r="EQ18" s="114">
        <v>0</v>
      </c>
      <c r="ER18" s="113">
        <v>0</v>
      </c>
      <c r="ES18" s="116">
        <v>0</v>
      </c>
      <c r="ET18" s="116">
        <v>0</v>
      </c>
      <c r="EU18" s="116">
        <v>0</v>
      </c>
      <c r="EV18" s="116">
        <v>0</v>
      </c>
      <c r="EW18" s="116">
        <v>0</v>
      </c>
      <c r="EX18" s="115">
        <v>0</v>
      </c>
      <c r="EY18" s="118">
        <v>0</v>
      </c>
      <c r="EZ18" s="112">
        <v>0</v>
      </c>
      <c r="FA18" s="116">
        <v>0</v>
      </c>
      <c r="FB18" s="114">
        <v>0</v>
      </c>
      <c r="FC18" s="390"/>
      <c r="FD18" s="116">
        <v>0</v>
      </c>
      <c r="FE18" s="116">
        <v>0</v>
      </c>
      <c r="FF18" s="116">
        <v>0</v>
      </c>
      <c r="FG18" s="116">
        <v>0</v>
      </c>
      <c r="FH18" s="116">
        <v>0</v>
      </c>
      <c r="FI18" s="115">
        <v>0</v>
      </c>
      <c r="FJ18" s="118">
        <v>0</v>
      </c>
      <c r="FK18" s="112">
        <v>88781</v>
      </c>
      <c r="FL18" s="116">
        <v>262402</v>
      </c>
      <c r="FM18" s="115">
        <v>351183</v>
      </c>
      <c r="FN18" s="112">
        <v>0</v>
      </c>
      <c r="FO18" s="116">
        <v>208505</v>
      </c>
      <c r="FP18" s="116">
        <v>529851</v>
      </c>
      <c r="FQ18" s="116">
        <v>469658</v>
      </c>
      <c r="FR18" s="116">
        <v>701751</v>
      </c>
      <c r="FS18" s="116">
        <v>631302</v>
      </c>
      <c r="FT18" s="115">
        <v>2541067</v>
      </c>
      <c r="FU18" s="118">
        <v>2892250</v>
      </c>
      <c r="FV18" s="117">
        <v>88781</v>
      </c>
      <c r="FW18" s="116">
        <v>226982</v>
      </c>
      <c r="FX18" s="114">
        <v>315763</v>
      </c>
      <c r="FY18" s="113">
        <v>0</v>
      </c>
      <c r="FZ18" s="116">
        <v>135240</v>
      </c>
      <c r="GA18" s="116">
        <v>517951</v>
      </c>
      <c r="GB18" s="116">
        <v>469658</v>
      </c>
      <c r="GC18" s="116">
        <v>555597</v>
      </c>
      <c r="GD18" s="116">
        <v>491302</v>
      </c>
      <c r="GE18" s="115">
        <v>2169748</v>
      </c>
      <c r="GF18" s="354">
        <v>2485511</v>
      </c>
      <c r="GG18" s="117">
        <v>0</v>
      </c>
      <c r="GH18" s="116">
        <v>0</v>
      </c>
      <c r="GI18" s="114">
        <v>0</v>
      </c>
      <c r="GJ18" s="113">
        <v>0</v>
      </c>
      <c r="GK18" s="116">
        <v>23100</v>
      </c>
      <c r="GL18" s="116">
        <v>0</v>
      </c>
      <c r="GM18" s="116">
        <v>0</v>
      </c>
      <c r="GN18" s="116">
        <v>0</v>
      </c>
      <c r="GO18" s="116">
        <v>0</v>
      </c>
      <c r="GP18" s="115">
        <v>23100</v>
      </c>
      <c r="GQ18" s="118">
        <v>23100</v>
      </c>
      <c r="GR18" s="112">
        <v>0</v>
      </c>
      <c r="GS18" s="116">
        <v>35420</v>
      </c>
      <c r="GT18" s="115">
        <v>35420</v>
      </c>
      <c r="GU18" s="112">
        <v>0</v>
      </c>
      <c r="GV18" s="116">
        <v>50165</v>
      </c>
      <c r="GW18" s="116">
        <v>11900</v>
      </c>
      <c r="GX18" s="116">
        <v>0</v>
      </c>
      <c r="GY18" s="116">
        <v>146154</v>
      </c>
      <c r="GZ18" s="116">
        <v>140000</v>
      </c>
      <c r="HA18" s="114">
        <v>348219</v>
      </c>
      <c r="HB18" s="118">
        <v>383639</v>
      </c>
      <c r="HC18" s="112">
        <v>193352</v>
      </c>
      <c r="HD18" s="116">
        <v>405467</v>
      </c>
      <c r="HE18" s="114">
        <v>598819</v>
      </c>
      <c r="HF18" s="113">
        <v>0</v>
      </c>
      <c r="HG18" s="116">
        <v>701424</v>
      </c>
      <c r="HH18" s="116">
        <v>775885</v>
      </c>
      <c r="HI18" s="116">
        <v>2093846</v>
      </c>
      <c r="HJ18" s="116">
        <v>1888612</v>
      </c>
      <c r="HK18" s="116">
        <v>1862547</v>
      </c>
      <c r="HL18" s="115">
        <v>7322314</v>
      </c>
      <c r="HM18" s="111">
        <v>7921133</v>
      </c>
      <c r="HN18" s="370"/>
      <c r="HO18" s="371"/>
      <c r="HP18" s="372"/>
      <c r="HQ18" s="373"/>
      <c r="HR18" s="371"/>
      <c r="HS18" s="371"/>
      <c r="HT18" s="371"/>
      <c r="HU18" s="371"/>
      <c r="HV18" s="371"/>
      <c r="HW18" s="374"/>
      <c r="HX18" s="375"/>
      <c r="HY18" s="167">
        <v>69433</v>
      </c>
      <c r="HZ18" s="152">
        <v>0</v>
      </c>
      <c r="IA18" s="167">
        <v>69433</v>
      </c>
      <c r="IB18" s="151">
        <v>0</v>
      </c>
      <c r="IC18" s="152">
        <v>1874205</v>
      </c>
      <c r="ID18" s="153">
        <v>1314710</v>
      </c>
      <c r="IE18" s="154">
        <v>977859</v>
      </c>
      <c r="IF18" s="152">
        <v>1250531</v>
      </c>
      <c r="IG18" s="154">
        <v>1257974</v>
      </c>
      <c r="IH18" s="155">
        <v>6675279</v>
      </c>
      <c r="II18" s="167">
        <v>6744712</v>
      </c>
      <c r="IJ18" s="261">
        <v>0</v>
      </c>
      <c r="IK18" s="268">
        <v>0</v>
      </c>
      <c r="IL18" s="269">
        <v>0</v>
      </c>
      <c r="IM18" s="157"/>
      <c r="IN18" s="122">
        <v>0</v>
      </c>
      <c r="IO18" s="122">
        <v>0</v>
      </c>
      <c r="IP18" s="122">
        <v>0</v>
      </c>
      <c r="IQ18" s="122">
        <v>0</v>
      </c>
      <c r="IR18" s="122">
        <v>0</v>
      </c>
      <c r="IS18" s="158">
        <v>0</v>
      </c>
      <c r="IT18" s="357">
        <v>0</v>
      </c>
      <c r="IU18" s="159">
        <v>0</v>
      </c>
      <c r="IV18" s="122">
        <v>0</v>
      </c>
      <c r="IW18" s="123">
        <v>0</v>
      </c>
      <c r="IX18" s="161"/>
      <c r="IY18" s="122">
        <v>0</v>
      </c>
      <c r="IZ18" s="122">
        <v>0</v>
      </c>
      <c r="JA18" s="122">
        <v>0</v>
      </c>
      <c r="JB18" s="122">
        <v>0</v>
      </c>
      <c r="JC18" s="122">
        <v>0</v>
      </c>
      <c r="JD18" s="123">
        <v>0</v>
      </c>
      <c r="JE18" s="124">
        <v>0</v>
      </c>
      <c r="JF18" s="159">
        <v>0</v>
      </c>
      <c r="JG18" s="122">
        <v>0</v>
      </c>
      <c r="JH18" s="158">
        <v>0</v>
      </c>
      <c r="JI18" s="121">
        <v>0</v>
      </c>
      <c r="JJ18" s="122">
        <v>767817</v>
      </c>
      <c r="JK18" s="122">
        <v>459633</v>
      </c>
      <c r="JL18" s="122">
        <v>506984</v>
      </c>
      <c r="JM18" s="122">
        <v>179989</v>
      </c>
      <c r="JN18" s="122">
        <v>0</v>
      </c>
      <c r="JO18" s="123">
        <v>1914423</v>
      </c>
      <c r="JP18" s="357">
        <v>1914423</v>
      </c>
      <c r="JQ18" s="159">
        <v>0</v>
      </c>
      <c r="JR18" s="122">
        <v>0</v>
      </c>
      <c r="JS18" s="158">
        <v>0</v>
      </c>
      <c r="JT18" s="121">
        <v>0</v>
      </c>
      <c r="JU18" s="122">
        <v>25241</v>
      </c>
      <c r="JV18" s="122">
        <v>0</v>
      </c>
      <c r="JW18" s="122">
        <v>0</v>
      </c>
      <c r="JX18" s="122">
        <v>0</v>
      </c>
      <c r="JY18" s="122">
        <v>0</v>
      </c>
      <c r="JZ18" s="123">
        <v>25241</v>
      </c>
      <c r="KA18" s="357">
        <v>25241</v>
      </c>
      <c r="KB18" s="264">
        <v>69433</v>
      </c>
      <c r="KC18" s="258">
        <v>0</v>
      </c>
      <c r="KD18" s="123">
        <v>69433</v>
      </c>
      <c r="KE18" s="121">
        <v>0</v>
      </c>
      <c r="KF18" s="122">
        <v>106801</v>
      </c>
      <c r="KG18" s="122">
        <v>155062</v>
      </c>
      <c r="KH18" s="122">
        <v>245055</v>
      </c>
      <c r="KI18" s="122">
        <v>110049</v>
      </c>
      <c r="KJ18" s="122">
        <v>0</v>
      </c>
      <c r="KK18" s="123">
        <v>616967</v>
      </c>
      <c r="KL18" s="160">
        <v>686400</v>
      </c>
      <c r="KM18" s="261">
        <v>0</v>
      </c>
      <c r="KN18" s="268">
        <v>0</v>
      </c>
      <c r="KO18" s="269">
        <v>0</v>
      </c>
      <c r="KP18" s="157"/>
      <c r="KQ18" s="122">
        <v>833789</v>
      </c>
      <c r="KR18" s="122">
        <v>212661</v>
      </c>
      <c r="KS18" s="122">
        <v>225820</v>
      </c>
      <c r="KT18" s="122">
        <v>224240</v>
      </c>
      <c r="KU18" s="122">
        <v>0</v>
      </c>
      <c r="KV18" s="123">
        <v>1496510</v>
      </c>
      <c r="KW18" s="357">
        <v>1496510</v>
      </c>
      <c r="KX18" s="159">
        <v>0</v>
      </c>
      <c r="KY18" s="122">
        <v>0</v>
      </c>
      <c r="KZ18" s="123">
        <v>0</v>
      </c>
      <c r="LA18" s="162"/>
      <c r="LB18" s="122">
        <v>140557</v>
      </c>
      <c r="LC18" s="122">
        <v>314368</v>
      </c>
      <c r="LD18" s="122">
        <v>0</v>
      </c>
      <c r="LE18" s="122">
        <v>190672</v>
      </c>
      <c r="LF18" s="122">
        <v>107552</v>
      </c>
      <c r="LG18" s="123">
        <v>753149</v>
      </c>
      <c r="LH18" s="124">
        <v>753149</v>
      </c>
      <c r="LI18" s="159">
        <v>0</v>
      </c>
      <c r="LJ18" s="122">
        <v>0</v>
      </c>
      <c r="LK18" s="123">
        <v>0</v>
      </c>
      <c r="LL18" s="162"/>
      <c r="LM18" s="122">
        <v>0</v>
      </c>
      <c r="LN18" s="122">
        <v>0</v>
      </c>
      <c r="LO18" s="122">
        <v>0</v>
      </c>
      <c r="LP18" s="122">
        <v>0</v>
      </c>
      <c r="LQ18" s="122">
        <v>258752</v>
      </c>
      <c r="LR18" s="123">
        <v>258752</v>
      </c>
      <c r="LS18" s="357">
        <v>258752</v>
      </c>
      <c r="LT18" s="159">
        <v>0</v>
      </c>
      <c r="LU18" s="122">
        <v>0</v>
      </c>
      <c r="LV18" s="123">
        <v>0</v>
      </c>
      <c r="LW18" s="162"/>
      <c r="LX18" s="122">
        <v>0</v>
      </c>
      <c r="LY18" s="122">
        <v>172986</v>
      </c>
      <c r="LZ18" s="122">
        <v>0</v>
      </c>
      <c r="MA18" s="122">
        <v>545581</v>
      </c>
      <c r="MB18" s="122">
        <v>891670</v>
      </c>
      <c r="MC18" s="123">
        <v>1610237</v>
      </c>
      <c r="MD18" s="124">
        <v>1610237</v>
      </c>
      <c r="ME18" s="159">
        <v>0</v>
      </c>
      <c r="MF18" s="122">
        <v>0</v>
      </c>
      <c r="MG18" s="123">
        <v>0</v>
      </c>
      <c r="MH18" s="162"/>
      <c r="MI18" s="122">
        <v>0</v>
      </c>
      <c r="MJ18" s="122">
        <v>1365650</v>
      </c>
      <c r="MK18" s="122">
        <v>1658305</v>
      </c>
      <c r="ML18" s="122">
        <v>4617462</v>
      </c>
      <c r="MM18" s="122">
        <v>1954296</v>
      </c>
      <c r="MN18" s="123">
        <v>9595713</v>
      </c>
      <c r="MO18" s="160">
        <v>9595713</v>
      </c>
      <c r="MP18" s="159">
        <v>0</v>
      </c>
      <c r="MQ18" s="122">
        <v>0</v>
      </c>
      <c r="MR18" s="123">
        <v>0</v>
      </c>
      <c r="MS18" s="162"/>
      <c r="MT18" s="122">
        <v>0</v>
      </c>
      <c r="MU18" s="122">
        <v>199604</v>
      </c>
      <c r="MV18" s="122">
        <v>961152</v>
      </c>
      <c r="MW18" s="122">
        <v>2368739</v>
      </c>
      <c r="MX18" s="122">
        <v>1444966</v>
      </c>
      <c r="MY18" s="123">
        <v>4974461</v>
      </c>
      <c r="MZ18" s="160">
        <v>4974461</v>
      </c>
      <c r="NA18" s="159">
        <v>0</v>
      </c>
      <c r="NB18" s="122">
        <v>0</v>
      </c>
      <c r="NC18" s="123">
        <v>0</v>
      </c>
      <c r="ND18" s="162"/>
      <c r="NE18" s="122">
        <v>0</v>
      </c>
      <c r="NF18" s="122">
        <v>1166046</v>
      </c>
      <c r="NG18" s="122">
        <v>697153</v>
      </c>
      <c r="NH18" s="122">
        <v>2248723</v>
      </c>
      <c r="NI18" s="122">
        <v>233114</v>
      </c>
      <c r="NJ18" s="123">
        <v>4345036</v>
      </c>
      <c r="NK18" s="357">
        <v>4345036</v>
      </c>
      <c r="NL18" s="159">
        <v>0</v>
      </c>
      <c r="NM18" s="122">
        <v>0</v>
      </c>
      <c r="NN18" s="123">
        <v>0</v>
      </c>
      <c r="NO18" s="162"/>
      <c r="NP18" s="122">
        <v>0</v>
      </c>
      <c r="NQ18" s="122">
        <v>0</v>
      </c>
      <c r="NR18" s="122">
        <v>0</v>
      </c>
      <c r="NS18" s="122">
        <v>0</v>
      </c>
      <c r="NT18" s="122">
        <v>276216</v>
      </c>
      <c r="NU18" s="123">
        <v>276216</v>
      </c>
      <c r="NV18" s="124">
        <v>276216</v>
      </c>
      <c r="NW18" s="159">
        <v>0</v>
      </c>
      <c r="NX18" s="122">
        <v>0</v>
      </c>
      <c r="NY18" s="123">
        <v>0</v>
      </c>
      <c r="NZ18" s="162"/>
      <c r="OA18" s="122">
        <v>0</v>
      </c>
      <c r="OB18" s="122">
        <v>0</v>
      </c>
      <c r="OC18" s="122">
        <v>0</v>
      </c>
      <c r="OD18" s="122">
        <v>0</v>
      </c>
      <c r="OE18" s="122">
        <v>0</v>
      </c>
      <c r="OF18" s="123">
        <v>0</v>
      </c>
      <c r="OG18" s="124">
        <v>0</v>
      </c>
      <c r="OH18" s="159">
        <v>808879</v>
      </c>
      <c r="OI18" s="122">
        <v>1310198</v>
      </c>
      <c r="OJ18" s="158">
        <v>2119077</v>
      </c>
      <c r="OK18" s="121">
        <v>0</v>
      </c>
      <c r="OL18" s="122">
        <v>6429718</v>
      </c>
      <c r="OM18" s="122">
        <v>7438490</v>
      </c>
      <c r="ON18" s="122">
        <v>8609438</v>
      </c>
      <c r="OO18" s="122">
        <v>12388780</v>
      </c>
      <c r="OP18" s="122">
        <v>8966864</v>
      </c>
      <c r="OQ18" s="123">
        <v>43833290</v>
      </c>
      <c r="OR18" s="160">
        <v>951544.55964240199</v>
      </c>
    </row>
    <row r="19" spans="1:408" ht="20.25" customHeight="1" x14ac:dyDescent="0.2">
      <c r="A19" s="129" t="s">
        <v>13</v>
      </c>
      <c r="B19" s="112">
        <v>338107</v>
      </c>
      <c r="C19" s="116">
        <v>623900</v>
      </c>
      <c r="D19" s="115">
        <v>962007</v>
      </c>
      <c r="E19" s="112">
        <v>0</v>
      </c>
      <c r="F19" s="187">
        <v>2109936</v>
      </c>
      <c r="G19" s="116">
        <v>4036696</v>
      </c>
      <c r="H19" s="116">
        <v>5374534</v>
      </c>
      <c r="I19" s="116">
        <v>4053839</v>
      </c>
      <c r="J19" s="116">
        <v>3476863</v>
      </c>
      <c r="K19" s="114">
        <v>19051868</v>
      </c>
      <c r="L19" s="118">
        <v>20013875</v>
      </c>
      <c r="M19" s="112">
        <v>87924</v>
      </c>
      <c r="N19" s="116">
        <v>157226</v>
      </c>
      <c r="O19" s="115">
        <v>245150</v>
      </c>
      <c r="P19" s="112">
        <v>0</v>
      </c>
      <c r="Q19" s="116">
        <v>162445</v>
      </c>
      <c r="R19" s="116">
        <v>1383019</v>
      </c>
      <c r="S19" s="116">
        <v>2270800</v>
      </c>
      <c r="T19" s="116">
        <v>1869141</v>
      </c>
      <c r="U19" s="116">
        <v>1967258</v>
      </c>
      <c r="V19" s="115">
        <v>7652663</v>
      </c>
      <c r="W19" s="118">
        <v>7897813</v>
      </c>
      <c r="X19" s="112">
        <v>0</v>
      </c>
      <c r="Y19" s="116">
        <v>0</v>
      </c>
      <c r="Z19" s="115">
        <v>0</v>
      </c>
      <c r="AA19" s="112">
        <v>0</v>
      </c>
      <c r="AB19" s="116">
        <v>194583</v>
      </c>
      <c r="AC19" s="116">
        <v>700127</v>
      </c>
      <c r="AD19" s="116">
        <v>1304169</v>
      </c>
      <c r="AE19" s="116">
        <v>1229560</v>
      </c>
      <c r="AF19" s="116">
        <v>1403639</v>
      </c>
      <c r="AG19" s="115">
        <v>4832078</v>
      </c>
      <c r="AH19" s="118">
        <v>4832078</v>
      </c>
      <c r="AI19" s="112">
        <v>0</v>
      </c>
      <c r="AJ19" s="116">
        <v>0</v>
      </c>
      <c r="AK19" s="115">
        <v>0</v>
      </c>
      <c r="AL19" s="112">
        <v>0</v>
      </c>
      <c r="AM19" s="116">
        <v>0</v>
      </c>
      <c r="AN19" s="116">
        <v>0</v>
      </c>
      <c r="AO19" s="116">
        <v>85315</v>
      </c>
      <c r="AP19" s="116">
        <v>72493</v>
      </c>
      <c r="AQ19" s="116">
        <v>0</v>
      </c>
      <c r="AR19" s="115">
        <v>157808</v>
      </c>
      <c r="AS19" s="118">
        <v>157808</v>
      </c>
      <c r="AT19" s="112">
        <v>12884</v>
      </c>
      <c r="AU19" s="116">
        <v>80037</v>
      </c>
      <c r="AV19" s="115">
        <v>92921</v>
      </c>
      <c r="AW19" s="112">
        <v>0</v>
      </c>
      <c r="AX19" s="116">
        <v>-179663</v>
      </c>
      <c r="AY19" s="116">
        <v>358899</v>
      </c>
      <c r="AZ19" s="116">
        <v>545051</v>
      </c>
      <c r="BA19" s="116">
        <v>354901</v>
      </c>
      <c r="BB19" s="116">
        <v>335064</v>
      </c>
      <c r="BC19" s="115">
        <v>1414252</v>
      </c>
      <c r="BD19" s="118">
        <v>1507173</v>
      </c>
      <c r="BE19" s="112">
        <v>0</v>
      </c>
      <c r="BF19" s="116">
        <v>0</v>
      </c>
      <c r="BG19" s="114">
        <v>0</v>
      </c>
      <c r="BH19" s="113">
        <v>0</v>
      </c>
      <c r="BI19" s="116">
        <v>0</v>
      </c>
      <c r="BJ19" s="116">
        <v>112243</v>
      </c>
      <c r="BK19" s="116">
        <v>26438</v>
      </c>
      <c r="BL19" s="116">
        <v>17356</v>
      </c>
      <c r="BM19" s="116">
        <v>70250</v>
      </c>
      <c r="BN19" s="115">
        <v>226287</v>
      </c>
      <c r="BO19" s="118">
        <v>226287</v>
      </c>
      <c r="BP19" s="112">
        <v>75040</v>
      </c>
      <c r="BQ19" s="116">
        <v>77189</v>
      </c>
      <c r="BR19" s="115">
        <v>152229</v>
      </c>
      <c r="BS19" s="112">
        <v>0</v>
      </c>
      <c r="BT19" s="116">
        <v>147525</v>
      </c>
      <c r="BU19" s="116">
        <v>211750</v>
      </c>
      <c r="BV19" s="116">
        <v>309827</v>
      </c>
      <c r="BW19" s="116">
        <v>194831</v>
      </c>
      <c r="BX19" s="116">
        <v>158305</v>
      </c>
      <c r="BY19" s="115">
        <v>1022238</v>
      </c>
      <c r="BZ19" s="118">
        <v>1174467</v>
      </c>
      <c r="CA19" s="112">
        <v>0</v>
      </c>
      <c r="CB19" s="116">
        <v>31518</v>
      </c>
      <c r="CC19" s="115">
        <v>31518</v>
      </c>
      <c r="CD19" s="112">
        <v>0</v>
      </c>
      <c r="CE19" s="116">
        <v>494490</v>
      </c>
      <c r="CF19" s="116">
        <v>775184</v>
      </c>
      <c r="CG19" s="116">
        <v>441217</v>
      </c>
      <c r="CH19" s="116">
        <v>429995</v>
      </c>
      <c r="CI19" s="116">
        <v>58753</v>
      </c>
      <c r="CJ19" s="115">
        <v>2199639</v>
      </c>
      <c r="CK19" s="118">
        <v>2231157</v>
      </c>
      <c r="CL19" s="112">
        <v>0</v>
      </c>
      <c r="CM19" s="116">
        <v>0</v>
      </c>
      <c r="CN19" s="115">
        <v>0</v>
      </c>
      <c r="CO19" s="113">
        <v>0</v>
      </c>
      <c r="CP19" s="116">
        <v>481589</v>
      </c>
      <c r="CQ19" s="116">
        <v>683038</v>
      </c>
      <c r="CR19" s="116">
        <v>227211</v>
      </c>
      <c r="CS19" s="116">
        <v>362923</v>
      </c>
      <c r="CT19" s="116">
        <v>58753</v>
      </c>
      <c r="CU19" s="115">
        <v>1813514</v>
      </c>
      <c r="CV19" s="118">
        <v>1813514</v>
      </c>
      <c r="CW19" s="112">
        <v>0</v>
      </c>
      <c r="CX19" s="116">
        <v>31518</v>
      </c>
      <c r="CY19" s="115">
        <v>31518</v>
      </c>
      <c r="CZ19" s="112">
        <v>0</v>
      </c>
      <c r="DA19" s="116">
        <v>12901</v>
      </c>
      <c r="DB19" s="116">
        <v>92146</v>
      </c>
      <c r="DC19" s="116">
        <v>214006</v>
      </c>
      <c r="DD19" s="116">
        <v>67072</v>
      </c>
      <c r="DE19" s="116">
        <v>0</v>
      </c>
      <c r="DF19" s="115">
        <v>386125</v>
      </c>
      <c r="DG19" s="118">
        <v>417643</v>
      </c>
      <c r="DH19" s="112">
        <v>0</v>
      </c>
      <c r="DI19" s="116">
        <v>0</v>
      </c>
      <c r="DJ19" s="114">
        <v>0</v>
      </c>
      <c r="DK19" s="113">
        <v>0</v>
      </c>
      <c r="DL19" s="116">
        <v>27561</v>
      </c>
      <c r="DM19" s="116">
        <v>64194</v>
      </c>
      <c r="DN19" s="116">
        <v>517333</v>
      </c>
      <c r="DO19" s="116">
        <v>222057</v>
      </c>
      <c r="DP19" s="116">
        <v>252289</v>
      </c>
      <c r="DQ19" s="115">
        <v>1083434</v>
      </c>
      <c r="DR19" s="118">
        <v>1083434</v>
      </c>
      <c r="DS19" s="112">
        <v>0</v>
      </c>
      <c r="DT19" s="116">
        <v>0</v>
      </c>
      <c r="DU19" s="115">
        <v>0</v>
      </c>
      <c r="DV19" s="112">
        <v>0</v>
      </c>
      <c r="DW19" s="116">
        <v>27561</v>
      </c>
      <c r="DX19" s="116">
        <v>64194</v>
      </c>
      <c r="DY19" s="116">
        <v>373917</v>
      </c>
      <c r="DZ19" s="116">
        <v>163648</v>
      </c>
      <c r="EA19" s="116">
        <v>252289</v>
      </c>
      <c r="EB19" s="115">
        <v>881609</v>
      </c>
      <c r="EC19" s="118">
        <v>881609</v>
      </c>
      <c r="ED19" s="112">
        <v>0</v>
      </c>
      <c r="EE19" s="114">
        <v>0</v>
      </c>
      <c r="EF19" s="115">
        <v>0</v>
      </c>
      <c r="EG19" s="112">
        <v>0</v>
      </c>
      <c r="EH19" s="116">
        <v>0</v>
      </c>
      <c r="EI19" s="116">
        <v>0</v>
      </c>
      <c r="EJ19" s="116">
        <v>143416</v>
      </c>
      <c r="EK19" s="116">
        <v>58409</v>
      </c>
      <c r="EL19" s="116">
        <v>0</v>
      </c>
      <c r="EM19" s="114">
        <v>201825</v>
      </c>
      <c r="EN19" s="118">
        <v>201825</v>
      </c>
      <c r="EO19" s="112">
        <v>0</v>
      </c>
      <c r="EP19" s="116">
        <v>0</v>
      </c>
      <c r="EQ19" s="114">
        <v>0</v>
      </c>
      <c r="ER19" s="113">
        <v>0</v>
      </c>
      <c r="ES19" s="116">
        <v>0</v>
      </c>
      <c r="ET19" s="116">
        <v>0</v>
      </c>
      <c r="EU19" s="116">
        <v>0</v>
      </c>
      <c r="EV19" s="116">
        <v>0</v>
      </c>
      <c r="EW19" s="116">
        <v>0</v>
      </c>
      <c r="EX19" s="115">
        <v>0</v>
      </c>
      <c r="EY19" s="118">
        <v>0</v>
      </c>
      <c r="EZ19" s="112">
        <v>0</v>
      </c>
      <c r="FA19" s="116">
        <v>0</v>
      </c>
      <c r="FB19" s="114">
        <v>0</v>
      </c>
      <c r="FC19" s="390"/>
      <c r="FD19" s="116">
        <v>0</v>
      </c>
      <c r="FE19" s="116">
        <v>0</v>
      </c>
      <c r="FF19" s="116">
        <v>0</v>
      </c>
      <c r="FG19" s="116">
        <v>0</v>
      </c>
      <c r="FH19" s="116">
        <v>0</v>
      </c>
      <c r="FI19" s="115">
        <v>0</v>
      </c>
      <c r="FJ19" s="118">
        <v>0</v>
      </c>
      <c r="FK19" s="112">
        <v>18900</v>
      </c>
      <c r="FL19" s="116">
        <v>105189</v>
      </c>
      <c r="FM19" s="115">
        <v>124089</v>
      </c>
      <c r="FN19" s="112">
        <v>0</v>
      </c>
      <c r="FO19" s="116">
        <v>-104833</v>
      </c>
      <c r="FP19" s="116">
        <v>417515</v>
      </c>
      <c r="FQ19" s="116">
        <v>390145</v>
      </c>
      <c r="FR19" s="116">
        <v>239949</v>
      </c>
      <c r="FS19" s="116">
        <v>172865</v>
      </c>
      <c r="FT19" s="115">
        <v>1115641</v>
      </c>
      <c r="FU19" s="118">
        <v>1239730</v>
      </c>
      <c r="FV19" s="117">
        <v>18900</v>
      </c>
      <c r="FW19" s="116">
        <v>48489</v>
      </c>
      <c r="FX19" s="114">
        <v>67389</v>
      </c>
      <c r="FY19" s="113">
        <v>0</v>
      </c>
      <c r="FZ19" s="116">
        <v>-154340</v>
      </c>
      <c r="GA19" s="116">
        <v>417515</v>
      </c>
      <c r="GB19" s="116">
        <v>390145</v>
      </c>
      <c r="GC19" s="116">
        <v>232442</v>
      </c>
      <c r="GD19" s="116">
        <v>172865</v>
      </c>
      <c r="GE19" s="115">
        <v>1058627</v>
      </c>
      <c r="GF19" s="354">
        <v>1126016</v>
      </c>
      <c r="GG19" s="117">
        <v>0</v>
      </c>
      <c r="GH19" s="116">
        <v>0</v>
      </c>
      <c r="GI19" s="114">
        <v>0</v>
      </c>
      <c r="GJ19" s="113">
        <v>0</v>
      </c>
      <c r="GK19" s="116">
        <v>7507</v>
      </c>
      <c r="GL19" s="116">
        <v>0</v>
      </c>
      <c r="GM19" s="116">
        <v>0</v>
      </c>
      <c r="GN19" s="116">
        <v>7507</v>
      </c>
      <c r="GO19" s="116">
        <v>0</v>
      </c>
      <c r="GP19" s="115">
        <v>15014</v>
      </c>
      <c r="GQ19" s="118">
        <v>15014</v>
      </c>
      <c r="GR19" s="112">
        <v>0</v>
      </c>
      <c r="GS19" s="116">
        <v>56700</v>
      </c>
      <c r="GT19" s="115">
        <v>56700</v>
      </c>
      <c r="GU19" s="112">
        <v>0</v>
      </c>
      <c r="GV19" s="116">
        <v>42000</v>
      </c>
      <c r="GW19" s="116">
        <v>0</v>
      </c>
      <c r="GX19" s="116">
        <v>0</v>
      </c>
      <c r="GY19" s="116">
        <v>0</v>
      </c>
      <c r="GZ19" s="116">
        <v>0</v>
      </c>
      <c r="HA19" s="114">
        <v>42000</v>
      </c>
      <c r="HB19" s="118">
        <v>98700</v>
      </c>
      <c r="HC19" s="112">
        <v>231283</v>
      </c>
      <c r="HD19" s="116">
        <v>329967</v>
      </c>
      <c r="HE19" s="114">
        <v>561250</v>
      </c>
      <c r="HF19" s="113">
        <v>0</v>
      </c>
      <c r="HG19" s="116">
        <v>1530273</v>
      </c>
      <c r="HH19" s="116">
        <v>1396784</v>
      </c>
      <c r="HI19" s="116">
        <v>1755039</v>
      </c>
      <c r="HJ19" s="116">
        <v>1292697</v>
      </c>
      <c r="HK19" s="116">
        <v>1025698</v>
      </c>
      <c r="HL19" s="115">
        <v>7000491</v>
      </c>
      <c r="HM19" s="111">
        <v>7561741</v>
      </c>
      <c r="HN19" s="370"/>
      <c r="HO19" s="371"/>
      <c r="HP19" s="372"/>
      <c r="HQ19" s="373"/>
      <c r="HR19" s="371"/>
      <c r="HS19" s="371"/>
      <c r="HT19" s="371"/>
      <c r="HU19" s="371"/>
      <c r="HV19" s="371"/>
      <c r="HW19" s="374"/>
      <c r="HX19" s="375"/>
      <c r="HY19" s="148">
        <v>0</v>
      </c>
      <c r="HZ19" s="149">
        <v>0</v>
      </c>
      <c r="IA19" s="150">
        <v>0</v>
      </c>
      <c r="IB19" s="163">
        <v>0</v>
      </c>
      <c r="IC19" s="149">
        <v>209455</v>
      </c>
      <c r="ID19" s="164">
        <v>633496</v>
      </c>
      <c r="IE19" s="150">
        <v>1072599</v>
      </c>
      <c r="IF19" s="149">
        <v>511350</v>
      </c>
      <c r="IG19" s="150">
        <v>0</v>
      </c>
      <c r="IH19" s="165">
        <v>2426900</v>
      </c>
      <c r="II19" s="156">
        <v>2426900</v>
      </c>
      <c r="IJ19" s="261">
        <v>0</v>
      </c>
      <c r="IK19" s="268">
        <v>0</v>
      </c>
      <c r="IL19" s="269">
        <v>0</v>
      </c>
      <c r="IM19" s="157"/>
      <c r="IN19" s="122">
        <v>0</v>
      </c>
      <c r="IO19" s="122">
        <v>0</v>
      </c>
      <c r="IP19" s="122">
        <v>0</v>
      </c>
      <c r="IQ19" s="122">
        <v>0</v>
      </c>
      <c r="IR19" s="122">
        <v>0</v>
      </c>
      <c r="IS19" s="158">
        <v>0</v>
      </c>
      <c r="IT19" s="357">
        <v>0</v>
      </c>
      <c r="IU19" s="159">
        <v>0</v>
      </c>
      <c r="IV19" s="122">
        <v>0</v>
      </c>
      <c r="IW19" s="123">
        <v>0</v>
      </c>
      <c r="IX19" s="161"/>
      <c r="IY19" s="122">
        <v>0</v>
      </c>
      <c r="IZ19" s="122">
        <v>0</v>
      </c>
      <c r="JA19" s="122">
        <v>0</v>
      </c>
      <c r="JB19" s="122">
        <v>0</v>
      </c>
      <c r="JC19" s="122">
        <v>0</v>
      </c>
      <c r="JD19" s="123">
        <v>0</v>
      </c>
      <c r="JE19" s="124">
        <v>0</v>
      </c>
      <c r="JF19" s="159">
        <v>0</v>
      </c>
      <c r="JG19" s="122">
        <v>0</v>
      </c>
      <c r="JH19" s="158">
        <v>0</v>
      </c>
      <c r="JI19" s="121">
        <v>0</v>
      </c>
      <c r="JJ19" s="122">
        <v>209455</v>
      </c>
      <c r="JK19" s="122">
        <v>264880</v>
      </c>
      <c r="JL19" s="122">
        <v>501787</v>
      </c>
      <c r="JM19" s="122">
        <v>197359</v>
      </c>
      <c r="JN19" s="122">
        <v>0</v>
      </c>
      <c r="JO19" s="123">
        <v>1173481</v>
      </c>
      <c r="JP19" s="357">
        <v>1173481</v>
      </c>
      <c r="JQ19" s="159">
        <v>0</v>
      </c>
      <c r="JR19" s="122">
        <v>0</v>
      </c>
      <c r="JS19" s="158">
        <v>0</v>
      </c>
      <c r="JT19" s="121">
        <v>0</v>
      </c>
      <c r="JU19" s="122">
        <v>0</v>
      </c>
      <c r="JV19" s="122">
        <v>0</v>
      </c>
      <c r="JW19" s="122">
        <v>0</v>
      </c>
      <c r="JX19" s="122">
        <v>0</v>
      </c>
      <c r="JY19" s="122">
        <v>0</v>
      </c>
      <c r="JZ19" s="123">
        <v>0</v>
      </c>
      <c r="KA19" s="357">
        <v>0</v>
      </c>
      <c r="KB19" s="264">
        <v>0</v>
      </c>
      <c r="KC19" s="258">
        <v>0</v>
      </c>
      <c r="KD19" s="123">
        <v>0</v>
      </c>
      <c r="KE19" s="121">
        <v>0</v>
      </c>
      <c r="KF19" s="122">
        <v>0</v>
      </c>
      <c r="KG19" s="122">
        <v>151866</v>
      </c>
      <c r="KH19" s="122">
        <v>0</v>
      </c>
      <c r="KI19" s="122">
        <v>0</v>
      </c>
      <c r="KJ19" s="122">
        <v>0</v>
      </c>
      <c r="KK19" s="123">
        <v>151866</v>
      </c>
      <c r="KL19" s="160">
        <v>151866</v>
      </c>
      <c r="KM19" s="261">
        <v>0</v>
      </c>
      <c r="KN19" s="268">
        <v>0</v>
      </c>
      <c r="KO19" s="269">
        <v>0</v>
      </c>
      <c r="KP19" s="157"/>
      <c r="KQ19" s="122">
        <v>0</v>
      </c>
      <c r="KR19" s="122">
        <v>216750</v>
      </c>
      <c r="KS19" s="122">
        <v>226718</v>
      </c>
      <c r="KT19" s="122">
        <v>125683</v>
      </c>
      <c r="KU19" s="122">
        <v>0</v>
      </c>
      <c r="KV19" s="123">
        <v>569151</v>
      </c>
      <c r="KW19" s="357">
        <v>569151</v>
      </c>
      <c r="KX19" s="159">
        <v>0</v>
      </c>
      <c r="KY19" s="122">
        <v>0</v>
      </c>
      <c r="KZ19" s="123">
        <v>0</v>
      </c>
      <c r="LA19" s="162"/>
      <c r="LB19" s="122">
        <v>0</v>
      </c>
      <c r="LC19" s="122">
        <v>0</v>
      </c>
      <c r="LD19" s="122">
        <v>344094</v>
      </c>
      <c r="LE19" s="122">
        <v>188308</v>
      </c>
      <c r="LF19" s="122">
        <v>0</v>
      </c>
      <c r="LG19" s="123">
        <v>532402</v>
      </c>
      <c r="LH19" s="124">
        <v>532402</v>
      </c>
      <c r="LI19" s="159">
        <v>0</v>
      </c>
      <c r="LJ19" s="122">
        <v>0</v>
      </c>
      <c r="LK19" s="123">
        <v>0</v>
      </c>
      <c r="LL19" s="162"/>
      <c r="LM19" s="122">
        <v>0</v>
      </c>
      <c r="LN19" s="122">
        <v>0</v>
      </c>
      <c r="LO19" s="122">
        <v>0</v>
      </c>
      <c r="LP19" s="122">
        <v>0</v>
      </c>
      <c r="LQ19" s="122">
        <v>0</v>
      </c>
      <c r="LR19" s="123">
        <v>0</v>
      </c>
      <c r="LS19" s="357">
        <v>0</v>
      </c>
      <c r="LT19" s="159">
        <v>0</v>
      </c>
      <c r="LU19" s="122">
        <v>0</v>
      </c>
      <c r="LV19" s="123">
        <v>0</v>
      </c>
      <c r="LW19" s="162"/>
      <c r="LX19" s="122">
        <v>0</v>
      </c>
      <c r="LY19" s="122">
        <v>0</v>
      </c>
      <c r="LZ19" s="122">
        <v>0</v>
      </c>
      <c r="MA19" s="122">
        <v>0</v>
      </c>
      <c r="MB19" s="122">
        <v>0</v>
      </c>
      <c r="MC19" s="123">
        <v>0</v>
      </c>
      <c r="MD19" s="124">
        <v>0</v>
      </c>
      <c r="ME19" s="159">
        <v>0</v>
      </c>
      <c r="MF19" s="122">
        <v>0</v>
      </c>
      <c r="MG19" s="123">
        <v>0</v>
      </c>
      <c r="MH19" s="162"/>
      <c r="MI19" s="122">
        <v>0</v>
      </c>
      <c r="MJ19" s="122">
        <v>0</v>
      </c>
      <c r="MK19" s="122">
        <v>1253082</v>
      </c>
      <c r="ML19" s="122">
        <v>1884266</v>
      </c>
      <c r="MM19" s="122">
        <v>1538096</v>
      </c>
      <c r="MN19" s="123">
        <v>4675444</v>
      </c>
      <c r="MO19" s="160">
        <v>4675444</v>
      </c>
      <c r="MP19" s="159">
        <v>0</v>
      </c>
      <c r="MQ19" s="122">
        <v>0</v>
      </c>
      <c r="MR19" s="123">
        <v>0</v>
      </c>
      <c r="MS19" s="162"/>
      <c r="MT19" s="122">
        <v>0</v>
      </c>
      <c r="MU19" s="122">
        <v>0</v>
      </c>
      <c r="MV19" s="122">
        <v>622501</v>
      </c>
      <c r="MW19" s="122">
        <v>947750</v>
      </c>
      <c r="MX19" s="122">
        <v>1538096</v>
      </c>
      <c r="MY19" s="123">
        <v>3108347</v>
      </c>
      <c r="MZ19" s="160">
        <v>3108347</v>
      </c>
      <c r="NA19" s="159">
        <v>0</v>
      </c>
      <c r="NB19" s="122">
        <v>0</v>
      </c>
      <c r="NC19" s="123">
        <v>0</v>
      </c>
      <c r="ND19" s="162"/>
      <c r="NE19" s="122">
        <v>0</v>
      </c>
      <c r="NF19" s="122">
        <v>0</v>
      </c>
      <c r="NG19" s="122">
        <v>630581</v>
      </c>
      <c r="NH19" s="122">
        <v>936516</v>
      </c>
      <c r="NI19" s="122">
        <v>0</v>
      </c>
      <c r="NJ19" s="123">
        <v>1567097</v>
      </c>
      <c r="NK19" s="357">
        <v>1567097</v>
      </c>
      <c r="NL19" s="159">
        <v>0</v>
      </c>
      <c r="NM19" s="122">
        <v>0</v>
      </c>
      <c r="NN19" s="123">
        <v>0</v>
      </c>
      <c r="NO19" s="162"/>
      <c r="NP19" s="122">
        <v>0</v>
      </c>
      <c r="NQ19" s="122">
        <v>0</v>
      </c>
      <c r="NR19" s="122">
        <v>0</v>
      </c>
      <c r="NS19" s="122">
        <v>0</v>
      </c>
      <c r="NT19" s="122">
        <v>0</v>
      </c>
      <c r="NU19" s="123">
        <v>0</v>
      </c>
      <c r="NV19" s="124">
        <v>0</v>
      </c>
      <c r="NW19" s="159">
        <v>0</v>
      </c>
      <c r="NX19" s="122">
        <v>0</v>
      </c>
      <c r="NY19" s="123">
        <v>0</v>
      </c>
      <c r="NZ19" s="162"/>
      <c r="OA19" s="122">
        <v>0</v>
      </c>
      <c r="OB19" s="122">
        <v>0</v>
      </c>
      <c r="OC19" s="122">
        <v>0</v>
      </c>
      <c r="OD19" s="122">
        <v>0</v>
      </c>
      <c r="OE19" s="122">
        <v>0</v>
      </c>
      <c r="OF19" s="123">
        <v>0</v>
      </c>
      <c r="OG19" s="124">
        <v>0</v>
      </c>
      <c r="OH19" s="159">
        <v>338107</v>
      </c>
      <c r="OI19" s="122">
        <v>623900</v>
      </c>
      <c r="OJ19" s="158">
        <v>962007</v>
      </c>
      <c r="OK19" s="121">
        <v>0</v>
      </c>
      <c r="OL19" s="122">
        <v>2319391</v>
      </c>
      <c r="OM19" s="122">
        <v>4670192</v>
      </c>
      <c r="ON19" s="122">
        <v>7700215</v>
      </c>
      <c r="OO19" s="122">
        <v>6449455</v>
      </c>
      <c r="OP19" s="122">
        <v>5014959</v>
      </c>
      <c r="OQ19" s="123">
        <v>26154212</v>
      </c>
      <c r="OR19" s="160">
        <v>426009.36854588601</v>
      </c>
    </row>
    <row r="20" spans="1:408" ht="20.25" customHeight="1" x14ac:dyDescent="0.2">
      <c r="A20" s="129" t="s">
        <v>15</v>
      </c>
      <c r="B20" s="112">
        <v>51199</v>
      </c>
      <c r="C20" s="116">
        <v>326639</v>
      </c>
      <c r="D20" s="115">
        <v>377838</v>
      </c>
      <c r="E20" s="111">
        <v>0</v>
      </c>
      <c r="F20" s="116">
        <v>1183505</v>
      </c>
      <c r="G20" s="116">
        <v>826135</v>
      </c>
      <c r="H20" s="116">
        <v>1117418</v>
      </c>
      <c r="I20" s="116">
        <v>905488</v>
      </c>
      <c r="J20" s="116">
        <v>964168</v>
      </c>
      <c r="K20" s="111">
        <v>4996714</v>
      </c>
      <c r="L20" s="118">
        <v>5374552</v>
      </c>
      <c r="M20" s="112">
        <v>0</v>
      </c>
      <c r="N20" s="116">
        <v>25312</v>
      </c>
      <c r="O20" s="115">
        <v>25312</v>
      </c>
      <c r="P20" s="112">
        <v>0</v>
      </c>
      <c r="Q20" s="116">
        <v>167729</v>
      </c>
      <c r="R20" s="116">
        <v>198810</v>
      </c>
      <c r="S20" s="116">
        <v>221032</v>
      </c>
      <c r="T20" s="116">
        <v>248732</v>
      </c>
      <c r="U20" s="116">
        <v>605222</v>
      </c>
      <c r="V20" s="115">
        <v>1441525</v>
      </c>
      <c r="W20" s="118">
        <v>1466837</v>
      </c>
      <c r="X20" s="112">
        <v>0</v>
      </c>
      <c r="Y20" s="116">
        <v>0</v>
      </c>
      <c r="Z20" s="115">
        <v>0</v>
      </c>
      <c r="AA20" s="112">
        <v>0</v>
      </c>
      <c r="AB20" s="116">
        <v>63896</v>
      </c>
      <c r="AC20" s="116">
        <v>55522</v>
      </c>
      <c r="AD20" s="116">
        <v>0</v>
      </c>
      <c r="AE20" s="116">
        <v>44580</v>
      </c>
      <c r="AF20" s="116">
        <v>240663</v>
      </c>
      <c r="AG20" s="115">
        <v>404661</v>
      </c>
      <c r="AH20" s="118">
        <v>404661</v>
      </c>
      <c r="AI20" s="112">
        <v>0</v>
      </c>
      <c r="AJ20" s="116">
        <v>0</v>
      </c>
      <c r="AK20" s="115">
        <v>0</v>
      </c>
      <c r="AL20" s="112">
        <v>0</v>
      </c>
      <c r="AM20" s="116">
        <v>0</v>
      </c>
      <c r="AN20" s="116">
        <v>0</v>
      </c>
      <c r="AO20" s="116">
        <v>0</v>
      </c>
      <c r="AP20" s="116">
        <v>0</v>
      </c>
      <c r="AQ20" s="116">
        <v>194031</v>
      </c>
      <c r="AR20" s="115">
        <v>194031</v>
      </c>
      <c r="AS20" s="118">
        <v>194031</v>
      </c>
      <c r="AT20" s="112">
        <v>0</v>
      </c>
      <c r="AU20" s="116">
        <v>0</v>
      </c>
      <c r="AV20" s="115">
        <v>0</v>
      </c>
      <c r="AW20" s="112">
        <v>0</v>
      </c>
      <c r="AX20" s="116">
        <v>54497</v>
      </c>
      <c r="AY20" s="116">
        <v>67732</v>
      </c>
      <c r="AZ20" s="116">
        <v>137571</v>
      </c>
      <c r="BA20" s="116">
        <v>134090</v>
      </c>
      <c r="BB20" s="116">
        <v>123380</v>
      </c>
      <c r="BC20" s="115">
        <v>517270</v>
      </c>
      <c r="BD20" s="118">
        <v>517270</v>
      </c>
      <c r="BE20" s="112">
        <v>0</v>
      </c>
      <c r="BF20" s="116">
        <v>0</v>
      </c>
      <c r="BG20" s="114">
        <v>0</v>
      </c>
      <c r="BH20" s="113">
        <v>0</v>
      </c>
      <c r="BI20" s="116">
        <v>0</v>
      </c>
      <c r="BJ20" s="116">
        <v>9245</v>
      </c>
      <c r="BK20" s="116">
        <v>0</v>
      </c>
      <c r="BL20" s="116">
        <v>55474</v>
      </c>
      <c r="BM20" s="116">
        <v>27737</v>
      </c>
      <c r="BN20" s="115">
        <v>92456</v>
      </c>
      <c r="BO20" s="118">
        <v>92456</v>
      </c>
      <c r="BP20" s="112">
        <v>0</v>
      </c>
      <c r="BQ20" s="116">
        <v>25312</v>
      </c>
      <c r="BR20" s="115">
        <v>25312</v>
      </c>
      <c r="BS20" s="112">
        <v>0</v>
      </c>
      <c r="BT20" s="116">
        <v>49336</v>
      </c>
      <c r="BU20" s="116">
        <v>66311</v>
      </c>
      <c r="BV20" s="116">
        <v>83461</v>
      </c>
      <c r="BW20" s="116">
        <v>14588</v>
      </c>
      <c r="BX20" s="116">
        <v>19411</v>
      </c>
      <c r="BY20" s="115">
        <v>233107</v>
      </c>
      <c r="BZ20" s="118">
        <v>258419</v>
      </c>
      <c r="CA20" s="112">
        <v>0</v>
      </c>
      <c r="CB20" s="116">
        <v>33949</v>
      </c>
      <c r="CC20" s="115">
        <v>33949</v>
      </c>
      <c r="CD20" s="112">
        <v>0</v>
      </c>
      <c r="CE20" s="116">
        <v>142342</v>
      </c>
      <c r="CF20" s="116">
        <v>100963</v>
      </c>
      <c r="CG20" s="116">
        <v>277344</v>
      </c>
      <c r="CH20" s="116">
        <v>142581</v>
      </c>
      <c r="CI20" s="116">
        <v>84378</v>
      </c>
      <c r="CJ20" s="115">
        <v>747608</v>
      </c>
      <c r="CK20" s="118">
        <v>781557</v>
      </c>
      <c r="CL20" s="112">
        <v>0</v>
      </c>
      <c r="CM20" s="116">
        <v>0</v>
      </c>
      <c r="CN20" s="115">
        <v>0</v>
      </c>
      <c r="CO20" s="113">
        <v>0</v>
      </c>
      <c r="CP20" s="116">
        <v>89235</v>
      </c>
      <c r="CQ20" s="116">
        <v>43557</v>
      </c>
      <c r="CR20" s="116">
        <v>203741</v>
      </c>
      <c r="CS20" s="116">
        <v>67589</v>
      </c>
      <c r="CT20" s="116">
        <v>0</v>
      </c>
      <c r="CU20" s="115">
        <v>404122</v>
      </c>
      <c r="CV20" s="118">
        <v>404122</v>
      </c>
      <c r="CW20" s="112">
        <v>0</v>
      </c>
      <c r="CX20" s="116">
        <v>33949</v>
      </c>
      <c r="CY20" s="115">
        <v>33949</v>
      </c>
      <c r="CZ20" s="112">
        <v>0</v>
      </c>
      <c r="DA20" s="116">
        <v>53107</v>
      </c>
      <c r="DB20" s="116">
        <v>57406</v>
      </c>
      <c r="DC20" s="116">
        <v>73603</v>
      </c>
      <c r="DD20" s="116">
        <v>74992</v>
      </c>
      <c r="DE20" s="116">
        <v>84378</v>
      </c>
      <c r="DF20" s="115">
        <v>343486</v>
      </c>
      <c r="DG20" s="118">
        <v>377435</v>
      </c>
      <c r="DH20" s="112">
        <v>0</v>
      </c>
      <c r="DI20" s="116">
        <v>0</v>
      </c>
      <c r="DJ20" s="114">
        <v>0</v>
      </c>
      <c r="DK20" s="113">
        <v>0</v>
      </c>
      <c r="DL20" s="116">
        <v>0</v>
      </c>
      <c r="DM20" s="116">
        <v>148668</v>
      </c>
      <c r="DN20" s="116">
        <v>0</v>
      </c>
      <c r="DO20" s="116">
        <v>330530</v>
      </c>
      <c r="DP20" s="116">
        <v>131929</v>
      </c>
      <c r="DQ20" s="115">
        <v>611127</v>
      </c>
      <c r="DR20" s="118">
        <v>611127</v>
      </c>
      <c r="DS20" s="112">
        <v>0</v>
      </c>
      <c r="DT20" s="116">
        <v>0</v>
      </c>
      <c r="DU20" s="115">
        <v>0</v>
      </c>
      <c r="DV20" s="112">
        <v>0</v>
      </c>
      <c r="DW20" s="116">
        <v>0</v>
      </c>
      <c r="DX20" s="116">
        <v>148668</v>
      </c>
      <c r="DY20" s="116">
        <v>0</v>
      </c>
      <c r="DZ20" s="116">
        <v>330530</v>
      </c>
      <c r="EA20" s="116">
        <v>131929</v>
      </c>
      <c r="EB20" s="115">
        <v>611127</v>
      </c>
      <c r="EC20" s="118">
        <v>611127</v>
      </c>
      <c r="ED20" s="112">
        <v>0</v>
      </c>
      <c r="EE20" s="114">
        <v>0</v>
      </c>
      <c r="EF20" s="115">
        <v>0</v>
      </c>
      <c r="EG20" s="112">
        <v>0</v>
      </c>
      <c r="EH20" s="116">
        <v>0</v>
      </c>
      <c r="EI20" s="116">
        <v>0</v>
      </c>
      <c r="EJ20" s="116">
        <v>0</v>
      </c>
      <c r="EK20" s="116">
        <v>0</v>
      </c>
      <c r="EL20" s="116">
        <v>0</v>
      </c>
      <c r="EM20" s="114">
        <v>0</v>
      </c>
      <c r="EN20" s="118">
        <v>0</v>
      </c>
      <c r="EO20" s="112">
        <v>0</v>
      </c>
      <c r="EP20" s="116">
        <v>0</v>
      </c>
      <c r="EQ20" s="114">
        <v>0</v>
      </c>
      <c r="ER20" s="113">
        <v>0</v>
      </c>
      <c r="ES20" s="116">
        <v>0</v>
      </c>
      <c r="ET20" s="116">
        <v>0</v>
      </c>
      <c r="EU20" s="116">
        <v>0</v>
      </c>
      <c r="EV20" s="116">
        <v>0</v>
      </c>
      <c r="EW20" s="116">
        <v>0</v>
      </c>
      <c r="EX20" s="115">
        <v>0</v>
      </c>
      <c r="EY20" s="118">
        <v>0</v>
      </c>
      <c r="EZ20" s="112">
        <v>0</v>
      </c>
      <c r="FA20" s="116">
        <v>0</v>
      </c>
      <c r="FB20" s="114">
        <v>0</v>
      </c>
      <c r="FC20" s="390"/>
      <c r="FD20" s="116">
        <v>0</v>
      </c>
      <c r="FE20" s="116">
        <v>0</v>
      </c>
      <c r="FF20" s="116">
        <v>0</v>
      </c>
      <c r="FG20" s="116">
        <v>0</v>
      </c>
      <c r="FH20" s="116">
        <v>0</v>
      </c>
      <c r="FI20" s="115">
        <v>0</v>
      </c>
      <c r="FJ20" s="118">
        <v>0</v>
      </c>
      <c r="FK20" s="112">
        <v>0</v>
      </c>
      <c r="FL20" s="116">
        <v>22400</v>
      </c>
      <c r="FM20" s="115">
        <v>22400</v>
      </c>
      <c r="FN20" s="112">
        <v>0</v>
      </c>
      <c r="FO20" s="116">
        <v>28329</v>
      </c>
      <c r="FP20" s="116">
        <v>67935</v>
      </c>
      <c r="FQ20" s="116">
        <v>126707</v>
      </c>
      <c r="FR20" s="116">
        <v>183645</v>
      </c>
      <c r="FS20" s="116">
        <v>142639</v>
      </c>
      <c r="FT20" s="115">
        <v>549255</v>
      </c>
      <c r="FU20" s="118">
        <v>571655</v>
      </c>
      <c r="FV20" s="117">
        <v>0</v>
      </c>
      <c r="FW20" s="116">
        <v>22400</v>
      </c>
      <c r="FX20" s="114">
        <v>22400</v>
      </c>
      <c r="FY20" s="113">
        <v>0</v>
      </c>
      <c r="FZ20" s="116">
        <v>28329</v>
      </c>
      <c r="GA20" s="116">
        <v>67935</v>
      </c>
      <c r="GB20" s="116">
        <v>126707</v>
      </c>
      <c r="GC20" s="116">
        <v>183645</v>
      </c>
      <c r="GD20" s="116">
        <v>91007</v>
      </c>
      <c r="GE20" s="115">
        <v>497623</v>
      </c>
      <c r="GF20" s="354">
        <v>520023</v>
      </c>
      <c r="GG20" s="117">
        <v>0</v>
      </c>
      <c r="GH20" s="116">
        <v>0</v>
      </c>
      <c r="GI20" s="114">
        <v>0</v>
      </c>
      <c r="GJ20" s="113">
        <v>0</v>
      </c>
      <c r="GK20" s="116">
        <v>0</v>
      </c>
      <c r="GL20" s="116">
        <v>0</v>
      </c>
      <c r="GM20" s="116">
        <v>0</v>
      </c>
      <c r="GN20" s="116">
        <v>0</v>
      </c>
      <c r="GO20" s="116">
        <v>16632</v>
      </c>
      <c r="GP20" s="115">
        <v>16632</v>
      </c>
      <c r="GQ20" s="118">
        <v>16632</v>
      </c>
      <c r="GR20" s="112">
        <v>0</v>
      </c>
      <c r="GS20" s="116">
        <v>0</v>
      </c>
      <c r="GT20" s="115">
        <v>0</v>
      </c>
      <c r="GU20" s="112">
        <v>0</v>
      </c>
      <c r="GV20" s="116">
        <v>0</v>
      </c>
      <c r="GW20" s="116">
        <v>0</v>
      </c>
      <c r="GX20" s="116">
        <v>0</v>
      </c>
      <c r="GY20" s="116">
        <v>0</v>
      </c>
      <c r="GZ20" s="116">
        <v>35000</v>
      </c>
      <c r="HA20" s="114">
        <v>35000</v>
      </c>
      <c r="HB20" s="118">
        <v>35000</v>
      </c>
      <c r="HC20" s="112">
        <v>51199</v>
      </c>
      <c r="HD20" s="116">
        <v>244978</v>
      </c>
      <c r="HE20" s="114">
        <v>296177</v>
      </c>
      <c r="HF20" s="113">
        <v>0</v>
      </c>
      <c r="HG20" s="116">
        <v>845105</v>
      </c>
      <c r="HH20" s="116">
        <v>309759</v>
      </c>
      <c r="HI20" s="116">
        <v>492335</v>
      </c>
      <c r="HJ20" s="116">
        <v>0</v>
      </c>
      <c r="HK20" s="116">
        <v>0</v>
      </c>
      <c r="HL20" s="115">
        <v>1647199</v>
      </c>
      <c r="HM20" s="111">
        <v>1943376</v>
      </c>
      <c r="HN20" s="370"/>
      <c r="HO20" s="371"/>
      <c r="HP20" s="372"/>
      <c r="HQ20" s="373"/>
      <c r="HR20" s="371"/>
      <c r="HS20" s="371"/>
      <c r="HT20" s="371"/>
      <c r="HU20" s="371"/>
      <c r="HV20" s="371"/>
      <c r="HW20" s="374"/>
      <c r="HX20" s="375"/>
      <c r="HY20" s="167">
        <v>0</v>
      </c>
      <c r="HZ20" s="152">
        <v>0</v>
      </c>
      <c r="IA20" s="167">
        <v>0</v>
      </c>
      <c r="IB20" s="151">
        <v>0</v>
      </c>
      <c r="IC20" s="152">
        <v>193348</v>
      </c>
      <c r="ID20" s="153">
        <v>460139</v>
      </c>
      <c r="IE20" s="154">
        <v>507871</v>
      </c>
      <c r="IF20" s="152">
        <v>441925</v>
      </c>
      <c r="IG20" s="154">
        <v>27325</v>
      </c>
      <c r="IH20" s="155">
        <v>1630608</v>
      </c>
      <c r="II20" s="167">
        <v>1630608</v>
      </c>
      <c r="IJ20" s="261">
        <v>0</v>
      </c>
      <c r="IK20" s="268">
        <v>0</v>
      </c>
      <c r="IL20" s="269">
        <v>0</v>
      </c>
      <c r="IM20" s="157"/>
      <c r="IN20" s="122">
        <v>0</v>
      </c>
      <c r="IO20" s="122">
        <v>0</v>
      </c>
      <c r="IP20" s="122">
        <v>0</v>
      </c>
      <c r="IQ20" s="122">
        <v>0</v>
      </c>
      <c r="IR20" s="122">
        <v>0</v>
      </c>
      <c r="IS20" s="158">
        <v>0</v>
      </c>
      <c r="IT20" s="357">
        <v>0</v>
      </c>
      <c r="IU20" s="159">
        <v>0</v>
      </c>
      <c r="IV20" s="122">
        <v>0</v>
      </c>
      <c r="IW20" s="123">
        <v>0</v>
      </c>
      <c r="IX20" s="161"/>
      <c r="IY20" s="122">
        <v>0</v>
      </c>
      <c r="IZ20" s="122">
        <v>0</v>
      </c>
      <c r="JA20" s="122">
        <v>0</v>
      </c>
      <c r="JB20" s="122">
        <v>0</v>
      </c>
      <c r="JC20" s="122">
        <v>0</v>
      </c>
      <c r="JD20" s="123">
        <v>0</v>
      </c>
      <c r="JE20" s="124">
        <v>0</v>
      </c>
      <c r="JF20" s="159">
        <v>0</v>
      </c>
      <c r="JG20" s="122">
        <v>0</v>
      </c>
      <c r="JH20" s="158">
        <v>0</v>
      </c>
      <c r="JI20" s="121">
        <v>0</v>
      </c>
      <c r="JJ20" s="122">
        <v>193348</v>
      </c>
      <c r="JK20" s="122">
        <v>247784</v>
      </c>
      <c r="JL20" s="122">
        <v>47705</v>
      </c>
      <c r="JM20" s="122">
        <v>222496</v>
      </c>
      <c r="JN20" s="122">
        <v>27325</v>
      </c>
      <c r="JO20" s="123">
        <v>738658</v>
      </c>
      <c r="JP20" s="357">
        <v>738658</v>
      </c>
      <c r="JQ20" s="159">
        <v>0</v>
      </c>
      <c r="JR20" s="122">
        <v>0</v>
      </c>
      <c r="JS20" s="158">
        <v>0</v>
      </c>
      <c r="JT20" s="121">
        <v>0</v>
      </c>
      <c r="JU20" s="122">
        <v>0</v>
      </c>
      <c r="JV20" s="122">
        <v>0</v>
      </c>
      <c r="JW20" s="122">
        <v>29639</v>
      </c>
      <c r="JX20" s="122">
        <v>0</v>
      </c>
      <c r="JY20" s="122">
        <v>0</v>
      </c>
      <c r="JZ20" s="123">
        <v>29639</v>
      </c>
      <c r="KA20" s="357">
        <v>29639</v>
      </c>
      <c r="KB20" s="264">
        <v>0</v>
      </c>
      <c r="KC20" s="258">
        <v>0</v>
      </c>
      <c r="KD20" s="123">
        <v>0</v>
      </c>
      <c r="KE20" s="121">
        <v>0</v>
      </c>
      <c r="KF20" s="122">
        <v>0</v>
      </c>
      <c r="KG20" s="122">
        <v>0</v>
      </c>
      <c r="KH20" s="122">
        <v>0</v>
      </c>
      <c r="KI20" s="122">
        <v>0</v>
      </c>
      <c r="KJ20" s="122">
        <v>0</v>
      </c>
      <c r="KK20" s="123">
        <v>0</v>
      </c>
      <c r="KL20" s="160">
        <v>0</v>
      </c>
      <c r="KM20" s="261">
        <v>0</v>
      </c>
      <c r="KN20" s="268">
        <v>0</v>
      </c>
      <c r="KO20" s="269">
        <v>0</v>
      </c>
      <c r="KP20" s="157"/>
      <c r="KQ20" s="122">
        <v>0</v>
      </c>
      <c r="KR20" s="122">
        <v>212355</v>
      </c>
      <c r="KS20" s="122">
        <v>430527</v>
      </c>
      <c r="KT20" s="122">
        <v>219429</v>
      </c>
      <c r="KU20" s="122">
        <v>0</v>
      </c>
      <c r="KV20" s="123">
        <v>862311</v>
      </c>
      <c r="KW20" s="357">
        <v>862311</v>
      </c>
      <c r="KX20" s="159">
        <v>0</v>
      </c>
      <c r="KY20" s="122">
        <v>0</v>
      </c>
      <c r="KZ20" s="123">
        <v>0</v>
      </c>
      <c r="LA20" s="162"/>
      <c r="LB20" s="122">
        <v>0</v>
      </c>
      <c r="LC20" s="122">
        <v>0</v>
      </c>
      <c r="LD20" s="122">
        <v>0</v>
      </c>
      <c r="LE20" s="122">
        <v>0</v>
      </c>
      <c r="LF20" s="122">
        <v>0</v>
      </c>
      <c r="LG20" s="123">
        <v>0</v>
      </c>
      <c r="LH20" s="124">
        <v>0</v>
      </c>
      <c r="LI20" s="159">
        <v>0</v>
      </c>
      <c r="LJ20" s="122">
        <v>0</v>
      </c>
      <c r="LK20" s="123">
        <v>0</v>
      </c>
      <c r="LL20" s="162"/>
      <c r="LM20" s="122">
        <v>0</v>
      </c>
      <c r="LN20" s="122">
        <v>0</v>
      </c>
      <c r="LO20" s="122">
        <v>0</v>
      </c>
      <c r="LP20" s="122">
        <v>0</v>
      </c>
      <c r="LQ20" s="122">
        <v>0</v>
      </c>
      <c r="LR20" s="123">
        <v>0</v>
      </c>
      <c r="LS20" s="357">
        <v>0</v>
      </c>
      <c r="LT20" s="159">
        <v>0</v>
      </c>
      <c r="LU20" s="122">
        <v>0</v>
      </c>
      <c r="LV20" s="123">
        <v>0</v>
      </c>
      <c r="LW20" s="162"/>
      <c r="LX20" s="122">
        <v>0</v>
      </c>
      <c r="LY20" s="122">
        <v>0</v>
      </c>
      <c r="LZ20" s="122">
        <v>0</v>
      </c>
      <c r="MA20" s="122">
        <v>0</v>
      </c>
      <c r="MB20" s="122">
        <v>0</v>
      </c>
      <c r="MC20" s="123">
        <v>0</v>
      </c>
      <c r="MD20" s="124">
        <v>0</v>
      </c>
      <c r="ME20" s="159">
        <v>0</v>
      </c>
      <c r="MF20" s="122">
        <v>0</v>
      </c>
      <c r="MG20" s="123">
        <v>0</v>
      </c>
      <c r="MH20" s="162"/>
      <c r="MI20" s="122">
        <v>189717</v>
      </c>
      <c r="MJ20" s="122">
        <v>0</v>
      </c>
      <c r="MK20" s="122">
        <v>233181</v>
      </c>
      <c r="ML20" s="122">
        <v>460971</v>
      </c>
      <c r="MM20" s="122">
        <v>401244</v>
      </c>
      <c r="MN20" s="123">
        <v>1285113</v>
      </c>
      <c r="MO20" s="160">
        <v>1285113</v>
      </c>
      <c r="MP20" s="159">
        <v>0</v>
      </c>
      <c r="MQ20" s="122">
        <v>0</v>
      </c>
      <c r="MR20" s="123">
        <v>0</v>
      </c>
      <c r="MS20" s="162"/>
      <c r="MT20" s="122">
        <v>0</v>
      </c>
      <c r="MU20" s="122">
        <v>0</v>
      </c>
      <c r="MV20" s="122">
        <v>0</v>
      </c>
      <c r="MW20" s="122">
        <v>215740</v>
      </c>
      <c r="MX20" s="122">
        <v>401244</v>
      </c>
      <c r="MY20" s="123">
        <v>616984</v>
      </c>
      <c r="MZ20" s="160">
        <v>616984</v>
      </c>
      <c r="NA20" s="159">
        <v>0</v>
      </c>
      <c r="NB20" s="122">
        <v>0</v>
      </c>
      <c r="NC20" s="123">
        <v>0</v>
      </c>
      <c r="ND20" s="162"/>
      <c r="NE20" s="122">
        <v>189717</v>
      </c>
      <c r="NF20" s="122">
        <v>0</v>
      </c>
      <c r="NG20" s="122">
        <v>233181</v>
      </c>
      <c r="NH20" s="122">
        <v>245231</v>
      </c>
      <c r="NI20" s="122">
        <v>0</v>
      </c>
      <c r="NJ20" s="123">
        <v>668129</v>
      </c>
      <c r="NK20" s="357">
        <v>668129</v>
      </c>
      <c r="NL20" s="159">
        <v>0</v>
      </c>
      <c r="NM20" s="122">
        <v>0</v>
      </c>
      <c r="NN20" s="123">
        <v>0</v>
      </c>
      <c r="NO20" s="162"/>
      <c r="NP20" s="122">
        <v>0</v>
      </c>
      <c r="NQ20" s="122">
        <v>0</v>
      </c>
      <c r="NR20" s="122">
        <v>0</v>
      </c>
      <c r="NS20" s="122">
        <v>0</v>
      </c>
      <c r="NT20" s="122">
        <v>0</v>
      </c>
      <c r="NU20" s="123">
        <v>0</v>
      </c>
      <c r="NV20" s="124">
        <v>0</v>
      </c>
      <c r="NW20" s="159">
        <v>0</v>
      </c>
      <c r="NX20" s="122">
        <v>0</v>
      </c>
      <c r="NY20" s="123">
        <v>0</v>
      </c>
      <c r="NZ20" s="162"/>
      <c r="OA20" s="122">
        <v>0</v>
      </c>
      <c r="OB20" s="122">
        <v>0</v>
      </c>
      <c r="OC20" s="122">
        <v>0</v>
      </c>
      <c r="OD20" s="122">
        <v>0</v>
      </c>
      <c r="OE20" s="122">
        <v>0</v>
      </c>
      <c r="OF20" s="123">
        <v>0</v>
      </c>
      <c r="OG20" s="124">
        <v>0</v>
      </c>
      <c r="OH20" s="159">
        <v>51199</v>
      </c>
      <c r="OI20" s="122">
        <v>326639</v>
      </c>
      <c r="OJ20" s="158">
        <v>377838</v>
      </c>
      <c r="OK20" s="121">
        <v>0</v>
      </c>
      <c r="OL20" s="122">
        <v>1566570</v>
      </c>
      <c r="OM20" s="122">
        <v>1286274</v>
      </c>
      <c r="ON20" s="122">
        <v>1858470</v>
      </c>
      <c r="OO20" s="122">
        <v>1808384</v>
      </c>
      <c r="OP20" s="122">
        <v>1392737</v>
      </c>
      <c r="OQ20" s="123">
        <v>7912435</v>
      </c>
      <c r="OR20" s="160">
        <v>178597.64189016601</v>
      </c>
    </row>
    <row r="21" spans="1:408" ht="20.25" customHeight="1" x14ac:dyDescent="0.2">
      <c r="A21" s="129" t="s">
        <v>16</v>
      </c>
      <c r="B21" s="112">
        <v>469324</v>
      </c>
      <c r="C21" s="116">
        <v>325602</v>
      </c>
      <c r="D21" s="115">
        <v>794926</v>
      </c>
      <c r="E21" s="111">
        <v>0</v>
      </c>
      <c r="F21" s="116">
        <v>3546998</v>
      </c>
      <c r="G21" s="116">
        <v>4783334</v>
      </c>
      <c r="H21" s="116">
        <v>2444831</v>
      </c>
      <c r="I21" s="116">
        <v>2695278</v>
      </c>
      <c r="J21" s="116">
        <v>2303318</v>
      </c>
      <c r="K21" s="111">
        <v>15773759</v>
      </c>
      <c r="L21" s="118">
        <v>16568685</v>
      </c>
      <c r="M21" s="112">
        <v>73213</v>
      </c>
      <c r="N21" s="116">
        <v>52993</v>
      </c>
      <c r="O21" s="115">
        <v>126206</v>
      </c>
      <c r="P21" s="112">
        <v>0</v>
      </c>
      <c r="Q21" s="116">
        <v>451644</v>
      </c>
      <c r="R21" s="116">
        <v>1059706</v>
      </c>
      <c r="S21" s="116">
        <v>921946</v>
      </c>
      <c r="T21" s="116">
        <v>272007</v>
      </c>
      <c r="U21" s="116">
        <v>395402</v>
      </c>
      <c r="V21" s="115">
        <v>3100705</v>
      </c>
      <c r="W21" s="118">
        <v>3226911</v>
      </c>
      <c r="X21" s="112">
        <v>0</v>
      </c>
      <c r="Y21" s="116">
        <v>0</v>
      </c>
      <c r="Z21" s="115">
        <v>0</v>
      </c>
      <c r="AA21" s="112">
        <v>0</v>
      </c>
      <c r="AB21" s="116">
        <v>160361</v>
      </c>
      <c r="AC21" s="116">
        <v>430489</v>
      </c>
      <c r="AD21" s="116">
        <v>421591</v>
      </c>
      <c r="AE21" s="116">
        <v>67533</v>
      </c>
      <c r="AF21" s="116">
        <v>109838</v>
      </c>
      <c r="AG21" s="115">
        <v>1189812</v>
      </c>
      <c r="AH21" s="118">
        <v>1189812</v>
      </c>
      <c r="AI21" s="112">
        <v>0</v>
      </c>
      <c r="AJ21" s="116">
        <v>0</v>
      </c>
      <c r="AK21" s="115">
        <v>0</v>
      </c>
      <c r="AL21" s="112">
        <v>0</v>
      </c>
      <c r="AM21" s="116">
        <v>0</v>
      </c>
      <c r="AN21" s="116">
        <v>39445</v>
      </c>
      <c r="AO21" s="116">
        <v>19722</v>
      </c>
      <c r="AP21" s="116">
        <v>0</v>
      </c>
      <c r="AQ21" s="116">
        <v>70471</v>
      </c>
      <c r="AR21" s="115">
        <v>129638</v>
      </c>
      <c r="AS21" s="118">
        <v>129638</v>
      </c>
      <c r="AT21" s="112">
        <v>32704</v>
      </c>
      <c r="AU21" s="116">
        <v>25834</v>
      </c>
      <c r="AV21" s="115">
        <v>58538</v>
      </c>
      <c r="AW21" s="112">
        <v>0</v>
      </c>
      <c r="AX21" s="116">
        <v>136758</v>
      </c>
      <c r="AY21" s="116">
        <v>462960</v>
      </c>
      <c r="AZ21" s="116">
        <v>352827</v>
      </c>
      <c r="BA21" s="116">
        <v>86643</v>
      </c>
      <c r="BB21" s="116">
        <v>105935</v>
      </c>
      <c r="BC21" s="115">
        <v>1145123</v>
      </c>
      <c r="BD21" s="118">
        <v>1203661</v>
      </c>
      <c r="BE21" s="112">
        <v>0</v>
      </c>
      <c r="BF21" s="116">
        <v>27159</v>
      </c>
      <c r="BG21" s="114">
        <v>27159</v>
      </c>
      <c r="BH21" s="113">
        <v>0</v>
      </c>
      <c r="BI21" s="116">
        <v>0</v>
      </c>
      <c r="BJ21" s="116">
        <v>0</v>
      </c>
      <c r="BK21" s="116">
        <v>50470</v>
      </c>
      <c r="BL21" s="116">
        <v>0</v>
      </c>
      <c r="BM21" s="116">
        <v>0</v>
      </c>
      <c r="BN21" s="115">
        <v>50470</v>
      </c>
      <c r="BO21" s="118">
        <v>77629</v>
      </c>
      <c r="BP21" s="112">
        <v>40509</v>
      </c>
      <c r="BQ21" s="116">
        <v>0</v>
      </c>
      <c r="BR21" s="115">
        <v>40509</v>
      </c>
      <c r="BS21" s="112">
        <v>0</v>
      </c>
      <c r="BT21" s="116">
        <v>154525</v>
      </c>
      <c r="BU21" s="116">
        <v>126812</v>
      </c>
      <c r="BV21" s="116">
        <v>77336</v>
      </c>
      <c r="BW21" s="116">
        <v>117831</v>
      </c>
      <c r="BX21" s="116">
        <v>109158</v>
      </c>
      <c r="BY21" s="115">
        <v>585662</v>
      </c>
      <c r="BZ21" s="118">
        <v>626171</v>
      </c>
      <c r="CA21" s="112">
        <v>92559</v>
      </c>
      <c r="CB21" s="116">
        <v>171949</v>
      </c>
      <c r="CC21" s="115">
        <v>264508</v>
      </c>
      <c r="CD21" s="112">
        <v>0</v>
      </c>
      <c r="CE21" s="116">
        <v>1070620</v>
      </c>
      <c r="CF21" s="116">
        <v>1563263</v>
      </c>
      <c r="CG21" s="116">
        <v>781699</v>
      </c>
      <c r="CH21" s="116">
        <v>176660</v>
      </c>
      <c r="CI21" s="116">
        <v>85274</v>
      </c>
      <c r="CJ21" s="115">
        <v>3677516</v>
      </c>
      <c r="CK21" s="118">
        <v>3942024</v>
      </c>
      <c r="CL21" s="112">
        <v>0</v>
      </c>
      <c r="CM21" s="116">
        <v>0</v>
      </c>
      <c r="CN21" s="115">
        <v>0</v>
      </c>
      <c r="CO21" s="113">
        <v>0</v>
      </c>
      <c r="CP21" s="116">
        <v>659005</v>
      </c>
      <c r="CQ21" s="116">
        <v>833311</v>
      </c>
      <c r="CR21" s="116">
        <v>524553</v>
      </c>
      <c r="CS21" s="116">
        <v>176660</v>
      </c>
      <c r="CT21" s="116">
        <v>85274</v>
      </c>
      <c r="CU21" s="115">
        <v>2278803</v>
      </c>
      <c r="CV21" s="118">
        <v>2278803</v>
      </c>
      <c r="CW21" s="112">
        <v>92559</v>
      </c>
      <c r="CX21" s="116">
        <v>171949</v>
      </c>
      <c r="CY21" s="115">
        <v>264508</v>
      </c>
      <c r="CZ21" s="112">
        <v>0</v>
      </c>
      <c r="DA21" s="116">
        <v>411615</v>
      </c>
      <c r="DB21" s="116">
        <v>729952</v>
      </c>
      <c r="DC21" s="116">
        <v>257146</v>
      </c>
      <c r="DD21" s="116">
        <v>0</v>
      </c>
      <c r="DE21" s="116">
        <v>0</v>
      </c>
      <c r="DF21" s="115">
        <v>1398713</v>
      </c>
      <c r="DG21" s="118">
        <v>1663221</v>
      </c>
      <c r="DH21" s="112">
        <v>0</v>
      </c>
      <c r="DI21" s="116">
        <v>0</v>
      </c>
      <c r="DJ21" s="114">
        <v>0</v>
      </c>
      <c r="DK21" s="113">
        <v>0</v>
      </c>
      <c r="DL21" s="116">
        <v>167894</v>
      </c>
      <c r="DM21" s="116">
        <v>120255</v>
      </c>
      <c r="DN21" s="116">
        <v>147781</v>
      </c>
      <c r="DO21" s="116">
        <v>0</v>
      </c>
      <c r="DP21" s="116">
        <v>178756</v>
      </c>
      <c r="DQ21" s="115">
        <v>614686</v>
      </c>
      <c r="DR21" s="118">
        <v>614686</v>
      </c>
      <c r="DS21" s="112">
        <v>0</v>
      </c>
      <c r="DT21" s="116">
        <v>0</v>
      </c>
      <c r="DU21" s="115">
        <v>0</v>
      </c>
      <c r="DV21" s="112">
        <v>0</v>
      </c>
      <c r="DW21" s="116">
        <v>167894</v>
      </c>
      <c r="DX21" s="116">
        <v>120255</v>
      </c>
      <c r="DY21" s="116">
        <v>121348</v>
      </c>
      <c r="DZ21" s="116">
        <v>0</v>
      </c>
      <c r="EA21" s="116">
        <v>178756</v>
      </c>
      <c r="EB21" s="115">
        <v>588253</v>
      </c>
      <c r="EC21" s="118">
        <v>588253</v>
      </c>
      <c r="ED21" s="112">
        <v>0</v>
      </c>
      <c r="EE21" s="114">
        <v>0</v>
      </c>
      <c r="EF21" s="115">
        <v>0</v>
      </c>
      <c r="EG21" s="112">
        <v>0</v>
      </c>
      <c r="EH21" s="116">
        <v>0</v>
      </c>
      <c r="EI21" s="116">
        <v>0</v>
      </c>
      <c r="EJ21" s="116">
        <v>26433</v>
      </c>
      <c r="EK21" s="116">
        <v>0</v>
      </c>
      <c r="EL21" s="116">
        <v>0</v>
      </c>
      <c r="EM21" s="114">
        <v>26433</v>
      </c>
      <c r="EN21" s="118">
        <v>26433</v>
      </c>
      <c r="EO21" s="112">
        <v>0</v>
      </c>
      <c r="EP21" s="116">
        <v>0</v>
      </c>
      <c r="EQ21" s="114">
        <v>0</v>
      </c>
      <c r="ER21" s="113">
        <v>0</v>
      </c>
      <c r="ES21" s="116">
        <v>0</v>
      </c>
      <c r="ET21" s="116">
        <v>0</v>
      </c>
      <c r="EU21" s="116">
        <v>0</v>
      </c>
      <c r="EV21" s="116">
        <v>0</v>
      </c>
      <c r="EW21" s="116">
        <v>0</v>
      </c>
      <c r="EX21" s="115">
        <v>0</v>
      </c>
      <c r="EY21" s="118">
        <v>0</v>
      </c>
      <c r="EZ21" s="112">
        <v>0</v>
      </c>
      <c r="FA21" s="116">
        <v>0</v>
      </c>
      <c r="FB21" s="114">
        <v>0</v>
      </c>
      <c r="FC21" s="390"/>
      <c r="FD21" s="116">
        <v>0</v>
      </c>
      <c r="FE21" s="116">
        <v>0</v>
      </c>
      <c r="FF21" s="116">
        <v>0</v>
      </c>
      <c r="FG21" s="116">
        <v>0</v>
      </c>
      <c r="FH21" s="116">
        <v>0</v>
      </c>
      <c r="FI21" s="115">
        <v>0</v>
      </c>
      <c r="FJ21" s="118">
        <v>0</v>
      </c>
      <c r="FK21" s="112">
        <v>20230</v>
      </c>
      <c r="FL21" s="116">
        <v>100660</v>
      </c>
      <c r="FM21" s="115">
        <v>120890</v>
      </c>
      <c r="FN21" s="112">
        <v>0</v>
      </c>
      <c r="FO21" s="116">
        <v>91567</v>
      </c>
      <c r="FP21" s="116">
        <v>343917</v>
      </c>
      <c r="FQ21" s="116">
        <v>292145</v>
      </c>
      <c r="FR21" s="116">
        <v>194033</v>
      </c>
      <c r="FS21" s="116">
        <v>218169</v>
      </c>
      <c r="FT21" s="115">
        <v>1139831</v>
      </c>
      <c r="FU21" s="118">
        <v>1260721</v>
      </c>
      <c r="FV21" s="117">
        <v>20230</v>
      </c>
      <c r="FW21" s="116">
        <v>100660</v>
      </c>
      <c r="FX21" s="114">
        <v>120890</v>
      </c>
      <c r="FY21" s="113">
        <v>0</v>
      </c>
      <c r="FZ21" s="116">
        <v>91567</v>
      </c>
      <c r="GA21" s="116">
        <v>311269</v>
      </c>
      <c r="GB21" s="116">
        <v>292145</v>
      </c>
      <c r="GC21" s="116">
        <v>116893</v>
      </c>
      <c r="GD21" s="116">
        <v>197841</v>
      </c>
      <c r="GE21" s="115">
        <v>1009715</v>
      </c>
      <c r="GF21" s="354">
        <v>1130605</v>
      </c>
      <c r="GG21" s="117">
        <v>0</v>
      </c>
      <c r="GH21" s="116">
        <v>0</v>
      </c>
      <c r="GI21" s="114">
        <v>0</v>
      </c>
      <c r="GJ21" s="113">
        <v>0</v>
      </c>
      <c r="GK21" s="116">
        <v>0</v>
      </c>
      <c r="GL21" s="116">
        <v>32648</v>
      </c>
      <c r="GM21" s="116">
        <v>0</v>
      </c>
      <c r="GN21" s="116">
        <v>12320</v>
      </c>
      <c r="GO21" s="116">
        <v>20328</v>
      </c>
      <c r="GP21" s="115">
        <v>65296</v>
      </c>
      <c r="GQ21" s="118">
        <v>65296</v>
      </c>
      <c r="GR21" s="112">
        <v>0</v>
      </c>
      <c r="GS21" s="116">
        <v>0</v>
      </c>
      <c r="GT21" s="115">
        <v>0</v>
      </c>
      <c r="GU21" s="112">
        <v>0</v>
      </c>
      <c r="GV21" s="116">
        <v>0</v>
      </c>
      <c r="GW21" s="116">
        <v>0</v>
      </c>
      <c r="GX21" s="116">
        <v>0</v>
      </c>
      <c r="GY21" s="116">
        <v>64820</v>
      </c>
      <c r="GZ21" s="116">
        <v>0</v>
      </c>
      <c r="HA21" s="114">
        <v>64820</v>
      </c>
      <c r="HB21" s="118">
        <v>64820</v>
      </c>
      <c r="HC21" s="112">
        <v>283322</v>
      </c>
      <c r="HD21" s="116">
        <v>0</v>
      </c>
      <c r="HE21" s="114">
        <v>283322</v>
      </c>
      <c r="HF21" s="113">
        <v>0</v>
      </c>
      <c r="HG21" s="116">
        <v>1765273</v>
      </c>
      <c r="HH21" s="116">
        <v>1696193</v>
      </c>
      <c r="HI21" s="116">
        <v>301260</v>
      </c>
      <c r="HJ21" s="116">
        <v>2052578</v>
      </c>
      <c r="HK21" s="116">
        <v>1425717</v>
      </c>
      <c r="HL21" s="115">
        <v>7241021</v>
      </c>
      <c r="HM21" s="111">
        <v>7524343</v>
      </c>
      <c r="HN21" s="370"/>
      <c r="HO21" s="371"/>
      <c r="HP21" s="372"/>
      <c r="HQ21" s="373"/>
      <c r="HR21" s="371"/>
      <c r="HS21" s="371"/>
      <c r="HT21" s="371"/>
      <c r="HU21" s="371"/>
      <c r="HV21" s="371"/>
      <c r="HW21" s="374"/>
      <c r="HX21" s="375"/>
      <c r="HY21" s="148">
        <v>0</v>
      </c>
      <c r="HZ21" s="149">
        <v>0</v>
      </c>
      <c r="IA21" s="150">
        <v>0</v>
      </c>
      <c r="IB21" s="163">
        <v>0</v>
      </c>
      <c r="IC21" s="149">
        <v>253134</v>
      </c>
      <c r="ID21" s="164">
        <v>778033</v>
      </c>
      <c r="IE21" s="150">
        <v>783158</v>
      </c>
      <c r="IF21" s="149">
        <v>257479</v>
      </c>
      <c r="IG21" s="150">
        <v>601928</v>
      </c>
      <c r="IH21" s="165">
        <v>2673732</v>
      </c>
      <c r="II21" s="156">
        <v>2673732</v>
      </c>
      <c r="IJ21" s="261">
        <v>0</v>
      </c>
      <c r="IK21" s="268">
        <v>0</v>
      </c>
      <c r="IL21" s="269">
        <v>0</v>
      </c>
      <c r="IM21" s="157"/>
      <c r="IN21" s="122">
        <v>0</v>
      </c>
      <c r="IO21" s="122">
        <v>24872</v>
      </c>
      <c r="IP21" s="122">
        <v>0</v>
      </c>
      <c r="IQ21" s="122">
        <v>0</v>
      </c>
      <c r="IR21" s="122">
        <v>230723</v>
      </c>
      <c r="IS21" s="158">
        <v>255595</v>
      </c>
      <c r="IT21" s="357">
        <v>255595</v>
      </c>
      <c r="IU21" s="159">
        <v>0</v>
      </c>
      <c r="IV21" s="122">
        <v>0</v>
      </c>
      <c r="IW21" s="123">
        <v>0</v>
      </c>
      <c r="IX21" s="161"/>
      <c r="IY21" s="122">
        <v>0</v>
      </c>
      <c r="IZ21" s="122">
        <v>11568</v>
      </c>
      <c r="JA21" s="122">
        <v>14062</v>
      </c>
      <c r="JB21" s="122">
        <v>0</v>
      </c>
      <c r="JC21" s="122">
        <v>0</v>
      </c>
      <c r="JD21" s="123">
        <v>25630</v>
      </c>
      <c r="JE21" s="124">
        <v>25630</v>
      </c>
      <c r="JF21" s="159">
        <v>0</v>
      </c>
      <c r="JG21" s="122">
        <v>0</v>
      </c>
      <c r="JH21" s="158">
        <v>0</v>
      </c>
      <c r="JI21" s="121">
        <v>0</v>
      </c>
      <c r="JJ21" s="122">
        <v>253134</v>
      </c>
      <c r="JK21" s="122">
        <v>186665</v>
      </c>
      <c r="JL21" s="122">
        <v>448716</v>
      </c>
      <c r="JM21" s="122">
        <v>35534</v>
      </c>
      <c r="JN21" s="122">
        <v>124311</v>
      </c>
      <c r="JO21" s="123">
        <v>1048360</v>
      </c>
      <c r="JP21" s="357">
        <v>1048360</v>
      </c>
      <c r="JQ21" s="159">
        <v>0</v>
      </c>
      <c r="JR21" s="122">
        <v>0</v>
      </c>
      <c r="JS21" s="158">
        <v>0</v>
      </c>
      <c r="JT21" s="121">
        <v>0</v>
      </c>
      <c r="JU21" s="122">
        <v>0</v>
      </c>
      <c r="JV21" s="122">
        <v>134409</v>
      </c>
      <c r="JW21" s="122">
        <v>94639</v>
      </c>
      <c r="JX21" s="122">
        <v>0</v>
      </c>
      <c r="JY21" s="122">
        <v>0</v>
      </c>
      <c r="JZ21" s="123">
        <v>229048</v>
      </c>
      <c r="KA21" s="357">
        <v>229048</v>
      </c>
      <c r="KB21" s="264">
        <v>0</v>
      </c>
      <c r="KC21" s="258">
        <v>0</v>
      </c>
      <c r="KD21" s="123">
        <v>0</v>
      </c>
      <c r="KE21" s="121">
        <v>0</v>
      </c>
      <c r="KF21" s="122">
        <v>0</v>
      </c>
      <c r="KG21" s="122">
        <v>0</v>
      </c>
      <c r="KH21" s="122">
        <v>0</v>
      </c>
      <c r="KI21" s="122">
        <v>0</v>
      </c>
      <c r="KJ21" s="122">
        <v>246894</v>
      </c>
      <c r="KK21" s="123">
        <v>246894</v>
      </c>
      <c r="KL21" s="160">
        <v>246894</v>
      </c>
      <c r="KM21" s="261">
        <v>0</v>
      </c>
      <c r="KN21" s="268">
        <v>0</v>
      </c>
      <c r="KO21" s="269">
        <v>0</v>
      </c>
      <c r="KP21" s="157"/>
      <c r="KQ21" s="122">
        <v>0</v>
      </c>
      <c r="KR21" s="122">
        <v>420519</v>
      </c>
      <c r="KS21" s="122">
        <v>225741</v>
      </c>
      <c r="KT21" s="122">
        <v>221945</v>
      </c>
      <c r="KU21" s="122">
        <v>0</v>
      </c>
      <c r="KV21" s="123">
        <v>868205</v>
      </c>
      <c r="KW21" s="357">
        <v>868205</v>
      </c>
      <c r="KX21" s="159">
        <v>0</v>
      </c>
      <c r="KY21" s="122">
        <v>0</v>
      </c>
      <c r="KZ21" s="123">
        <v>0</v>
      </c>
      <c r="LA21" s="162"/>
      <c r="LB21" s="122">
        <v>0</v>
      </c>
      <c r="LC21" s="122">
        <v>0</v>
      </c>
      <c r="LD21" s="122">
        <v>0</v>
      </c>
      <c r="LE21" s="122">
        <v>0</v>
      </c>
      <c r="LF21" s="122">
        <v>0</v>
      </c>
      <c r="LG21" s="123">
        <v>0</v>
      </c>
      <c r="LH21" s="124">
        <v>0</v>
      </c>
      <c r="LI21" s="159">
        <v>0</v>
      </c>
      <c r="LJ21" s="122">
        <v>0</v>
      </c>
      <c r="LK21" s="123">
        <v>0</v>
      </c>
      <c r="LL21" s="162"/>
      <c r="LM21" s="122">
        <v>0</v>
      </c>
      <c r="LN21" s="122">
        <v>0</v>
      </c>
      <c r="LO21" s="122">
        <v>0</v>
      </c>
      <c r="LP21" s="122">
        <v>0</v>
      </c>
      <c r="LQ21" s="122">
        <v>0</v>
      </c>
      <c r="LR21" s="123">
        <v>0</v>
      </c>
      <c r="LS21" s="357">
        <v>0</v>
      </c>
      <c r="LT21" s="159">
        <v>0</v>
      </c>
      <c r="LU21" s="122">
        <v>0</v>
      </c>
      <c r="LV21" s="123">
        <v>0</v>
      </c>
      <c r="LW21" s="162"/>
      <c r="LX21" s="122">
        <v>0</v>
      </c>
      <c r="LY21" s="122">
        <v>0</v>
      </c>
      <c r="LZ21" s="122">
        <v>0</v>
      </c>
      <c r="MA21" s="122">
        <v>0</v>
      </c>
      <c r="MB21" s="122">
        <v>0</v>
      </c>
      <c r="MC21" s="123">
        <v>0</v>
      </c>
      <c r="MD21" s="124">
        <v>0</v>
      </c>
      <c r="ME21" s="159">
        <v>0</v>
      </c>
      <c r="MF21" s="122">
        <v>0</v>
      </c>
      <c r="MG21" s="123">
        <v>0</v>
      </c>
      <c r="MH21" s="162"/>
      <c r="MI21" s="122">
        <v>415356</v>
      </c>
      <c r="MJ21" s="122">
        <v>660267</v>
      </c>
      <c r="MK21" s="122">
        <v>2193154</v>
      </c>
      <c r="ML21" s="122">
        <v>2881404</v>
      </c>
      <c r="MM21" s="122">
        <v>779170</v>
      </c>
      <c r="MN21" s="123">
        <v>6929351</v>
      </c>
      <c r="MO21" s="160">
        <v>6929351</v>
      </c>
      <c r="MP21" s="159">
        <v>0</v>
      </c>
      <c r="MQ21" s="122">
        <v>0</v>
      </c>
      <c r="MR21" s="123">
        <v>0</v>
      </c>
      <c r="MS21" s="162"/>
      <c r="MT21" s="122">
        <v>0</v>
      </c>
      <c r="MU21" s="122">
        <v>0</v>
      </c>
      <c r="MV21" s="122">
        <v>1331181</v>
      </c>
      <c r="MW21" s="122">
        <v>1056947</v>
      </c>
      <c r="MX21" s="122">
        <v>0</v>
      </c>
      <c r="MY21" s="123">
        <v>2388128</v>
      </c>
      <c r="MZ21" s="160">
        <v>2388128</v>
      </c>
      <c r="NA21" s="159">
        <v>0</v>
      </c>
      <c r="NB21" s="122">
        <v>0</v>
      </c>
      <c r="NC21" s="123">
        <v>0</v>
      </c>
      <c r="ND21" s="162"/>
      <c r="NE21" s="122">
        <v>415356</v>
      </c>
      <c r="NF21" s="122">
        <v>660267</v>
      </c>
      <c r="NG21" s="122">
        <v>861973</v>
      </c>
      <c r="NH21" s="122">
        <v>1531267</v>
      </c>
      <c r="NI21" s="122">
        <v>779170</v>
      </c>
      <c r="NJ21" s="123">
        <v>4248033</v>
      </c>
      <c r="NK21" s="357">
        <v>4248033</v>
      </c>
      <c r="NL21" s="159">
        <v>0</v>
      </c>
      <c r="NM21" s="122">
        <v>0</v>
      </c>
      <c r="NN21" s="123">
        <v>0</v>
      </c>
      <c r="NO21" s="162"/>
      <c r="NP21" s="122">
        <v>0</v>
      </c>
      <c r="NQ21" s="122">
        <v>0</v>
      </c>
      <c r="NR21" s="122">
        <v>0</v>
      </c>
      <c r="NS21" s="122">
        <v>0</v>
      </c>
      <c r="NT21" s="122">
        <v>0</v>
      </c>
      <c r="NU21" s="123">
        <v>0</v>
      </c>
      <c r="NV21" s="124">
        <v>0</v>
      </c>
      <c r="NW21" s="159">
        <v>0</v>
      </c>
      <c r="NX21" s="122">
        <v>0</v>
      </c>
      <c r="NY21" s="123">
        <v>0</v>
      </c>
      <c r="NZ21" s="162"/>
      <c r="OA21" s="122">
        <v>0</v>
      </c>
      <c r="OB21" s="122">
        <v>0</v>
      </c>
      <c r="OC21" s="122">
        <v>0</v>
      </c>
      <c r="OD21" s="122">
        <v>293190</v>
      </c>
      <c r="OE21" s="122">
        <v>0</v>
      </c>
      <c r="OF21" s="123">
        <v>293190</v>
      </c>
      <c r="OG21" s="124">
        <v>293190</v>
      </c>
      <c r="OH21" s="159">
        <v>469324</v>
      </c>
      <c r="OI21" s="122">
        <v>325602</v>
      </c>
      <c r="OJ21" s="158">
        <v>794926</v>
      </c>
      <c r="OK21" s="121">
        <v>0</v>
      </c>
      <c r="OL21" s="122">
        <v>4215488</v>
      </c>
      <c r="OM21" s="122">
        <v>6221634</v>
      </c>
      <c r="ON21" s="122">
        <v>5421143</v>
      </c>
      <c r="OO21" s="122">
        <v>5834161</v>
      </c>
      <c r="OP21" s="122">
        <v>3684416</v>
      </c>
      <c r="OQ21" s="123">
        <v>25376842</v>
      </c>
      <c r="OR21" s="160">
        <v>666312.10556467797</v>
      </c>
    </row>
    <row r="22" spans="1:408" ht="20.25" customHeight="1" x14ac:dyDescent="0.2">
      <c r="A22" s="129" t="s">
        <v>17</v>
      </c>
      <c r="B22" s="112">
        <v>284666</v>
      </c>
      <c r="C22" s="116">
        <v>946891</v>
      </c>
      <c r="D22" s="115">
        <v>1231557</v>
      </c>
      <c r="E22" s="111">
        <v>0</v>
      </c>
      <c r="F22" s="116">
        <v>3981228</v>
      </c>
      <c r="G22" s="116">
        <v>6806969</v>
      </c>
      <c r="H22" s="116">
        <v>5389245</v>
      </c>
      <c r="I22" s="116">
        <v>5696252</v>
      </c>
      <c r="J22" s="116">
        <v>3046437</v>
      </c>
      <c r="K22" s="111">
        <v>24920131</v>
      </c>
      <c r="L22" s="118">
        <v>26151688</v>
      </c>
      <c r="M22" s="112">
        <v>94457</v>
      </c>
      <c r="N22" s="116">
        <v>212614</v>
      </c>
      <c r="O22" s="115">
        <v>307071</v>
      </c>
      <c r="P22" s="112">
        <v>0</v>
      </c>
      <c r="Q22" s="116">
        <v>653155</v>
      </c>
      <c r="R22" s="116">
        <v>2256381</v>
      </c>
      <c r="S22" s="116">
        <v>1453636</v>
      </c>
      <c r="T22" s="116">
        <v>1287431</v>
      </c>
      <c r="U22" s="116">
        <v>1484857</v>
      </c>
      <c r="V22" s="115">
        <v>7135460</v>
      </c>
      <c r="W22" s="118">
        <v>7442531</v>
      </c>
      <c r="X22" s="112">
        <v>0</v>
      </c>
      <c r="Y22" s="116">
        <v>0</v>
      </c>
      <c r="Z22" s="115">
        <v>0</v>
      </c>
      <c r="AA22" s="112">
        <v>0</v>
      </c>
      <c r="AB22" s="116">
        <v>120738</v>
      </c>
      <c r="AC22" s="116">
        <v>1128081</v>
      </c>
      <c r="AD22" s="116">
        <v>762551</v>
      </c>
      <c r="AE22" s="116">
        <v>302773</v>
      </c>
      <c r="AF22" s="116">
        <v>799429</v>
      </c>
      <c r="AG22" s="115">
        <v>3113572</v>
      </c>
      <c r="AH22" s="118">
        <v>3113572</v>
      </c>
      <c r="AI22" s="112">
        <v>0</v>
      </c>
      <c r="AJ22" s="116">
        <v>0</v>
      </c>
      <c r="AK22" s="115">
        <v>0</v>
      </c>
      <c r="AL22" s="112">
        <v>0</v>
      </c>
      <c r="AM22" s="116">
        <v>0</v>
      </c>
      <c r="AN22" s="116">
        <v>132086</v>
      </c>
      <c r="AO22" s="116">
        <v>22148</v>
      </c>
      <c r="AP22" s="116">
        <v>194628</v>
      </c>
      <c r="AQ22" s="116">
        <v>223691</v>
      </c>
      <c r="AR22" s="115">
        <v>572553</v>
      </c>
      <c r="AS22" s="118">
        <v>572553</v>
      </c>
      <c r="AT22" s="112">
        <v>75011</v>
      </c>
      <c r="AU22" s="116">
        <v>147619</v>
      </c>
      <c r="AV22" s="115">
        <v>222630</v>
      </c>
      <c r="AW22" s="112">
        <v>0</v>
      </c>
      <c r="AX22" s="116">
        <v>331727</v>
      </c>
      <c r="AY22" s="116">
        <v>684758</v>
      </c>
      <c r="AZ22" s="116">
        <v>350518</v>
      </c>
      <c r="BA22" s="116">
        <v>408642</v>
      </c>
      <c r="BB22" s="116">
        <v>284574</v>
      </c>
      <c r="BC22" s="115">
        <v>2060219</v>
      </c>
      <c r="BD22" s="118">
        <v>2282849</v>
      </c>
      <c r="BE22" s="112">
        <v>0</v>
      </c>
      <c r="BF22" s="116">
        <v>0</v>
      </c>
      <c r="BG22" s="114">
        <v>0</v>
      </c>
      <c r="BH22" s="113">
        <v>0</v>
      </c>
      <c r="BI22" s="116">
        <v>0</v>
      </c>
      <c r="BJ22" s="116">
        <v>28026</v>
      </c>
      <c r="BK22" s="116">
        <v>70066</v>
      </c>
      <c r="BL22" s="116">
        <v>37898</v>
      </c>
      <c r="BM22" s="116">
        <v>0</v>
      </c>
      <c r="BN22" s="115">
        <v>135990</v>
      </c>
      <c r="BO22" s="118">
        <v>135990</v>
      </c>
      <c r="BP22" s="112">
        <v>19446</v>
      </c>
      <c r="BQ22" s="116">
        <v>64995</v>
      </c>
      <c r="BR22" s="115">
        <v>84441</v>
      </c>
      <c r="BS22" s="112">
        <v>0</v>
      </c>
      <c r="BT22" s="116">
        <v>200690</v>
      </c>
      <c r="BU22" s="116">
        <v>283430</v>
      </c>
      <c r="BV22" s="116">
        <v>248353</v>
      </c>
      <c r="BW22" s="116">
        <v>343490</v>
      </c>
      <c r="BX22" s="116">
        <v>177163</v>
      </c>
      <c r="BY22" s="115">
        <v>1253126</v>
      </c>
      <c r="BZ22" s="118">
        <v>1337567</v>
      </c>
      <c r="CA22" s="112">
        <v>31213</v>
      </c>
      <c r="CB22" s="116">
        <v>196662</v>
      </c>
      <c r="CC22" s="115">
        <v>227875</v>
      </c>
      <c r="CD22" s="112">
        <v>0</v>
      </c>
      <c r="CE22" s="116">
        <v>1544780</v>
      </c>
      <c r="CF22" s="116">
        <v>2137902</v>
      </c>
      <c r="CG22" s="116">
        <v>1766999</v>
      </c>
      <c r="CH22" s="116">
        <v>591473</v>
      </c>
      <c r="CI22" s="116">
        <v>238006</v>
      </c>
      <c r="CJ22" s="115">
        <v>6279160</v>
      </c>
      <c r="CK22" s="118">
        <v>6507035</v>
      </c>
      <c r="CL22" s="112">
        <v>0</v>
      </c>
      <c r="CM22" s="116">
        <v>0</v>
      </c>
      <c r="CN22" s="115">
        <v>0</v>
      </c>
      <c r="CO22" s="113">
        <v>0</v>
      </c>
      <c r="CP22" s="116">
        <v>1180388</v>
      </c>
      <c r="CQ22" s="116">
        <v>1908651</v>
      </c>
      <c r="CR22" s="116">
        <v>1321227</v>
      </c>
      <c r="CS22" s="116">
        <v>476059</v>
      </c>
      <c r="CT22" s="116">
        <v>238006</v>
      </c>
      <c r="CU22" s="115">
        <v>5124331</v>
      </c>
      <c r="CV22" s="118">
        <v>5124331</v>
      </c>
      <c r="CW22" s="112">
        <v>31213</v>
      </c>
      <c r="CX22" s="116">
        <v>196662</v>
      </c>
      <c r="CY22" s="115">
        <v>227875</v>
      </c>
      <c r="CZ22" s="112">
        <v>0</v>
      </c>
      <c r="DA22" s="116">
        <v>364392</v>
      </c>
      <c r="DB22" s="116">
        <v>229251</v>
      </c>
      <c r="DC22" s="116">
        <v>445772</v>
      </c>
      <c r="DD22" s="116">
        <v>115414</v>
      </c>
      <c r="DE22" s="116">
        <v>0</v>
      </c>
      <c r="DF22" s="115">
        <v>1154829</v>
      </c>
      <c r="DG22" s="118">
        <v>1382704</v>
      </c>
      <c r="DH22" s="112">
        <v>0</v>
      </c>
      <c r="DI22" s="116">
        <v>0</v>
      </c>
      <c r="DJ22" s="114">
        <v>0</v>
      </c>
      <c r="DK22" s="113">
        <v>0</v>
      </c>
      <c r="DL22" s="116">
        <v>47315</v>
      </c>
      <c r="DM22" s="116">
        <v>450925</v>
      </c>
      <c r="DN22" s="116">
        <v>646570</v>
      </c>
      <c r="DO22" s="116">
        <v>433225</v>
      </c>
      <c r="DP22" s="116">
        <v>0</v>
      </c>
      <c r="DQ22" s="115">
        <v>1578035</v>
      </c>
      <c r="DR22" s="118">
        <v>1578035</v>
      </c>
      <c r="DS22" s="112">
        <v>0</v>
      </c>
      <c r="DT22" s="116">
        <v>0</v>
      </c>
      <c r="DU22" s="115">
        <v>0</v>
      </c>
      <c r="DV22" s="112">
        <v>0</v>
      </c>
      <c r="DW22" s="116">
        <v>47315</v>
      </c>
      <c r="DX22" s="116">
        <v>450925</v>
      </c>
      <c r="DY22" s="116">
        <v>498184</v>
      </c>
      <c r="DZ22" s="116">
        <v>433225</v>
      </c>
      <c r="EA22" s="116">
        <v>0</v>
      </c>
      <c r="EB22" s="115">
        <v>1429649</v>
      </c>
      <c r="EC22" s="118">
        <v>1429649</v>
      </c>
      <c r="ED22" s="112">
        <v>0</v>
      </c>
      <c r="EE22" s="114">
        <v>0</v>
      </c>
      <c r="EF22" s="115">
        <v>0</v>
      </c>
      <c r="EG22" s="112">
        <v>0</v>
      </c>
      <c r="EH22" s="116">
        <v>0</v>
      </c>
      <c r="EI22" s="116">
        <v>0</v>
      </c>
      <c r="EJ22" s="116">
        <v>148386</v>
      </c>
      <c r="EK22" s="116">
        <v>0</v>
      </c>
      <c r="EL22" s="116">
        <v>0</v>
      </c>
      <c r="EM22" s="114">
        <v>148386</v>
      </c>
      <c r="EN22" s="118">
        <v>148386</v>
      </c>
      <c r="EO22" s="112">
        <v>0</v>
      </c>
      <c r="EP22" s="116">
        <v>0</v>
      </c>
      <c r="EQ22" s="114">
        <v>0</v>
      </c>
      <c r="ER22" s="113">
        <v>0</v>
      </c>
      <c r="ES22" s="116">
        <v>0</v>
      </c>
      <c r="ET22" s="116">
        <v>0</v>
      </c>
      <c r="EU22" s="116">
        <v>0</v>
      </c>
      <c r="EV22" s="116">
        <v>0</v>
      </c>
      <c r="EW22" s="116">
        <v>0</v>
      </c>
      <c r="EX22" s="115">
        <v>0</v>
      </c>
      <c r="EY22" s="118">
        <v>0</v>
      </c>
      <c r="EZ22" s="112">
        <v>0</v>
      </c>
      <c r="FA22" s="116">
        <v>0</v>
      </c>
      <c r="FB22" s="114">
        <v>0</v>
      </c>
      <c r="FC22" s="390"/>
      <c r="FD22" s="116">
        <v>0</v>
      </c>
      <c r="FE22" s="116">
        <v>0</v>
      </c>
      <c r="FF22" s="116">
        <v>0</v>
      </c>
      <c r="FG22" s="116">
        <v>0</v>
      </c>
      <c r="FH22" s="116">
        <v>0</v>
      </c>
      <c r="FI22" s="115">
        <v>0</v>
      </c>
      <c r="FJ22" s="118">
        <v>0</v>
      </c>
      <c r="FK22" s="112">
        <v>59668</v>
      </c>
      <c r="FL22" s="116">
        <v>221655</v>
      </c>
      <c r="FM22" s="115">
        <v>281323</v>
      </c>
      <c r="FN22" s="112">
        <v>0</v>
      </c>
      <c r="FO22" s="116">
        <v>278523</v>
      </c>
      <c r="FP22" s="116">
        <v>696899</v>
      </c>
      <c r="FQ22" s="116">
        <v>660770</v>
      </c>
      <c r="FR22" s="116">
        <v>476413</v>
      </c>
      <c r="FS22" s="116">
        <v>214277</v>
      </c>
      <c r="FT22" s="115">
        <v>2326882</v>
      </c>
      <c r="FU22" s="118">
        <v>2608205</v>
      </c>
      <c r="FV22" s="117">
        <v>59668</v>
      </c>
      <c r="FW22" s="116">
        <v>112553</v>
      </c>
      <c r="FX22" s="114">
        <v>172221</v>
      </c>
      <c r="FY22" s="113">
        <v>0</v>
      </c>
      <c r="FZ22" s="116">
        <v>183659</v>
      </c>
      <c r="GA22" s="116">
        <v>628124</v>
      </c>
      <c r="GB22" s="116">
        <v>534415</v>
      </c>
      <c r="GC22" s="116">
        <v>460705</v>
      </c>
      <c r="GD22" s="116">
        <v>180327</v>
      </c>
      <c r="GE22" s="115">
        <v>1987230</v>
      </c>
      <c r="GF22" s="354">
        <v>2159451</v>
      </c>
      <c r="GG22" s="117">
        <v>0</v>
      </c>
      <c r="GH22" s="116">
        <v>0</v>
      </c>
      <c r="GI22" s="114">
        <v>0</v>
      </c>
      <c r="GJ22" s="113">
        <v>0</v>
      </c>
      <c r="GK22" s="116">
        <v>36764</v>
      </c>
      <c r="GL22" s="116">
        <v>0</v>
      </c>
      <c r="GM22" s="116">
        <v>0</v>
      </c>
      <c r="GN22" s="116">
        <v>15708</v>
      </c>
      <c r="GO22" s="116">
        <v>33950</v>
      </c>
      <c r="GP22" s="115">
        <v>86422</v>
      </c>
      <c r="GQ22" s="118">
        <v>86422</v>
      </c>
      <c r="GR22" s="112">
        <v>0</v>
      </c>
      <c r="GS22" s="116">
        <v>109102</v>
      </c>
      <c r="GT22" s="115">
        <v>109102</v>
      </c>
      <c r="GU22" s="112">
        <v>0</v>
      </c>
      <c r="GV22" s="116">
        <v>58100</v>
      </c>
      <c r="GW22" s="116">
        <v>68775</v>
      </c>
      <c r="GX22" s="116">
        <v>126355</v>
      </c>
      <c r="GY22" s="116">
        <v>0</v>
      </c>
      <c r="GZ22" s="116">
        <v>0</v>
      </c>
      <c r="HA22" s="114">
        <v>253230</v>
      </c>
      <c r="HB22" s="118">
        <v>362332</v>
      </c>
      <c r="HC22" s="112">
        <v>99328</v>
      </c>
      <c r="HD22" s="116">
        <v>315960</v>
      </c>
      <c r="HE22" s="114">
        <v>415288</v>
      </c>
      <c r="HF22" s="113">
        <v>0</v>
      </c>
      <c r="HG22" s="116">
        <v>1457455</v>
      </c>
      <c r="HH22" s="116">
        <v>1264862</v>
      </c>
      <c r="HI22" s="116">
        <v>861270</v>
      </c>
      <c r="HJ22" s="116">
        <v>2907710</v>
      </c>
      <c r="HK22" s="116">
        <v>1109297</v>
      </c>
      <c r="HL22" s="115">
        <v>7600594</v>
      </c>
      <c r="HM22" s="111">
        <v>8015882</v>
      </c>
      <c r="HN22" s="370"/>
      <c r="HO22" s="371"/>
      <c r="HP22" s="372"/>
      <c r="HQ22" s="373"/>
      <c r="HR22" s="371"/>
      <c r="HS22" s="371"/>
      <c r="HT22" s="371"/>
      <c r="HU22" s="371"/>
      <c r="HV22" s="371"/>
      <c r="HW22" s="374"/>
      <c r="HX22" s="375"/>
      <c r="HY22" s="167">
        <v>0</v>
      </c>
      <c r="HZ22" s="152">
        <v>0</v>
      </c>
      <c r="IA22" s="167">
        <v>0</v>
      </c>
      <c r="IB22" s="151">
        <v>0</v>
      </c>
      <c r="IC22" s="152">
        <v>952306</v>
      </c>
      <c r="ID22" s="153">
        <v>2045270</v>
      </c>
      <c r="IE22" s="154">
        <v>1611275</v>
      </c>
      <c r="IF22" s="152">
        <v>1646359</v>
      </c>
      <c r="IG22" s="154">
        <v>1287914</v>
      </c>
      <c r="IH22" s="155">
        <v>7543124</v>
      </c>
      <c r="II22" s="167">
        <v>7543124</v>
      </c>
      <c r="IJ22" s="261">
        <v>0</v>
      </c>
      <c r="IK22" s="268">
        <v>0</v>
      </c>
      <c r="IL22" s="269">
        <v>0</v>
      </c>
      <c r="IM22" s="157"/>
      <c r="IN22" s="122">
        <v>0</v>
      </c>
      <c r="IO22" s="122">
        <v>0</v>
      </c>
      <c r="IP22" s="122">
        <v>0</v>
      </c>
      <c r="IQ22" s="122">
        <v>0</v>
      </c>
      <c r="IR22" s="122">
        <v>0</v>
      </c>
      <c r="IS22" s="158">
        <v>0</v>
      </c>
      <c r="IT22" s="357">
        <v>0</v>
      </c>
      <c r="IU22" s="159">
        <v>0</v>
      </c>
      <c r="IV22" s="122">
        <v>0</v>
      </c>
      <c r="IW22" s="123">
        <v>0</v>
      </c>
      <c r="IX22" s="161"/>
      <c r="IY22" s="122">
        <v>0</v>
      </c>
      <c r="IZ22" s="122">
        <v>0</v>
      </c>
      <c r="JA22" s="122">
        <v>0</v>
      </c>
      <c r="JB22" s="122">
        <v>0</v>
      </c>
      <c r="JC22" s="122">
        <v>0</v>
      </c>
      <c r="JD22" s="123">
        <v>0</v>
      </c>
      <c r="JE22" s="124">
        <v>0</v>
      </c>
      <c r="JF22" s="159">
        <v>0</v>
      </c>
      <c r="JG22" s="122">
        <v>0</v>
      </c>
      <c r="JH22" s="158">
        <v>0</v>
      </c>
      <c r="JI22" s="121">
        <v>0</v>
      </c>
      <c r="JJ22" s="122">
        <v>472457</v>
      </c>
      <c r="JK22" s="122">
        <v>630077</v>
      </c>
      <c r="JL22" s="122">
        <v>266349</v>
      </c>
      <c r="JM22" s="122">
        <v>282928</v>
      </c>
      <c r="JN22" s="122">
        <v>63848</v>
      </c>
      <c r="JO22" s="123">
        <v>1715659</v>
      </c>
      <c r="JP22" s="357">
        <v>1715659</v>
      </c>
      <c r="JQ22" s="159">
        <v>0</v>
      </c>
      <c r="JR22" s="122">
        <v>0</v>
      </c>
      <c r="JS22" s="158">
        <v>0</v>
      </c>
      <c r="JT22" s="121">
        <v>0</v>
      </c>
      <c r="JU22" s="122">
        <v>66866</v>
      </c>
      <c r="JV22" s="122">
        <v>0</v>
      </c>
      <c r="JW22" s="122">
        <v>0</v>
      </c>
      <c r="JX22" s="122">
        <v>0</v>
      </c>
      <c r="JY22" s="122">
        <v>0</v>
      </c>
      <c r="JZ22" s="123">
        <v>66866</v>
      </c>
      <c r="KA22" s="357">
        <v>66866</v>
      </c>
      <c r="KB22" s="264">
        <v>0</v>
      </c>
      <c r="KC22" s="258">
        <v>0</v>
      </c>
      <c r="KD22" s="123">
        <v>0</v>
      </c>
      <c r="KE22" s="121">
        <v>0</v>
      </c>
      <c r="KF22" s="122">
        <v>0</v>
      </c>
      <c r="KG22" s="122">
        <v>318111</v>
      </c>
      <c r="KH22" s="122">
        <v>220233</v>
      </c>
      <c r="KI22" s="122">
        <v>451181</v>
      </c>
      <c r="KJ22" s="122">
        <v>0</v>
      </c>
      <c r="KK22" s="123">
        <v>989525</v>
      </c>
      <c r="KL22" s="160">
        <v>989525</v>
      </c>
      <c r="KM22" s="261">
        <v>0</v>
      </c>
      <c r="KN22" s="268">
        <v>0</v>
      </c>
      <c r="KO22" s="269">
        <v>0</v>
      </c>
      <c r="KP22" s="157"/>
      <c r="KQ22" s="122">
        <v>412983</v>
      </c>
      <c r="KR22" s="122">
        <v>1097082</v>
      </c>
      <c r="KS22" s="122">
        <v>679491</v>
      </c>
      <c r="KT22" s="122">
        <v>682338</v>
      </c>
      <c r="KU22" s="122">
        <v>465632</v>
      </c>
      <c r="KV22" s="123">
        <v>3337526</v>
      </c>
      <c r="KW22" s="357">
        <v>3337526</v>
      </c>
      <c r="KX22" s="159">
        <v>0</v>
      </c>
      <c r="KY22" s="122">
        <v>0</v>
      </c>
      <c r="KZ22" s="123">
        <v>0</v>
      </c>
      <c r="LA22" s="162"/>
      <c r="LB22" s="122">
        <v>0</v>
      </c>
      <c r="LC22" s="122">
        <v>0</v>
      </c>
      <c r="LD22" s="122">
        <v>0</v>
      </c>
      <c r="LE22" s="122">
        <v>0</v>
      </c>
      <c r="LF22" s="122">
        <v>0</v>
      </c>
      <c r="LG22" s="123">
        <v>0</v>
      </c>
      <c r="LH22" s="124">
        <v>0</v>
      </c>
      <c r="LI22" s="159">
        <v>0</v>
      </c>
      <c r="LJ22" s="122">
        <v>0</v>
      </c>
      <c r="LK22" s="123">
        <v>0</v>
      </c>
      <c r="LL22" s="162"/>
      <c r="LM22" s="122">
        <v>0</v>
      </c>
      <c r="LN22" s="122">
        <v>0</v>
      </c>
      <c r="LO22" s="122">
        <v>445202</v>
      </c>
      <c r="LP22" s="122">
        <v>229912</v>
      </c>
      <c r="LQ22" s="122">
        <v>758434</v>
      </c>
      <c r="LR22" s="123">
        <v>1433548</v>
      </c>
      <c r="LS22" s="357">
        <v>1433548</v>
      </c>
      <c r="LT22" s="159">
        <v>0</v>
      </c>
      <c r="LU22" s="122">
        <v>0</v>
      </c>
      <c r="LV22" s="123">
        <v>0</v>
      </c>
      <c r="LW22" s="162"/>
      <c r="LX22" s="122">
        <v>0</v>
      </c>
      <c r="LY22" s="122">
        <v>0</v>
      </c>
      <c r="LZ22" s="122">
        <v>0</v>
      </c>
      <c r="MA22" s="122">
        <v>0</v>
      </c>
      <c r="MB22" s="122">
        <v>0</v>
      </c>
      <c r="MC22" s="123">
        <v>0</v>
      </c>
      <c r="MD22" s="124">
        <v>0</v>
      </c>
      <c r="ME22" s="159">
        <v>0</v>
      </c>
      <c r="MF22" s="122">
        <v>0</v>
      </c>
      <c r="MG22" s="123">
        <v>0</v>
      </c>
      <c r="MH22" s="162"/>
      <c r="MI22" s="122">
        <v>192757</v>
      </c>
      <c r="MJ22" s="122">
        <v>1332911</v>
      </c>
      <c r="MK22" s="122">
        <v>3585913</v>
      </c>
      <c r="ML22" s="122">
        <v>3367557</v>
      </c>
      <c r="MM22" s="122">
        <v>1896437</v>
      </c>
      <c r="MN22" s="123">
        <v>10375575</v>
      </c>
      <c r="MO22" s="160">
        <v>10375575</v>
      </c>
      <c r="MP22" s="159">
        <v>0</v>
      </c>
      <c r="MQ22" s="122">
        <v>0</v>
      </c>
      <c r="MR22" s="123">
        <v>0</v>
      </c>
      <c r="MS22" s="162"/>
      <c r="MT22" s="122">
        <v>192757</v>
      </c>
      <c r="MU22" s="122">
        <v>398558</v>
      </c>
      <c r="MV22" s="122">
        <v>1484744</v>
      </c>
      <c r="MW22" s="122">
        <v>1353407</v>
      </c>
      <c r="MX22" s="122">
        <v>1068884</v>
      </c>
      <c r="MY22" s="123">
        <v>4498350</v>
      </c>
      <c r="MZ22" s="160">
        <v>4498350</v>
      </c>
      <c r="NA22" s="159">
        <v>0</v>
      </c>
      <c r="NB22" s="122">
        <v>0</v>
      </c>
      <c r="NC22" s="123">
        <v>0</v>
      </c>
      <c r="ND22" s="162"/>
      <c r="NE22" s="122">
        <v>0</v>
      </c>
      <c r="NF22" s="122">
        <v>934353</v>
      </c>
      <c r="NG22" s="122">
        <v>2101169</v>
      </c>
      <c r="NH22" s="122">
        <v>2014150</v>
      </c>
      <c r="NI22" s="122">
        <v>571564</v>
      </c>
      <c r="NJ22" s="123">
        <v>5621236</v>
      </c>
      <c r="NK22" s="357">
        <v>5621236</v>
      </c>
      <c r="NL22" s="159">
        <v>0</v>
      </c>
      <c r="NM22" s="122">
        <v>0</v>
      </c>
      <c r="NN22" s="123">
        <v>0</v>
      </c>
      <c r="NO22" s="162"/>
      <c r="NP22" s="122">
        <v>0</v>
      </c>
      <c r="NQ22" s="122">
        <v>0</v>
      </c>
      <c r="NR22" s="122">
        <v>0</v>
      </c>
      <c r="NS22" s="122">
        <v>0</v>
      </c>
      <c r="NT22" s="122">
        <v>260561</v>
      </c>
      <c r="NU22" s="123">
        <v>260561</v>
      </c>
      <c r="NV22" s="124">
        <v>260561</v>
      </c>
      <c r="NW22" s="159">
        <v>0</v>
      </c>
      <c r="NX22" s="122">
        <v>0</v>
      </c>
      <c r="NY22" s="123">
        <v>0</v>
      </c>
      <c r="NZ22" s="162"/>
      <c r="OA22" s="122">
        <v>0</v>
      </c>
      <c r="OB22" s="122">
        <v>0</v>
      </c>
      <c r="OC22" s="122">
        <v>0</v>
      </c>
      <c r="OD22" s="122">
        <v>0</v>
      </c>
      <c r="OE22" s="122">
        <v>-4572</v>
      </c>
      <c r="OF22" s="123">
        <v>-4572</v>
      </c>
      <c r="OG22" s="124">
        <v>-4572</v>
      </c>
      <c r="OH22" s="159">
        <v>284666</v>
      </c>
      <c r="OI22" s="122">
        <v>946891</v>
      </c>
      <c r="OJ22" s="158">
        <v>1231557</v>
      </c>
      <c r="OK22" s="121">
        <v>0</v>
      </c>
      <c r="OL22" s="122">
        <v>5126291</v>
      </c>
      <c r="OM22" s="122">
        <v>10185150</v>
      </c>
      <c r="ON22" s="122">
        <v>10586433</v>
      </c>
      <c r="OO22" s="122">
        <v>10710168</v>
      </c>
      <c r="OP22" s="122">
        <v>6230788</v>
      </c>
      <c r="OQ22" s="123">
        <v>42838830</v>
      </c>
      <c r="OR22" s="160">
        <v>1095466.93318738</v>
      </c>
    </row>
    <row r="23" spans="1:408" ht="20.25" customHeight="1" x14ac:dyDescent="0.2">
      <c r="A23" s="129" t="s">
        <v>18</v>
      </c>
      <c r="B23" s="112">
        <v>415021</v>
      </c>
      <c r="C23" s="116">
        <v>447009</v>
      </c>
      <c r="D23" s="115">
        <v>862030</v>
      </c>
      <c r="E23" s="111">
        <v>0</v>
      </c>
      <c r="F23" s="116">
        <v>4742164</v>
      </c>
      <c r="G23" s="116">
        <v>9286158</v>
      </c>
      <c r="H23" s="116">
        <v>5966297</v>
      </c>
      <c r="I23" s="116">
        <v>6755674</v>
      </c>
      <c r="J23" s="116">
        <v>6096802</v>
      </c>
      <c r="K23" s="111">
        <v>32847095</v>
      </c>
      <c r="L23" s="118">
        <v>33709125</v>
      </c>
      <c r="M23" s="112">
        <v>152317</v>
      </c>
      <c r="N23" s="116">
        <v>252848</v>
      </c>
      <c r="O23" s="115">
        <v>405165</v>
      </c>
      <c r="P23" s="112">
        <v>0</v>
      </c>
      <c r="Q23" s="116">
        <v>1280007</v>
      </c>
      <c r="R23" s="116">
        <v>2734761</v>
      </c>
      <c r="S23" s="116">
        <v>2006870</v>
      </c>
      <c r="T23" s="116">
        <v>2614390</v>
      </c>
      <c r="U23" s="116">
        <v>2079322</v>
      </c>
      <c r="V23" s="115">
        <v>10715350</v>
      </c>
      <c r="W23" s="118">
        <v>11120515</v>
      </c>
      <c r="X23" s="112">
        <v>3370</v>
      </c>
      <c r="Y23" s="116">
        <v>0</v>
      </c>
      <c r="Z23" s="115">
        <v>3370</v>
      </c>
      <c r="AA23" s="112">
        <v>0</v>
      </c>
      <c r="AB23" s="116">
        <v>438176</v>
      </c>
      <c r="AC23" s="116">
        <v>1155157</v>
      </c>
      <c r="AD23" s="116">
        <v>1240689</v>
      </c>
      <c r="AE23" s="116">
        <v>1421495</v>
      </c>
      <c r="AF23" s="116">
        <v>1066637</v>
      </c>
      <c r="AG23" s="115">
        <v>5322154</v>
      </c>
      <c r="AH23" s="118">
        <v>5325524</v>
      </c>
      <c r="AI23" s="112">
        <v>0</v>
      </c>
      <c r="AJ23" s="116">
        <v>0</v>
      </c>
      <c r="AK23" s="115">
        <v>0</v>
      </c>
      <c r="AL23" s="112">
        <v>0</v>
      </c>
      <c r="AM23" s="116">
        <v>0</v>
      </c>
      <c r="AN23" s="116">
        <v>82097</v>
      </c>
      <c r="AO23" s="116">
        <v>19968</v>
      </c>
      <c r="AP23" s="116">
        <v>113701</v>
      </c>
      <c r="AQ23" s="116">
        <v>190265</v>
      </c>
      <c r="AR23" s="115">
        <v>406031</v>
      </c>
      <c r="AS23" s="118">
        <v>406031</v>
      </c>
      <c r="AT23" s="112">
        <v>87074</v>
      </c>
      <c r="AU23" s="116">
        <v>215910</v>
      </c>
      <c r="AV23" s="115">
        <v>302984</v>
      </c>
      <c r="AW23" s="112">
        <v>0</v>
      </c>
      <c r="AX23" s="116">
        <v>440094</v>
      </c>
      <c r="AY23" s="116">
        <v>959943</v>
      </c>
      <c r="AZ23" s="116">
        <v>388151</v>
      </c>
      <c r="BA23" s="116">
        <v>923712</v>
      </c>
      <c r="BB23" s="116">
        <v>360291</v>
      </c>
      <c r="BC23" s="115">
        <v>3072191</v>
      </c>
      <c r="BD23" s="118">
        <v>3375175</v>
      </c>
      <c r="BE23" s="112">
        <v>0</v>
      </c>
      <c r="BF23" s="116">
        <v>20803</v>
      </c>
      <c r="BG23" s="114">
        <v>20803</v>
      </c>
      <c r="BH23" s="113">
        <v>0</v>
      </c>
      <c r="BI23" s="116">
        <v>83174</v>
      </c>
      <c r="BJ23" s="116">
        <v>144514</v>
      </c>
      <c r="BK23" s="116">
        <v>57447</v>
      </c>
      <c r="BL23" s="116">
        <v>-146148</v>
      </c>
      <c r="BM23" s="116">
        <v>43179</v>
      </c>
      <c r="BN23" s="115">
        <v>182166</v>
      </c>
      <c r="BO23" s="118">
        <v>202969</v>
      </c>
      <c r="BP23" s="112">
        <v>61873</v>
      </c>
      <c r="BQ23" s="116">
        <v>16135</v>
      </c>
      <c r="BR23" s="115">
        <v>78008</v>
      </c>
      <c r="BS23" s="112">
        <v>0</v>
      </c>
      <c r="BT23" s="116">
        <v>318563</v>
      </c>
      <c r="BU23" s="116">
        <v>393050</v>
      </c>
      <c r="BV23" s="116">
        <v>300615</v>
      </c>
      <c r="BW23" s="116">
        <v>301630</v>
      </c>
      <c r="BX23" s="116">
        <v>418950</v>
      </c>
      <c r="BY23" s="115">
        <v>1732808</v>
      </c>
      <c r="BZ23" s="118">
        <v>1810816</v>
      </c>
      <c r="CA23" s="112">
        <v>76848</v>
      </c>
      <c r="CB23" s="116">
        <v>102699</v>
      </c>
      <c r="CC23" s="115">
        <v>179547</v>
      </c>
      <c r="CD23" s="112">
        <v>0</v>
      </c>
      <c r="CE23" s="116">
        <v>1349243</v>
      </c>
      <c r="CF23" s="116">
        <v>3409597</v>
      </c>
      <c r="CG23" s="116">
        <v>1408930</v>
      </c>
      <c r="CH23" s="116">
        <v>1128700</v>
      </c>
      <c r="CI23" s="116">
        <v>380544</v>
      </c>
      <c r="CJ23" s="115">
        <v>7677014</v>
      </c>
      <c r="CK23" s="118">
        <v>7856561</v>
      </c>
      <c r="CL23" s="112">
        <v>0</v>
      </c>
      <c r="CM23" s="116">
        <v>0</v>
      </c>
      <c r="CN23" s="115">
        <v>0</v>
      </c>
      <c r="CO23" s="113">
        <v>0</v>
      </c>
      <c r="CP23" s="116">
        <v>1120701</v>
      </c>
      <c r="CQ23" s="116">
        <v>2831350</v>
      </c>
      <c r="CR23" s="116">
        <v>1070584</v>
      </c>
      <c r="CS23" s="116">
        <v>1005218</v>
      </c>
      <c r="CT23" s="116">
        <v>280459</v>
      </c>
      <c r="CU23" s="115">
        <v>6308312</v>
      </c>
      <c r="CV23" s="118">
        <v>6308312</v>
      </c>
      <c r="CW23" s="112">
        <v>76848</v>
      </c>
      <c r="CX23" s="116">
        <v>102699</v>
      </c>
      <c r="CY23" s="115">
        <v>179547</v>
      </c>
      <c r="CZ23" s="112">
        <v>0</v>
      </c>
      <c r="DA23" s="116">
        <v>228542</v>
      </c>
      <c r="DB23" s="116">
        <v>578247</v>
      </c>
      <c r="DC23" s="116">
        <v>338346</v>
      </c>
      <c r="DD23" s="116">
        <v>123482</v>
      </c>
      <c r="DE23" s="116">
        <v>100085</v>
      </c>
      <c r="DF23" s="115">
        <v>1368702</v>
      </c>
      <c r="DG23" s="118">
        <v>1548249</v>
      </c>
      <c r="DH23" s="112">
        <v>0</v>
      </c>
      <c r="DI23" s="116">
        <v>0</v>
      </c>
      <c r="DJ23" s="114">
        <v>0</v>
      </c>
      <c r="DK23" s="113">
        <v>0</v>
      </c>
      <c r="DL23" s="116">
        <v>100840</v>
      </c>
      <c r="DM23" s="116">
        <v>410786</v>
      </c>
      <c r="DN23" s="116">
        <v>367733</v>
      </c>
      <c r="DO23" s="116">
        <v>552197</v>
      </c>
      <c r="DP23" s="116">
        <v>301706</v>
      </c>
      <c r="DQ23" s="115">
        <v>1733262</v>
      </c>
      <c r="DR23" s="118">
        <v>1733262</v>
      </c>
      <c r="DS23" s="112">
        <v>0</v>
      </c>
      <c r="DT23" s="116">
        <v>0</v>
      </c>
      <c r="DU23" s="115">
        <v>0</v>
      </c>
      <c r="DV23" s="112">
        <v>0</v>
      </c>
      <c r="DW23" s="116">
        <v>100840</v>
      </c>
      <c r="DX23" s="116">
        <v>410786</v>
      </c>
      <c r="DY23" s="116">
        <v>367733</v>
      </c>
      <c r="DZ23" s="116">
        <v>552197</v>
      </c>
      <c r="EA23" s="116">
        <v>254364</v>
      </c>
      <c r="EB23" s="115">
        <v>1685920</v>
      </c>
      <c r="EC23" s="118">
        <v>1685920</v>
      </c>
      <c r="ED23" s="112">
        <v>0</v>
      </c>
      <c r="EE23" s="114">
        <v>0</v>
      </c>
      <c r="EF23" s="115">
        <v>0</v>
      </c>
      <c r="EG23" s="112">
        <v>0</v>
      </c>
      <c r="EH23" s="116">
        <v>0</v>
      </c>
      <c r="EI23" s="116">
        <v>0</v>
      </c>
      <c r="EJ23" s="116">
        <v>0</v>
      </c>
      <c r="EK23" s="116">
        <v>0</v>
      </c>
      <c r="EL23" s="116">
        <v>47342</v>
      </c>
      <c r="EM23" s="114">
        <v>47342</v>
      </c>
      <c r="EN23" s="118">
        <v>47342</v>
      </c>
      <c r="EO23" s="112">
        <v>0</v>
      </c>
      <c r="EP23" s="116">
        <v>0</v>
      </c>
      <c r="EQ23" s="114">
        <v>0</v>
      </c>
      <c r="ER23" s="113">
        <v>0</v>
      </c>
      <c r="ES23" s="116">
        <v>0</v>
      </c>
      <c r="ET23" s="116">
        <v>0</v>
      </c>
      <c r="EU23" s="116">
        <v>0</v>
      </c>
      <c r="EV23" s="116">
        <v>0</v>
      </c>
      <c r="EW23" s="116">
        <v>0</v>
      </c>
      <c r="EX23" s="115">
        <v>0</v>
      </c>
      <c r="EY23" s="118">
        <v>0</v>
      </c>
      <c r="EZ23" s="112">
        <v>0</v>
      </c>
      <c r="FA23" s="116">
        <v>0</v>
      </c>
      <c r="FB23" s="114">
        <v>0</v>
      </c>
      <c r="FC23" s="390"/>
      <c r="FD23" s="116">
        <v>0</v>
      </c>
      <c r="FE23" s="116">
        <v>0</v>
      </c>
      <c r="FF23" s="116">
        <v>0</v>
      </c>
      <c r="FG23" s="116">
        <v>0</v>
      </c>
      <c r="FH23" s="116">
        <v>0</v>
      </c>
      <c r="FI23" s="115">
        <v>0</v>
      </c>
      <c r="FJ23" s="118">
        <v>0</v>
      </c>
      <c r="FK23" s="112">
        <v>42336</v>
      </c>
      <c r="FL23" s="116">
        <v>91462</v>
      </c>
      <c r="FM23" s="115">
        <v>133798</v>
      </c>
      <c r="FN23" s="112">
        <v>0</v>
      </c>
      <c r="FO23" s="116">
        <v>254884</v>
      </c>
      <c r="FP23" s="116">
        <v>709093</v>
      </c>
      <c r="FQ23" s="116">
        <v>448406</v>
      </c>
      <c r="FR23" s="116">
        <v>562149</v>
      </c>
      <c r="FS23" s="116">
        <v>305837</v>
      </c>
      <c r="FT23" s="115">
        <v>2280369</v>
      </c>
      <c r="FU23" s="118">
        <v>2414167</v>
      </c>
      <c r="FV23" s="117">
        <v>42336</v>
      </c>
      <c r="FW23" s="116">
        <v>72562</v>
      </c>
      <c r="FX23" s="114">
        <v>114898</v>
      </c>
      <c r="FY23" s="113">
        <v>0</v>
      </c>
      <c r="FZ23" s="116">
        <v>193284</v>
      </c>
      <c r="GA23" s="116">
        <v>602063</v>
      </c>
      <c r="GB23" s="116">
        <v>417606</v>
      </c>
      <c r="GC23" s="116">
        <v>452799</v>
      </c>
      <c r="GD23" s="116">
        <v>305837</v>
      </c>
      <c r="GE23" s="115">
        <v>1971589</v>
      </c>
      <c r="GF23" s="354">
        <v>2086487</v>
      </c>
      <c r="GG23" s="117">
        <v>0</v>
      </c>
      <c r="GH23" s="116">
        <v>0</v>
      </c>
      <c r="GI23" s="114">
        <v>0</v>
      </c>
      <c r="GJ23" s="113">
        <v>0</v>
      </c>
      <c r="GK23" s="116">
        <v>0</v>
      </c>
      <c r="GL23" s="116">
        <v>0</v>
      </c>
      <c r="GM23" s="116">
        <v>0</v>
      </c>
      <c r="GN23" s="116">
        <v>20450</v>
      </c>
      <c r="GO23" s="116">
        <v>0</v>
      </c>
      <c r="GP23" s="115">
        <v>20450</v>
      </c>
      <c r="GQ23" s="118">
        <v>20450</v>
      </c>
      <c r="GR23" s="112">
        <v>0</v>
      </c>
      <c r="GS23" s="116">
        <v>18900</v>
      </c>
      <c r="GT23" s="115">
        <v>18900</v>
      </c>
      <c r="GU23" s="112">
        <v>0</v>
      </c>
      <c r="GV23" s="116">
        <v>61600</v>
      </c>
      <c r="GW23" s="116">
        <v>107030</v>
      </c>
      <c r="GX23" s="116">
        <v>30800</v>
      </c>
      <c r="GY23" s="116">
        <v>88900</v>
      </c>
      <c r="GZ23" s="116">
        <v>0</v>
      </c>
      <c r="HA23" s="114">
        <v>288330</v>
      </c>
      <c r="HB23" s="118">
        <v>307230</v>
      </c>
      <c r="HC23" s="112">
        <v>143520</v>
      </c>
      <c r="HD23" s="116">
        <v>0</v>
      </c>
      <c r="HE23" s="114">
        <v>143520</v>
      </c>
      <c r="HF23" s="113">
        <v>0</v>
      </c>
      <c r="HG23" s="116">
        <v>1757190</v>
      </c>
      <c r="HH23" s="116">
        <v>2021921</v>
      </c>
      <c r="HI23" s="116">
        <v>1734358</v>
      </c>
      <c r="HJ23" s="116">
        <v>1898238</v>
      </c>
      <c r="HK23" s="116">
        <v>3029393</v>
      </c>
      <c r="HL23" s="115">
        <v>10441100</v>
      </c>
      <c r="HM23" s="111">
        <v>10584620</v>
      </c>
      <c r="HN23" s="370"/>
      <c r="HO23" s="371"/>
      <c r="HP23" s="372"/>
      <c r="HQ23" s="373"/>
      <c r="HR23" s="371"/>
      <c r="HS23" s="371"/>
      <c r="HT23" s="371"/>
      <c r="HU23" s="371"/>
      <c r="HV23" s="371"/>
      <c r="HW23" s="374"/>
      <c r="HX23" s="375"/>
      <c r="HY23" s="148">
        <v>0</v>
      </c>
      <c r="HZ23" s="149">
        <v>0</v>
      </c>
      <c r="IA23" s="150">
        <v>0</v>
      </c>
      <c r="IB23" s="163">
        <v>0</v>
      </c>
      <c r="IC23" s="149">
        <v>935722</v>
      </c>
      <c r="ID23" s="164">
        <v>1273990</v>
      </c>
      <c r="IE23" s="150">
        <v>877254</v>
      </c>
      <c r="IF23" s="149">
        <v>609280</v>
      </c>
      <c r="IG23" s="150">
        <v>1060910</v>
      </c>
      <c r="IH23" s="165">
        <v>4757156</v>
      </c>
      <c r="II23" s="156">
        <v>4757156</v>
      </c>
      <c r="IJ23" s="261">
        <v>0</v>
      </c>
      <c r="IK23" s="268">
        <v>0</v>
      </c>
      <c r="IL23" s="269">
        <v>0</v>
      </c>
      <c r="IM23" s="157"/>
      <c r="IN23" s="122">
        <v>0</v>
      </c>
      <c r="IO23" s="122">
        <v>0</v>
      </c>
      <c r="IP23" s="122">
        <v>0</v>
      </c>
      <c r="IQ23" s="122">
        <v>0</v>
      </c>
      <c r="IR23" s="122">
        <v>237450</v>
      </c>
      <c r="IS23" s="158">
        <v>237450</v>
      </c>
      <c r="IT23" s="357">
        <v>237450</v>
      </c>
      <c r="IU23" s="159">
        <v>0</v>
      </c>
      <c r="IV23" s="122">
        <v>0</v>
      </c>
      <c r="IW23" s="123">
        <v>0</v>
      </c>
      <c r="IX23" s="161"/>
      <c r="IY23" s="122">
        <v>0</v>
      </c>
      <c r="IZ23" s="122">
        <v>0</v>
      </c>
      <c r="JA23" s="122">
        <v>0</v>
      </c>
      <c r="JB23" s="122">
        <v>0</v>
      </c>
      <c r="JC23" s="122">
        <v>0</v>
      </c>
      <c r="JD23" s="123">
        <v>0</v>
      </c>
      <c r="JE23" s="124">
        <v>0</v>
      </c>
      <c r="JF23" s="159">
        <v>0</v>
      </c>
      <c r="JG23" s="122">
        <v>0</v>
      </c>
      <c r="JH23" s="158">
        <v>0</v>
      </c>
      <c r="JI23" s="121">
        <v>0</v>
      </c>
      <c r="JJ23" s="122">
        <v>733456</v>
      </c>
      <c r="JK23" s="122">
        <v>369255</v>
      </c>
      <c r="JL23" s="122">
        <v>383799</v>
      </c>
      <c r="JM23" s="122">
        <v>39603</v>
      </c>
      <c r="JN23" s="122">
        <v>0</v>
      </c>
      <c r="JO23" s="123">
        <v>1526113</v>
      </c>
      <c r="JP23" s="357">
        <v>1526113</v>
      </c>
      <c r="JQ23" s="159">
        <v>0</v>
      </c>
      <c r="JR23" s="122">
        <v>0</v>
      </c>
      <c r="JS23" s="158">
        <v>0</v>
      </c>
      <c r="JT23" s="121">
        <v>0</v>
      </c>
      <c r="JU23" s="122">
        <v>0</v>
      </c>
      <c r="JV23" s="122">
        <v>0</v>
      </c>
      <c r="JW23" s="122">
        <v>240416</v>
      </c>
      <c r="JX23" s="122">
        <v>0</v>
      </c>
      <c r="JY23" s="122">
        <v>0</v>
      </c>
      <c r="JZ23" s="123">
        <v>240416</v>
      </c>
      <c r="KA23" s="357">
        <v>240416</v>
      </c>
      <c r="KB23" s="264">
        <v>0</v>
      </c>
      <c r="KC23" s="258">
        <v>0</v>
      </c>
      <c r="KD23" s="123">
        <v>0</v>
      </c>
      <c r="KE23" s="121">
        <v>0</v>
      </c>
      <c r="KF23" s="122">
        <v>202266</v>
      </c>
      <c r="KG23" s="122">
        <v>255253</v>
      </c>
      <c r="KH23" s="122">
        <v>0</v>
      </c>
      <c r="KI23" s="122">
        <v>223225</v>
      </c>
      <c r="KJ23" s="122">
        <v>0</v>
      </c>
      <c r="KK23" s="123">
        <v>680744</v>
      </c>
      <c r="KL23" s="160">
        <v>680744</v>
      </c>
      <c r="KM23" s="261">
        <v>0</v>
      </c>
      <c r="KN23" s="268">
        <v>0</v>
      </c>
      <c r="KO23" s="269">
        <v>0</v>
      </c>
      <c r="KP23" s="157"/>
      <c r="KQ23" s="122">
        <v>0</v>
      </c>
      <c r="KR23" s="122">
        <v>649482</v>
      </c>
      <c r="KS23" s="122">
        <v>0</v>
      </c>
      <c r="KT23" s="122">
        <v>0</v>
      </c>
      <c r="KU23" s="122">
        <v>227064</v>
      </c>
      <c r="KV23" s="123">
        <v>876546</v>
      </c>
      <c r="KW23" s="357">
        <v>876546</v>
      </c>
      <c r="KX23" s="159">
        <v>0</v>
      </c>
      <c r="KY23" s="122">
        <v>0</v>
      </c>
      <c r="KZ23" s="123">
        <v>0</v>
      </c>
      <c r="LA23" s="162"/>
      <c r="LB23" s="122">
        <v>0</v>
      </c>
      <c r="LC23" s="122">
        <v>0</v>
      </c>
      <c r="LD23" s="122">
        <v>0</v>
      </c>
      <c r="LE23" s="122">
        <v>0</v>
      </c>
      <c r="LF23" s="122">
        <v>0</v>
      </c>
      <c r="LG23" s="123">
        <v>0</v>
      </c>
      <c r="LH23" s="124">
        <v>0</v>
      </c>
      <c r="LI23" s="159">
        <v>0</v>
      </c>
      <c r="LJ23" s="122">
        <v>0</v>
      </c>
      <c r="LK23" s="123">
        <v>0</v>
      </c>
      <c r="LL23" s="162"/>
      <c r="LM23" s="122">
        <v>0</v>
      </c>
      <c r="LN23" s="122">
        <v>0</v>
      </c>
      <c r="LO23" s="122">
        <v>0</v>
      </c>
      <c r="LP23" s="122">
        <v>0</v>
      </c>
      <c r="LQ23" s="122">
        <v>0</v>
      </c>
      <c r="LR23" s="123">
        <v>0</v>
      </c>
      <c r="LS23" s="357">
        <v>0</v>
      </c>
      <c r="LT23" s="159">
        <v>0</v>
      </c>
      <c r="LU23" s="122">
        <v>0</v>
      </c>
      <c r="LV23" s="123">
        <v>0</v>
      </c>
      <c r="LW23" s="162"/>
      <c r="LX23" s="122">
        <v>0</v>
      </c>
      <c r="LY23" s="122">
        <v>0</v>
      </c>
      <c r="LZ23" s="122">
        <v>253039</v>
      </c>
      <c r="MA23" s="122">
        <v>346452</v>
      </c>
      <c r="MB23" s="122">
        <v>596396</v>
      </c>
      <c r="MC23" s="123">
        <v>1195887</v>
      </c>
      <c r="MD23" s="124">
        <v>1195887</v>
      </c>
      <c r="ME23" s="159">
        <v>0</v>
      </c>
      <c r="MF23" s="122">
        <v>0</v>
      </c>
      <c r="MG23" s="123">
        <v>0</v>
      </c>
      <c r="MH23" s="162"/>
      <c r="MI23" s="122">
        <v>878565</v>
      </c>
      <c r="MJ23" s="122">
        <v>518044</v>
      </c>
      <c r="MK23" s="122">
        <v>2755836</v>
      </c>
      <c r="ML23" s="122">
        <v>4958461</v>
      </c>
      <c r="MM23" s="122">
        <v>2016525</v>
      </c>
      <c r="MN23" s="123">
        <v>11127431</v>
      </c>
      <c r="MO23" s="160">
        <v>11127431</v>
      </c>
      <c r="MP23" s="159">
        <v>0</v>
      </c>
      <c r="MQ23" s="122">
        <v>0</v>
      </c>
      <c r="MR23" s="123">
        <v>0</v>
      </c>
      <c r="MS23" s="162"/>
      <c r="MT23" s="122">
        <v>0</v>
      </c>
      <c r="MU23" s="122">
        <v>0</v>
      </c>
      <c r="MV23" s="122">
        <v>1273331</v>
      </c>
      <c r="MW23" s="122">
        <v>3920761</v>
      </c>
      <c r="MX23" s="122">
        <v>766762</v>
      </c>
      <c r="MY23" s="123">
        <v>5960854</v>
      </c>
      <c r="MZ23" s="160">
        <v>5960854</v>
      </c>
      <c r="NA23" s="159">
        <v>0</v>
      </c>
      <c r="NB23" s="122">
        <v>0</v>
      </c>
      <c r="NC23" s="123">
        <v>0</v>
      </c>
      <c r="ND23" s="162"/>
      <c r="NE23" s="122">
        <v>878565</v>
      </c>
      <c r="NF23" s="122">
        <v>518044</v>
      </c>
      <c r="NG23" s="122">
        <v>1482505</v>
      </c>
      <c r="NH23" s="122">
        <v>1037700</v>
      </c>
      <c r="NI23" s="122">
        <v>977501</v>
      </c>
      <c r="NJ23" s="123">
        <v>4894315</v>
      </c>
      <c r="NK23" s="357">
        <v>4894315</v>
      </c>
      <c r="NL23" s="159">
        <v>0</v>
      </c>
      <c r="NM23" s="122">
        <v>0</v>
      </c>
      <c r="NN23" s="123">
        <v>0</v>
      </c>
      <c r="NO23" s="162"/>
      <c r="NP23" s="122">
        <v>0</v>
      </c>
      <c r="NQ23" s="122">
        <v>0</v>
      </c>
      <c r="NR23" s="122">
        <v>0</v>
      </c>
      <c r="NS23" s="122">
        <v>0</v>
      </c>
      <c r="NT23" s="122">
        <v>272262</v>
      </c>
      <c r="NU23" s="123">
        <v>272262</v>
      </c>
      <c r="NV23" s="124">
        <v>272262</v>
      </c>
      <c r="NW23" s="159">
        <v>0</v>
      </c>
      <c r="NX23" s="122">
        <v>0</v>
      </c>
      <c r="NY23" s="123">
        <v>0</v>
      </c>
      <c r="NZ23" s="162"/>
      <c r="OA23" s="122">
        <v>0</v>
      </c>
      <c r="OB23" s="122">
        <v>0</v>
      </c>
      <c r="OC23" s="122">
        <v>0</v>
      </c>
      <c r="OD23" s="122">
        <v>0</v>
      </c>
      <c r="OE23" s="122">
        <v>0</v>
      </c>
      <c r="OF23" s="123">
        <v>0</v>
      </c>
      <c r="OG23" s="124">
        <v>0</v>
      </c>
      <c r="OH23" s="159">
        <v>415021</v>
      </c>
      <c r="OI23" s="122">
        <v>447009</v>
      </c>
      <c r="OJ23" s="158">
        <v>862030</v>
      </c>
      <c r="OK23" s="121">
        <v>0</v>
      </c>
      <c r="OL23" s="122">
        <v>6556451</v>
      </c>
      <c r="OM23" s="122">
        <v>11078192</v>
      </c>
      <c r="ON23" s="122">
        <v>9599387</v>
      </c>
      <c r="OO23" s="122">
        <v>12323415</v>
      </c>
      <c r="OP23" s="122">
        <v>9174237</v>
      </c>
      <c r="OQ23" s="123">
        <v>48731682</v>
      </c>
      <c r="OR23" s="160">
        <v>975518.29220945097</v>
      </c>
    </row>
    <row r="24" spans="1:408" ht="20.25" customHeight="1" x14ac:dyDescent="0.2">
      <c r="A24" s="129" t="s">
        <v>19</v>
      </c>
      <c r="B24" s="112">
        <v>135127</v>
      </c>
      <c r="C24" s="116">
        <v>756971</v>
      </c>
      <c r="D24" s="115">
        <v>892098</v>
      </c>
      <c r="E24" s="111">
        <v>0</v>
      </c>
      <c r="F24" s="116">
        <v>2753274</v>
      </c>
      <c r="G24" s="116">
        <v>2337178</v>
      </c>
      <c r="H24" s="116">
        <v>3004514</v>
      </c>
      <c r="I24" s="116">
        <v>1410679</v>
      </c>
      <c r="J24" s="116">
        <v>1615006</v>
      </c>
      <c r="K24" s="111">
        <v>11120651</v>
      </c>
      <c r="L24" s="118">
        <v>12012749</v>
      </c>
      <c r="M24" s="112">
        <v>75914</v>
      </c>
      <c r="N24" s="116">
        <v>168681</v>
      </c>
      <c r="O24" s="115">
        <v>244595</v>
      </c>
      <c r="P24" s="112">
        <v>0</v>
      </c>
      <c r="Q24" s="116">
        <v>572429</v>
      </c>
      <c r="R24" s="116">
        <v>883399</v>
      </c>
      <c r="S24" s="116">
        <v>838199</v>
      </c>
      <c r="T24" s="116">
        <v>602633</v>
      </c>
      <c r="U24" s="116">
        <v>571414</v>
      </c>
      <c r="V24" s="115">
        <v>3468074</v>
      </c>
      <c r="W24" s="118">
        <v>3712669</v>
      </c>
      <c r="X24" s="112">
        <v>0</v>
      </c>
      <c r="Y24" s="116">
        <v>0</v>
      </c>
      <c r="Z24" s="115">
        <v>0</v>
      </c>
      <c r="AA24" s="112">
        <v>0</v>
      </c>
      <c r="AB24" s="116">
        <v>122531</v>
      </c>
      <c r="AC24" s="116">
        <v>352385</v>
      </c>
      <c r="AD24" s="116">
        <v>321151</v>
      </c>
      <c r="AE24" s="116">
        <v>197025</v>
      </c>
      <c r="AF24" s="116">
        <v>0</v>
      </c>
      <c r="AG24" s="115">
        <v>993092</v>
      </c>
      <c r="AH24" s="118">
        <v>993092</v>
      </c>
      <c r="AI24" s="112">
        <v>0</v>
      </c>
      <c r="AJ24" s="116">
        <v>0</v>
      </c>
      <c r="AK24" s="115">
        <v>0</v>
      </c>
      <c r="AL24" s="112">
        <v>0</v>
      </c>
      <c r="AM24" s="116">
        <v>0</v>
      </c>
      <c r="AN24" s="116">
        <v>0</v>
      </c>
      <c r="AO24" s="116">
        <v>79381</v>
      </c>
      <c r="AP24" s="116">
        <v>39445</v>
      </c>
      <c r="AQ24" s="116">
        <v>40887</v>
      </c>
      <c r="AR24" s="115">
        <v>159713</v>
      </c>
      <c r="AS24" s="118">
        <v>159713</v>
      </c>
      <c r="AT24" s="112">
        <v>46759</v>
      </c>
      <c r="AU24" s="116">
        <v>105674</v>
      </c>
      <c r="AV24" s="115">
        <v>152433</v>
      </c>
      <c r="AW24" s="112">
        <v>0</v>
      </c>
      <c r="AX24" s="116">
        <v>293658</v>
      </c>
      <c r="AY24" s="116">
        <v>418433</v>
      </c>
      <c r="AZ24" s="116">
        <v>202896</v>
      </c>
      <c r="BA24" s="116">
        <v>258034</v>
      </c>
      <c r="BB24" s="116">
        <v>463397</v>
      </c>
      <c r="BC24" s="115">
        <v>1636418</v>
      </c>
      <c r="BD24" s="118">
        <v>1788851</v>
      </c>
      <c r="BE24" s="112">
        <v>0</v>
      </c>
      <c r="BF24" s="116">
        <v>0</v>
      </c>
      <c r="BG24" s="114">
        <v>0</v>
      </c>
      <c r="BH24" s="113">
        <v>0</v>
      </c>
      <c r="BI24" s="116">
        <v>27650</v>
      </c>
      <c r="BJ24" s="116">
        <v>0</v>
      </c>
      <c r="BK24" s="116">
        <v>61206</v>
      </c>
      <c r="BL24" s="116">
        <v>0</v>
      </c>
      <c r="BM24" s="116">
        <v>0</v>
      </c>
      <c r="BN24" s="115">
        <v>88856</v>
      </c>
      <c r="BO24" s="118">
        <v>88856</v>
      </c>
      <c r="BP24" s="112">
        <v>29155</v>
      </c>
      <c r="BQ24" s="116">
        <v>63007</v>
      </c>
      <c r="BR24" s="115">
        <v>92162</v>
      </c>
      <c r="BS24" s="112">
        <v>0</v>
      </c>
      <c r="BT24" s="116">
        <v>128590</v>
      </c>
      <c r="BU24" s="116">
        <v>112581</v>
      </c>
      <c r="BV24" s="116">
        <v>173565</v>
      </c>
      <c r="BW24" s="116">
        <v>108129</v>
      </c>
      <c r="BX24" s="116">
        <v>67130</v>
      </c>
      <c r="BY24" s="115">
        <v>589995</v>
      </c>
      <c r="BZ24" s="118">
        <v>682157</v>
      </c>
      <c r="CA24" s="112">
        <v>0</v>
      </c>
      <c r="CB24" s="116">
        <v>104784</v>
      </c>
      <c r="CC24" s="115">
        <v>104784</v>
      </c>
      <c r="CD24" s="112">
        <v>0</v>
      </c>
      <c r="CE24" s="116">
        <v>972115</v>
      </c>
      <c r="CF24" s="116">
        <v>468158</v>
      </c>
      <c r="CG24" s="116">
        <v>592389</v>
      </c>
      <c r="CH24" s="116">
        <v>385443</v>
      </c>
      <c r="CI24" s="116">
        <v>333180</v>
      </c>
      <c r="CJ24" s="115">
        <v>2751285</v>
      </c>
      <c r="CK24" s="118">
        <v>2856069</v>
      </c>
      <c r="CL24" s="112">
        <v>0</v>
      </c>
      <c r="CM24" s="116">
        <v>0</v>
      </c>
      <c r="CN24" s="115">
        <v>0</v>
      </c>
      <c r="CO24" s="113">
        <v>0</v>
      </c>
      <c r="CP24" s="116">
        <v>761244</v>
      </c>
      <c r="CQ24" s="116">
        <v>312286</v>
      </c>
      <c r="CR24" s="116">
        <v>416540</v>
      </c>
      <c r="CS24" s="116">
        <v>30086</v>
      </c>
      <c r="CT24" s="116">
        <v>200812</v>
      </c>
      <c r="CU24" s="115">
        <v>1720968</v>
      </c>
      <c r="CV24" s="118">
        <v>1720968</v>
      </c>
      <c r="CW24" s="112">
        <v>0</v>
      </c>
      <c r="CX24" s="116">
        <v>104784</v>
      </c>
      <c r="CY24" s="115">
        <v>104784</v>
      </c>
      <c r="CZ24" s="112">
        <v>0</v>
      </c>
      <c r="DA24" s="116">
        <v>210871</v>
      </c>
      <c r="DB24" s="116">
        <v>155872</v>
      </c>
      <c r="DC24" s="116">
        <v>175849</v>
      </c>
      <c r="DD24" s="116">
        <v>355357</v>
      </c>
      <c r="DE24" s="116">
        <v>132368</v>
      </c>
      <c r="DF24" s="115">
        <v>1030317</v>
      </c>
      <c r="DG24" s="118">
        <v>1135101</v>
      </c>
      <c r="DH24" s="112">
        <v>0</v>
      </c>
      <c r="DI24" s="116">
        <v>16030</v>
      </c>
      <c r="DJ24" s="114">
        <v>16030</v>
      </c>
      <c r="DK24" s="113">
        <v>0</v>
      </c>
      <c r="DL24" s="116">
        <v>18631</v>
      </c>
      <c r="DM24" s="116">
        <v>209588</v>
      </c>
      <c r="DN24" s="116">
        <v>181180</v>
      </c>
      <c r="DO24" s="116">
        <v>69754</v>
      </c>
      <c r="DP24" s="116">
        <v>0</v>
      </c>
      <c r="DQ24" s="115">
        <v>479153</v>
      </c>
      <c r="DR24" s="118">
        <v>495183</v>
      </c>
      <c r="DS24" s="112">
        <v>0</v>
      </c>
      <c r="DT24" s="116">
        <v>16030</v>
      </c>
      <c r="DU24" s="115">
        <v>16030</v>
      </c>
      <c r="DV24" s="112">
        <v>0</v>
      </c>
      <c r="DW24" s="116">
        <v>18631</v>
      </c>
      <c r="DX24" s="116">
        <v>122271</v>
      </c>
      <c r="DY24" s="116">
        <v>154144</v>
      </c>
      <c r="DZ24" s="116">
        <v>0</v>
      </c>
      <c r="EA24" s="116">
        <v>0</v>
      </c>
      <c r="EB24" s="115">
        <v>295046</v>
      </c>
      <c r="EC24" s="118">
        <v>311076</v>
      </c>
      <c r="ED24" s="112">
        <v>0</v>
      </c>
      <c r="EE24" s="114">
        <v>0</v>
      </c>
      <c r="EF24" s="115">
        <v>0</v>
      </c>
      <c r="EG24" s="112">
        <v>0</v>
      </c>
      <c r="EH24" s="116">
        <v>0</v>
      </c>
      <c r="EI24" s="116">
        <v>87317</v>
      </c>
      <c r="EJ24" s="116">
        <v>27036</v>
      </c>
      <c r="EK24" s="116">
        <v>69754</v>
      </c>
      <c r="EL24" s="116">
        <v>0</v>
      </c>
      <c r="EM24" s="114">
        <v>184107</v>
      </c>
      <c r="EN24" s="118">
        <v>184107</v>
      </c>
      <c r="EO24" s="112">
        <v>0</v>
      </c>
      <c r="EP24" s="116">
        <v>0</v>
      </c>
      <c r="EQ24" s="114">
        <v>0</v>
      </c>
      <c r="ER24" s="113">
        <v>0</v>
      </c>
      <c r="ES24" s="116">
        <v>0</v>
      </c>
      <c r="ET24" s="116">
        <v>0</v>
      </c>
      <c r="EU24" s="116">
        <v>0</v>
      </c>
      <c r="EV24" s="116">
        <v>0</v>
      </c>
      <c r="EW24" s="116">
        <v>0</v>
      </c>
      <c r="EX24" s="115">
        <v>0</v>
      </c>
      <c r="EY24" s="118">
        <v>0</v>
      </c>
      <c r="EZ24" s="112">
        <v>0</v>
      </c>
      <c r="FA24" s="116">
        <v>0</v>
      </c>
      <c r="FB24" s="114">
        <v>0</v>
      </c>
      <c r="FC24" s="390"/>
      <c r="FD24" s="116">
        <v>0</v>
      </c>
      <c r="FE24" s="116">
        <v>0</v>
      </c>
      <c r="FF24" s="116">
        <v>0</v>
      </c>
      <c r="FG24" s="116">
        <v>0</v>
      </c>
      <c r="FH24" s="116">
        <v>0</v>
      </c>
      <c r="FI24" s="115">
        <v>0</v>
      </c>
      <c r="FJ24" s="118">
        <v>0</v>
      </c>
      <c r="FK24" s="112">
        <v>12460</v>
      </c>
      <c r="FL24" s="116">
        <v>143388</v>
      </c>
      <c r="FM24" s="115">
        <v>155848</v>
      </c>
      <c r="FN24" s="112">
        <v>0</v>
      </c>
      <c r="FO24" s="116">
        <v>81620</v>
      </c>
      <c r="FP24" s="116">
        <v>312462</v>
      </c>
      <c r="FQ24" s="116">
        <v>217035</v>
      </c>
      <c r="FR24" s="116">
        <v>164598</v>
      </c>
      <c r="FS24" s="116">
        <v>90118</v>
      </c>
      <c r="FT24" s="115">
        <v>865833</v>
      </c>
      <c r="FU24" s="118">
        <v>1021681</v>
      </c>
      <c r="FV24" s="117">
        <v>12460</v>
      </c>
      <c r="FW24" s="116">
        <v>39340</v>
      </c>
      <c r="FX24" s="114">
        <v>51800</v>
      </c>
      <c r="FY24" s="113">
        <v>0</v>
      </c>
      <c r="FZ24" s="116">
        <v>81620</v>
      </c>
      <c r="GA24" s="116">
        <v>246281</v>
      </c>
      <c r="GB24" s="116">
        <v>217035</v>
      </c>
      <c r="GC24" s="116">
        <v>164598</v>
      </c>
      <c r="GD24" s="116">
        <v>90118</v>
      </c>
      <c r="GE24" s="115">
        <v>799652</v>
      </c>
      <c r="GF24" s="354">
        <v>851452</v>
      </c>
      <c r="GG24" s="117">
        <v>0</v>
      </c>
      <c r="GH24" s="116">
        <v>0</v>
      </c>
      <c r="GI24" s="114">
        <v>0</v>
      </c>
      <c r="GJ24" s="113">
        <v>0</v>
      </c>
      <c r="GK24" s="116">
        <v>0</v>
      </c>
      <c r="GL24" s="116">
        <v>66181</v>
      </c>
      <c r="GM24" s="116">
        <v>0</v>
      </c>
      <c r="GN24" s="116">
        <v>0</v>
      </c>
      <c r="GO24" s="116">
        <v>0</v>
      </c>
      <c r="GP24" s="115">
        <v>66181</v>
      </c>
      <c r="GQ24" s="118">
        <v>66181</v>
      </c>
      <c r="GR24" s="112">
        <v>0</v>
      </c>
      <c r="GS24" s="116">
        <v>104048</v>
      </c>
      <c r="GT24" s="115">
        <v>104048</v>
      </c>
      <c r="GU24" s="112">
        <v>0</v>
      </c>
      <c r="GV24" s="116">
        <v>0</v>
      </c>
      <c r="GW24" s="116">
        <v>0</v>
      </c>
      <c r="GX24" s="116">
        <v>0</v>
      </c>
      <c r="GY24" s="116">
        <v>0</v>
      </c>
      <c r="GZ24" s="116">
        <v>0</v>
      </c>
      <c r="HA24" s="114">
        <v>0</v>
      </c>
      <c r="HB24" s="118">
        <v>104048</v>
      </c>
      <c r="HC24" s="112">
        <v>46753</v>
      </c>
      <c r="HD24" s="116">
        <v>324088</v>
      </c>
      <c r="HE24" s="114">
        <v>370841</v>
      </c>
      <c r="HF24" s="113">
        <v>0</v>
      </c>
      <c r="HG24" s="116">
        <v>1108479</v>
      </c>
      <c r="HH24" s="116">
        <v>463571</v>
      </c>
      <c r="HI24" s="116">
        <v>1175711</v>
      </c>
      <c r="HJ24" s="116">
        <v>188251</v>
      </c>
      <c r="HK24" s="116">
        <v>620294</v>
      </c>
      <c r="HL24" s="115">
        <v>3556306</v>
      </c>
      <c r="HM24" s="111">
        <v>3927147</v>
      </c>
      <c r="HN24" s="370"/>
      <c r="HO24" s="371"/>
      <c r="HP24" s="372"/>
      <c r="HQ24" s="373"/>
      <c r="HR24" s="371"/>
      <c r="HS24" s="371"/>
      <c r="HT24" s="371"/>
      <c r="HU24" s="371"/>
      <c r="HV24" s="371"/>
      <c r="HW24" s="374"/>
      <c r="HX24" s="375"/>
      <c r="HY24" s="167">
        <v>0</v>
      </c>
      <c r="HZ24" s="152">
        <v>0</v>
      </c>
      <c r="IA24" s="167">
        <v>0</v>
      </c>
      <c r="IB24" s="151">
        <v>0</v>
      </c>
      <c r="IC24" s="152">
        <v>686308</v>
      </c>
      <c r="ID24" s="153">
        <v>548330</v>
      </c>
      <c r="IE24" s="154">
        <v>414642</v>
      </c>
      <c r="IF24" s="152">
        <v>1166802</v>
      </c>
      <c r="IG24" s="154">
        <v>250387</v>
      </c>
      <c r="IH24" s="155">
        <v>3066469</v>
      </c>
      <c r="II24" s="167">
        <v>3066469</v>
      </c>
      <c r="IJ24" s="261">
        <v>0</v>
      </c>
      <c r="IK24" s="268">
        <v>0</v>
      </c>
      <c r="IL24" s="269">
        <v>0</v>
      </c>
      <c r="IM24" s="157"/>
      <c r="IN24" s="122">
        <v>0</v>
      </c>
      <c r="IO24" s="122">
        <v>0</v>
      </c>
      <c r="IP24" s="122">
        <v>0</v>
      </c>
      <c r="IQ24" s="122">
        <v>346666</v>
      </c>
      <c r="IR24" s="122">
        <v>0</v>
      </c>
      <c r="IS24" s="158">
        <v>346666</v>
      </c>
      <c r="IT24" s="357">
        <v>346666</v>
      </c>
      <c r="IU24" s="159">
        <v>0</v>
      </c>
      <c r="IV24" s="122">
        <v>0</v>
      </c>
      <c r="IW24" s="123">
        <v>0</v>
      </c>
      <c r="IX24" s="161"/>
      <c r="IY24" s="122">
        <v>0</v>
      </c>
      <c r="IZ24" s="122">
        <v>0</v>
      </c>
      <c r="JA24" s="122">
        <v>4344</v>
      </c>
      <c r="JB24" s="122">
        <v>8725</v>
      </c>
      <c r="JC24" s="122">
        <v>0</v>
      </c>
      <c r="JD24" s="123">
        <v>13069</v>
      </c>
      <c r="JE24" s="124">
        <v>13069</v>
      </c>
      <c r="JF24" s="159">
        <v>0</v>
      </c>
      <c r="JG24" s="122">
        <v>0</v>
      </c>
      <c r="JH24" s="158">
        <v>0</v>
      </c>
      <c r="JI24" s="121">
        <v>0</v>
      </c>
      <c r="JJ24" s="122">
        <v>321574</v>
      </c>
      <c r="JK24" s="122">
        <v>168220</v>
      </c>
      <c r="JL24" s="122">
        <v>186246</v>
      </c>
      <c r="JM24" s="122">
        <v>139665</v>
      </c>
      <c r="JN24" s="122">
        <v>0</v>
      </c>
      <c r="JO24" s="123">
        <v>815705</v>
      </c>
      <c r="JP24" s="357">
        <v>815705</v>
      </c>
      <c r="JQ24" s="159">
        <v>0</v>
      </c>
      <c r="JR24" s="122">
        <v>0</v>
      </c>
      <c r="JS24" s="158">
        <v>0</v>
      </c>
      <c r="JT24" s="121">
        <v>0</v>
      </c>
      <c r="JU24" s="122">
        <v>34332</v>
      </c>
      <c r="JV24" s="122">
        <v>219184</v>
      </c>
      <c r="JW24" s="122">
        <v>9799</v>
      </c>
      <c r="JX24" s="122">
        <v>0</v>
      </c>
      <c r="JY24" s="122">
        <v>0</v>
      </c>
      <c r="JZ24" s="123">
        <v>263315</v>
      </c>
      <c r="KA24" s="357">
        <v>263315</v>
      </c>
      <c r="KB24" s="264">
        <v>0</v>
      </c>
      <c r="KC24" s="258">
        <v>0</v>
      </c>
      <c r="KD24" s="123">
        <v>0</v>
      </c>
      <c r="KE24" s="121">
        <v>0</v>
      </c>
      <c r="KF24" s="122">
        <v>116424</v>
      </c>
      <c r="KG24" s="122">
        <v>160926</v>
      </c>
      <c r="KH24" s="122">
        <v>214253</v>
      </c>
      <c r="KI24" s="122">
        <v>438084</v>
      </c>
      <c r="KJ24" s="122">
        <v>250387</v>
      </c>
      <c r="KK24" s="123">
        <v>1180074</v>
      </c>
      <c r="KL24" s="160">
        <v>1180074</v>
      </c>
      <c r="KM24" s="261">
        <v>0</v>
      </c>
      <c r="KN24" s="268">
        <v>0</v>
      </c>
      <c r="KO24" s="269">
        <v>0</v>
      </c>
      <c r="KP24" s="157"/>
      <c r="KQ24" s="122">
        <v>213978</v>
      </c>
      <c r="KR24" s="122">
        <v>0</v>
      </c>
      <c r="KS24" s="122">
        <v>0</v>
      </c>
      <c r="KT24" s="122">
        <v>233662</v>
      </c>
      <c r="KU24" s="122">
        <v>0</v>
      </c>
      <c r="KV24" s="123">
        <v>447640</v>
      </c>
      <c r="KW24" s="357">
        <v>447640</v>
      </c>
      <c r="KX24" s="159">
        <v>0</v>
      </c>
      <c r="KY24" s="122">
        <v>0</v>
      </c>
      <c r="KZ24" s="123">
        <v>0</v>
      </c>
      <c r="LA24" s="162"/>
      <c r="LB24" s="122">
        <v>0</v>
      </c>
      <c r="LC24" s="122">
        <v>0</v>
      </c>
      <c r="LD24" s="122">
        <v>0</v>
      </c>
      <c r="LE24" s="122">
        <v>0</v>
      </c>
      <c r="LF24" s="122">
        <v>0</v>
      </c>
      <c r="LG24" s="123">
        <v>0</v>
      </c>
      <c r="LH24" s="124">
        <v>0</v>
      </c>
      <c r="LI24" s="159">
        <v>0</v>
      </c>
      <c r="LJ24" s="122">
        <v>0</v>
      </c>
      <c r="LK24" s="123">
        <v>0</v>
      </c>
      <c r="LL24" s="162"/>
      <c r="LM24" s="122">
        <v>0</v>
      </c>
      <c r="LN24" s="122">
        <v>0</v>
      </c>
      <c r="LO24" s="122">
        <v>0</v>
      </c>
      <c r="LP24" s="122">
        <v>0</v>
      </c>
      <c r="LQ24" s="122">
        <v>0</v>
      </c>
      <c r="LR24" s="123">
        <v>0</v>
      </c>
      <c r="LS24" s="357">
        <v>0</v>
      </c>
      <c r="LT24" s="159">
        <v>0</v>
      </c>
      <c r="LU24" s="122">
        <v>0</v>
      </c>
      <c r="LV24" s="123">
        <v>0</v>
      </c>
      <c r="LW24" s="162"/>
      <c r="LX24" s="122">
        <v>0</v>
      </c>
      <c r="LY24" s="122">
        <v>0</v>
      </c>
      <c r="LZ24" s="122">
        <v>0</v>
      </c>
      <c r="MA24" s="122">
        <v>0</v>
      </c>
      <c r="MB24" s="122">
        <v>0</v>
      </c>
      <c r="MC24" s="123">
        <v>0</v>
      </c>
      <c r="MD24" s="124">
        <v>0</v>
      </c>
      <c r="ME24" s="159">
        <v>0</v>
      </c>
      <c r="MF24" s="122">
        <v>0</v>
      </c>
      <c r="MG24" s="123">
        <v>0</v>
      </c>
      <c r="MH24" s="162"/>
      <c r="MI24" s="122">
        <v>210545</v>
      </c>
      <c r="MJ24" s="122">
        <v>423661</v>
      </c>
      <c r="MK24" s="122">
        <v>1597642</v>
      </c>
      <c r="ML24" s="122">
        <v>892428</v>
      </c>
      <c r="MM24" s="122">
        <v>980931</v>
      </c>
      <c r="MN24" s="123">
        <v>4105207</v>
      </c>
      <c r="MO24" s="160">
        <v>4105207</v>
      </c>
      <c r="MP24" s="159">
        <v>0</v>
      </c>
      <c r="MQ24" s="122">
        <v>0</v>
      </c>
      <c r="MR24" s="123">
        <v>0</v>
      </c>
      <c r="MS24" s="162"/>
      <c r="MT24" s="122">
        <v>0</v>
      </c>
      <c r="MU24" s="122">
        <v>0</v>
      </c>
      <c r="MV24" s="122">
        <v>618459</v>
      </c>
      <c r="MW24" s="122">
        <v>901272</v>
      </c>
      <c r="MX24" s="122">
        <v>748621</v>
      </c>
      <c r="MY24" s="123">
        <v>2268352</v>
      </c>
      <c r="MZ24" s="160">
        <v>2268352</v>
      </c>
      <c r="NA24" s="159">
        <v>0</v>
      </c>
      <c r="NB24" s="122">
        <v>0</v>
      </c>
      <c r="NC24" s="123">
        <v>0</v>
      </c>
      <c r="ND24" s="162"/>
      <c r="NE24" s="122">
        <v>210545</v>
      </c>
      <c r="NF24" s="122">
        <v>423661</v>
      </c>
      <c r="NG24" s="122">
        <v>979183</v>
      </c>
      <c r="NH24" s="122">
        <v>0</v>
      </c>
      <c r="NI24" s="122">
        <v>232310</v>
      </c>
      <c r="NJ24" s="123">
        <v>1845699</v>
      </c>
      <c r="NK24" s="357">
        <v>1845699</v>
      </c>
      <c r="NL24" s="159">
        <v>0</v>
      </c>
      <c r="NM24" s="122">
        <v>0</v>
      </c>
      <c r="NN24" s="123">
        <v>0</v>
      </c>
      <c r="NO24" s="162"/>
      <c r="NP24" s="122">
        <v>0</v>
      </c>
      <c r="NQ24" s="122">
        <v>0</v>
      </c>
      <c r="NR24" s="122">
        <v>0</v>
      </c>
      <c r="NS24" s="122">
        <v>0</v>
      </c>
      <c r="NT24" s="122">
        <v>0</v>
      </c>
      <c r="NU24" s="123">
        <v>0</v>
      </c>
      <c r="NV24" s="124">
        <v>0</v>
      </c>
      <c r="NW24" s="159">
        <v>0</v>
      </c>
      <c r="NX24" s="122">
        <v>0</v>
      </c>
      <c r="NY24" s="123">
        <v>0</v>
      </c>
      <c r="NZ24" s="162"/>
      <c r="OA24" s="122">
        <v>0</v>
      </c>
      <c r="OB24" s="122">
        <v>0</v>
      </c>
      <c r="OC24" s="122">
        <v>0</v>
      </c>
      <c r="OD24" s="122">
        <v>-8844</v>
      </c>
      <c r="OE24" s="122">
        <v>0</v>
      </c>
      <c r="OF24" s="123">
        <v>-8844</v>
      </c>
      <c r="OG24" s="124">
        <v>-8844</v>
      </c>
      <c r="OH24" s="159">
        <v>135127</v>
      </c>
      <c r="OI24" s="122">
        <v>756971</v>
      </c>
      <c r="OJ24" s="158">
        <v>892098</v>
      </c>
      <c r="OK24" s="121">
        <v>0</v>
      </c>
      <c r="OL24" s="122">
        <v>3650127</v>
      </c>
      <c r="OM24" s="122">
        <v>3309169</v>
      </c>
      <c r="ON24" s="122">
        <v>5016798</v>
      </c>
      <c r="OO24" s="122">
        <v>3469909</v>
      </c>
      <c r="OP24" s="122">
        <v>2846324</v>
      </c>
      <c r="OQ24" s="123">
        <v>18292327</v>
      </c>
      <c r="OR24" s="160">
        <v>429372.891625616</v>
      </c>
    </row>
    <row r="25" spans="1:408" ht="20.25" customHeight="1" x14ac:dyDescent="0.2">
      <c r="A25" s="129" t="s">
        <v>20</v>
      </c>
      <c r="B25" s="112">
        <v>179216</v>
      </c>
      <c r="C25" s="116">
        <v>587738</v>
      </c>
      <c r="D25" s="115">
        <v>766954</v>
      </c>
      <c r="E25" s="112">
        <v>0</v>
      </c>
      <c r="F25" s="116">
        <v>3261339</v>
      </c>
      <c r="G25" s="116">
        <v>3201765</v>
      </c>
      <c r="H25" s="116">
        <v>2556551</v>
      </c>
      <c r="I25" s="116">
        <v>3099453</v>
      </c>
      <c r="J25" s="116">
        <v>1527651</v>
      </c>
      <c r="K25" s="200">
        <v>13646759</v>
      </c>
      <c r="L25" s="118">
        <v>14413713</v>
      </c>
      <c r="M25" s="112">
        <v>69932</v>
      </c>
      <c r="N25" s="116">
        <v>183779</v>
      </c>
      <c r="O25" s="115">
        <v>253711</v>
      </c>
      <c r="P25" s="112">
        <v>0</v>
      </c>
      <c r="Q25" s="116">
        <v>1433392</v>
      </c>
      <c r="R25" s="116">
        <v>716328</v>
      </c>
      <c r="S25" s="116">
        <v>594350</v>
      </c>
      <c r="T25" s="116">
        <v>806639</v>
      </c>
      <c r="U25" s="116">
        <v>635098</v>
      </c>
      <c r="V25" s="115">
        <v>4185807</v>
      </c>
      <c r="W25" s="118">
        <v>4439518</v>
      </c>
      <c r="X25" s="112">
        <v>0</v>
      </c>
      <c r="Y25" s="116">
        <v>0</v>
      </c>
      <c r="Z25" s="115">
        <v>0</v>
      </c>
      <c r="AA25" s="112">
        <v>0</v>
      </c>
      <c r="AB25" s="116">
        <v>600471</v>
      </c>
      <c r="AC25" s="116">
        <v>247251</v>
      </c>
      <c r="AD25" s="116">
        <v>195794</v>
      </c>
      <c r="AE25" s="116">
        <v>474588</v>
      </c>
      <c r="AF25" s="116">
        <v>336596</v>
      </c>
      <c r="AG25" s="115">
        <v>1854700</v>
      </c>
      <c r="AH25" s="118">
        <v>1854700</v>
      </c>
      <c r="AI25" s="112">
        <v>0</v>
      </c>
      <c r="AJ25" s="116">
        <v>0</v>
      </c>
      <c r="AK25" s="115">
        <v>0</v>
      </c>
      <c r="AL25" s="112">
        <v>0</v>
      </c>
      <c r="AM25" s="116">
        <v>41035</v>
      </c>
      <c r="AN25" s="116">
        <v>0</v>
      </c>
      <c r="AO25" s="116">
        <v>41034</v>
      </c>
      <c r="AP25" s="116">
        <v>0</v>
      </c>
      <c r="AQ25" s="116">
        <v>200741</v>
      </c>
      <c r="AR25" s="115">
        <v>282810</v>
      </c>
      <c r="AS25" s="118">
        <v>282810</v>
      </c>
      <c r="AT25" s="112">
        <v>18989</v>
      </c>
      <c r="AU25" s="116">
        <v>141962</v>
      </c>
      <c r="AV25" s="115">
        <v>160951</v>
      </c>
      <c r="AW25" s="112">
        <v>0</v>
      </c>
      <c r="AX25" s="116">
        <v>524103</v>
      </c>
      <c r="AY25" s="116">
        <v>231607</v>
      </c>
      <c r="AZ25" s="116">
        <v>199325</v>
      </c>
      <c r="BA25" s="116">
        <v>109766</v>
      </c>
      <c r="BB25" s="116">
        <v>0</v>
      </c>
      <c r="BC25" s="115">
        <v>1064801</v>
      </c>
      <c r="BD25" s="118">
        <v>1225752</v>
      </c>
      <c r="BE25" s="112">
        <v>42935</v>
      </c>
      <c r="BF25" s="116">
        <v>33592</v>
      </c>
      <c r="BG25" s="114">
        <v>76527</v>
      </c>
      <c r="BH25" s="113">
        <v>0</v>
      </c>
      <c r="BI25" s="116">
        <v>44224</v>
      </c>
      <c r="BJ25" s="116">
        <v>110567</v>
      </c>
      <c r="BK25" s="116">
        <v>85444</v>
      </c>
      <c r="BL25" s="116">
        <v>0</v>
      </c>
      <c r="BM25" s="116">
        <v>10674</v>
      </c>
      <c r="BN25" s="115">
        <v>250909</v>
      </c>
      <c r="BO25" s="118">
        <v>327436</v>
      </c>
      <c r="BP25" s="112">
        <v>8008</v>
      </c>
      <c r="BQ25" s="116">
        <v>8225</v>
      </c>
      <c r="BR25" s="115">
        <v>16233</v>
      </c>
      <c r="BS25" s="112">
        <v>0</v>
      </c>
      <c r="BT25" s="116">
        <v>223559</v>
      </c>
      <c r="BU25" s="116">
        <v>126903</v>
      </c>
      <c r="BV25" s="116">
        <v>72753</v>
      </c>
      <c r="BW25" s="116">
        <v>222285</v>
      </c>
      <c r="BX25" s="116">
        <v>87087</v>
      </c>
      <c r="BY25" s="115">
        <v>732587</v>
      </c>
      <c r="BZ25" s="118">
        <v>748820</v>
      </c>
      <c r="CA25" s="112">
        <v>36837</v>
      </c>
      <c r="CB25" s="116">
        <v>138161</v>
      </c>
      <c r="CC25" s="115">
        <v>174998</v>
      </c>
      <c r="CD25" s="112">
        <v>0</v>
      </c>
      <c r="CE25" s="116">
        <v>670968</v>
      </c>
      <c r="CF25" s="116">
        <v>1089607</v>
      </c>
      <c r="CG25" s="116">
        <v>614512</v>
      </c>
      <c r="CH25" s="116">
        <v>388815</v>
      </c>
      <c r="CI25" s="116">
        <v>361730</v>
      </c>
      <c r="CJ25" s="115">
        <v>3125632</v>
      </c>
      <c r="CK25" s="118">
        <v>3300630</v>
      </c>
      <c r="CL25" s="112">
        <v>0</v>
      </c>
      <c r="CM25" s="116">
        <v>0</v>
      </c>
      <c r="CN25" s="115">
        <v>0</v>
      </c>
      <c r="CO25" s="113">
        <v>0</v>
      </c>
      <c r="CP25" s="116">
        <v>258143</v>
      </c>
      <c r="CQ25" s="116">
        <v>432158</v>
      </c>
      <c r="CR25" s="116">
        <v>413310</v>
      </c>
      <c r="CS25" s="116">
        <v>279586</v>
      </c>
      <c r="CT25" s="116">
        <v>243227</v>
      </c>
      <c r="CU25" s="115">
        <v>1626424</v>
      </c>
      <c r="CV25" s="118">
        <v>1626424</v>
      </c>
      <c r="CW25" s="112">
        <v>36837</v>
      </c>
      <c r="CX25" s="116">
        <v>138161</v>
      </c>
      <c r="CY25" s="115">
        <v>174998</v>
      </c>
      <c r="CZ25" s="112">
        <v>0</v>
      </c>
      <c r="DA25" s="116">
        <v>412825</v>
      </c>
      <c r="DB25" s="116">
        <v>657449</v>
      </c>
      <c r="DC25" s="116">
        <v>201202</v>
      </c>
      <c r="DD25" s="116">
        <v>109229</v>
      </c>
      <c r="DE25" s="116">
        <v>118503</v>
      </c>
      <c r="DF25" s="115">
        <v>1499208</v>
      </c>
      <c r="DG25" s="118">
        <v>1674206</v>
      </c>
      <c r="DH25" s="112">
        <v>0</v>
      </c>
      <c r="DI25" s="116">
        <v>39690</v>
      </c>
      <c r="DJ25" s="114">
        <v>39690</v>
      </c>
      <c r="DK25" s="113">
        <v>0</v>
      </c>
      <c r="DL25" s="116">
        <v>50770</v>
      </c>
      <c r="DM25" s="116">
        <v>125832</v>
      </c>
      <c r="DN25" s="116">
        <v>714347</v>
      </c>
      <c r="DO25" s="116">
        <v>128852</v>
      </c>
      <c r="DP25" s="116">
        <v>0</v>
      </c>
      <c r="DQ25" s="115">
        <v>1019801</v>
      </c>
      <c r="DR25" s="118">
        <v>1059491</v>
      </c>
      <c r="DS25" s="112">
        <v>0</v>
      </c>
      <c r="DT25" s="116">
        <v>39690</v>
      </c>
      <c r="DU25" s="115">
        <v>39690</v>
      </c>
      <c r="DV25" s="112">
        <v>0</v>
      </c>
      <c r="DW25" s="116">
        <v>50770</v>
      </c>
      <c r="DX25" s="116">
        <v>47427</v>
      </c>
      <c r="DY25" s="116">
        <v>624690</v>
      </c>
      <c r="DZ25" s="116">
        <v>128852</v>
      </c>
      <c r="EA25" s="116">
        <v>0</v>
      </c>
      <c r="EB25" s="115">
        <v>851739</v>
      </c>
      <c r="EC25" s="118">
        <v>891429</v>
      </c>
      <c r="ED25" s="112">
        <v>0</v>
      </c>
      <c r="EE25" s="114">
        <v>0</v>
      </c>
      <c r="EF25" s="115">
        <v>0</v>
      </c>
      <c r="EG25" s="112">
        <v>0</v>
      </c>
      <c r="EH25" s="116">
        <v>0</v>
      </c>
      <c r="EI25" s="116">
        <v>78405</v>
      </c>
      <c r="EJ25" s="116">
        <v>89657</v>
      </c>
      <c r="EK25" s="116">
        <v>0</v>
      </c>
      <c r="EL25" s="116">
        <v>0</v>
      </c>
      <c r="EM25" s="114">
        <v>168062</v>
      </c>
      <c r="EN25" s="118">
        <v>168062</v>
      </c>
      <c r="EO25" s="112">
        <v>0</v>
      </c>
      <c r="EP25" s="116">
        <v>0</v>
      </c>
      <c r="EQ25" s="114">
        <v>0</v>
      </c>
      <c r="ER25" s="113">
        <v>0</v>
      </c>
      <c r="ES25" s="116">
        <v>0</v>
      </c>
      <c r="ET25" s="116">
        <v>0</v>
      </c>
      <c r="EU25" s="116">
        <v>0</v>
      </c>
      <c r="EV25" s="116">
        <v>0</v>
      </c>
      <c r="EW25" s="116">
        <v>0</v>
      </c>
      <c r="EX25" s="115">
        <v>0</v>
      </c>
      <c r="EY25" s="118">
        <v>0</v>
      </c>
      <c r="EZ25" s="112">
        <v>0</v>
      </c>
      <c r="FA25" s="116">
        <v>0</v>
      </c>
      <c r="FB25" s="114">
        <v>0</v>
      </c>
      <c r="FC25" s="390"/>
      <c r="FD25" s="116">
        <v>0</v>
      </c>
      <c r="FE25" s="116">
        <v>0</v>
      </c>
      <c r="FF25" s="116">
        <v>0</v>
      </c>
      <c r="FG25" s="116">
        <v>0</v>
      </c>
      <c r="FH25" s="116">
        <v>0</v>
      </c>
      <c r="FI25" s="115">
        <v>0</v>
      </c>
      <c r="FJ25" s="118">
        <v>0</v>
      </c>
      <c r="FK25" s="112">
        <v>23555</v>
      </c>
      <c r="FL25" s="116">
        <v>68306</v>
      </c>
      <c r="FM25" s="115">
        <v>91861</v>
      </c>
      <c r="FN25" s="112">
        <v>0</v>
      </c>
      <c r="FO25" s="116">
        <v>229061</v>
      </c>
      <c r="FP25" s="116">
        <v>329595</v>
      </c>
      <c r="FQ25" s="116">
        <v>293766</v>
      </c>
      <c r="FR25" s="116">
        <v>143696</v>
      </c>
      <c r="FS25" s="116">
        <v>111629</v>
      </c>
      <c r="FT25" s="115">
        <v>1107747</v>
      </c>
      <c r="FU25" s="118">
        <v>1199608</v>
      </c>
      <c r="FV25" s="117">
        <v>23555</v>
      </c>
      <c r="FW25" s="116">
        <v>57876</v>
      </c>
      <c r="FX25" s="114">
        <v>81431</v>
      </c>
      <c r="FY25" s="113">
        <v>0</v>
      </c>
      <c r="FZ25" s="116">
        <v>212429</v>
      </c>
      <c r="GA25" s="116">
        <v>249095</v>
      </c>
      <c r="GB25" s="116">
        <v>275100</v>
      </c>
      <c r="GC25" s="116">
        <v>143696</v>
      </c>
      <c r="GD25" s="116">
        <v>111629</v>
      </c>
      <c r="GE25" s="115">
        <v>991949</v>
      </c>
      <c r="GF25" s="354">
        <v>1073380</v>
      </c>
      <c r="GG25" s="117">
        <v>0</v>
      </c>
      <c r="GH25" s="116">
        <v>0</v>
      </c>
      <c r="GI25" s="114">
        <v>0</v>
      </c>
      <c r="GJ25" s="113">
        <v>0</v>
      </c>
      <c r="GK25" s="116">
        <v>16632</v>
      </c>
      <c r="GL25" s="116">
        <v>0</v>
      </c>
      <c r="GM25" s="116">
        <v>18666</v>
      </c>
      <c r="GN25" s="116">
        <v>0</v>
      </c>
      <c r="GO25" s="116">
        <v>0</v>
      </c>
      <c r="GP25" s="115">
        <v>35298</v>
      </c>
      <c r="GQ25" s="118">
        <v>35298</v>
      </c>
      <c r="GR25" s="112">
        <v>0</v>
      </c>
      <c r="GS25" s="116">
        <v>10430</v>
      </c>
      <c r="GT25" s="115">
        <v>10430</v>
      </c>
      <c r="GU25" s="112">
        <v>0</v>
      </c>
      <c r="GV25" s="116">
        <v>0</v>
      </c>
      <c r="GW25" s="116">
        <v>80500</v>
      </c>
      <c r="GX25" s="116">
        <v>0</v>
      </c>
      <c r="GY25" s="116">
        <v>0</v>
      </c>
      <c r="GZ25" s="116">
        <v>0</v>
      </c>
      <c r="HA25" s="114">
        <v>80500</v>
      </c>
      <c r="HB25" s="118">
        <v>90930</v>
      </c>
      <c r="HC25" s="112">
        <v>48892</v>
      </c>
      <c r="HD25" s="116">
        <v>157802</v>
      </c>
      <c r="HE25" s="114">
        <v>206694</v>
      </c>
      <c r="HF25" s="113">
        <v>0</v>
      </c>
      <c r="HG25" s="116">
        <v>877148</v>
      </c>
      <c r="HH25" s="116">
        <v>940403</v>
      </c>
      <c r="HI25" s="116">
        <v>339576</v>
      </c>
      <c r="HJ25" s="116">
        <v>1631451</v>
      </c>
      <c r="HK25" s="116">
        <v>419194</v>
      </c>
      <c r="HL25" s="115">
        <v>4207772</v>
      </c>
      <c r="HM25" s="111">
        <v>4414466</v>
      </c>
      <c r="HN25" s="370"/>
      <c r="HO25" s="371"/>
      <c r="HP25" s="372"/>
      <c r="HQ25" s="373"/>
      <c r="HR25" s="371"/>
      <c r="HS25" s="371"/>
      <c r="HT25" s="371"/>
      <c r="HU25" s="371"/>
      <c r="HV25" s="371"/>
      <c r="HW25" s="374"/>
      <c r="HX25" s="375"/>
      <c r="HY25" s="148">
        <v>0</v>
      </c>
      <c r="HZ25" s="149">
        <v>0</v>
      </c>
      <c r="IA25" s="150">
        <v>0</v>
      </c>
      <c r="IB25" s="163">
        <v>0</v>
      </c>
      <c r="IC25" s="149">
        <v>845964</v>
      </c>
      <c r="ID25" s="164">
        <v>639357</v>
      </c>
      <c r="IE25" s="150">
        <v>222793</v>
      </c>
      <c r="IF25" s="149">
        <v>357565</v>
      </c>
      <c r="IG25" s="150">
        <v>0</v>
      </c>
      <c r="IH25" s="165">
        <v>2065679</v>
      </c>
      <c r="II25" s="156">
        <v>2065679</v>
      </c>
      <c r="IJ25" s="261">
        <v>0</v>
      </c>
      <c r="IK25" s="268">
        <v>0</v>
      </c>
      <c r="IL25" s="269">
        <v>0</v>
      </c>
      <c r="IM25" s="157"/>
      <c r="IN25" s="122">
        <v>0</v>
      </c>
      <c r="IO25" s="122">
        <v>0</v>
      </c>
      <c r="IP25" s="122">
        <v>0</v>
      </c>
      <c r="IQ25" s="122">
        <v>0</v>
      </c>
      <c r="IR25" s="122">
        <v>0</v>
      </c>
      <c r="IS25" s="158">
        <v>0</v>
      </c>
      <c r="IT25" s="357">
        <v>0</v>
      </c>
      <c r="IU25" s="159">
        <v>0</v>
      </c>
      <c r="IV25" s="122">
        <v>0</v>
      </c>
      <c r="IW25" s="123">
        <v>0</v>
      </c>
      <c r="IX25" s="161"/>
      <c r="IY25" s="122">
        <v>0</v>
      </c>
      <c r="IZ25" s="122">
        <v>0</v>
      </c>
      <c r="JA25" s="122">
        <v>0</v>
      </c>
      <c r="JB25" s="122">
        <v>0</v>
      </c>
      <c r="JC25" s="122">
        <v>0</v>
      </c>
      <c r="JD25" s="123">
        <v>0</v>
      </c>
      <c r="JE25" s="124">
        <v>0</v>
      </c>
      <c r="JF25" s="159">
        <v>0</v>
      </c>
      <c r="JG25" s="122">
        <v>0</v>
      </c>
      <c r="JH25" s="158">
        <v>0</v>
      </c>
      <c r="JI25" s="121">
        <v>0</v>
      </c>
      <c r="JJ25" s="122">
        <v>258238</v>
      </c>
      <c r="JK25" s="122">
        <v>182212</v>
      </c>
      <c r="JL25" s="122">
        <v>0</v>
      </c>
      <c r="JM25" s="122">
        <v>61502</v>
      </c>
      <c r="JN25" s="122">
        <v>0</v>
      </c>
      <c r="JO25" s="123">
        <v>501952</v>
      </c>
      <c r="JP25" s="357">
        <v>501952</v>
      </c>
      <c r="JQ25" s="159">
        <v>0</v>
      </c>
      <c r="JR25" s="122">
        <v>0</v>
      </c>
      <c r="JS25" s="158">
        <v>0</v>
      </c>
      <c r="JT25" s="121">
        <v>0</v>
      </c>
      <c r="JU25" s="122">
        <v>0</v>
      </c>
      <c r="JV25" s="122">
        <v>0</v>
      </c>
      <c r="JW25" s="122">
        <v>0</v>
      </c>
      <c r="JX25" s="122">
        <v>63531</v>
      </c>
      <c r="JY25" s="122">
        <v>0</v>
      </c>
      <c r="JZ25" s="123">
        <v>63531</v>
      </c>
      <c r="KA25" s="357">
        <v>63531</v>
      </c>
      <c r="KB25" s="264">
        <v>0</v>
      </c>
      <c r="KC25" s="258">
        <v>0</v>
      </c>
      <c r="KD25" s="123">
        <v>0</v>
      </c>
      <c r="KE25" s="121">
        <v>0</v>
      </c>
      <c r="KF25" s="122">
        <v>169042</v>
      </c>
      <c r="KG25" s="122">
        <v>242572</v>
      </c>
      <c r="KH25" s="122">
        <v>0</v>
      </c>
      <c r="KI25" s="122">
        <v>0</v>
      </c>
      <c r="KJ25" s="122">
        <v>0</v>
      </c>
      <c r="KK25" s="123">
        <v>411614</v>
      </c>
      <c r="KL25" s="160">
        <v>411614</v>
      </c>
      <c r="KM25" s="261">
        <v>0</v>
      </c>
      <c r="KN25" s="268">
        <v>0</v>
      </c>
      <c r="KO25" s="269">
        <v>0</v>
      </c>
      <c r="KP25" s="157"/>
      <c r="KQ25" s="122">
        <v>418684</v>
      </c>
      <c r="KR25" s="122">
        <v>214573</v>
      </c>
      <c r="KS25" s="122">
        <v>222793</v>
      </c>
      <c r="KT25" s="122">
        <v>232532</v>
      </c>
      <c r="KU25" s="122">
        <v>0</v>
      </c>
      <c r="KV25" s="123">
        <v>1088582</v>
      </c>
      <c r="KW25" s="357">
        <v>1088582</v>
      </c>
      <c r="KX25" s="159">
        <v>0</v>
      </c>
      <c r="KY25" s="122">
        <v>0</v>
      </c>
      <c r="KZ25" s="123">
        <v>0</v>
      </c>
      <c r="LA25" s="162"/>
      <c r="LB25" s="122">
        <v>0</v>
      </c>
      <c r="LC25" s="122">
        <v>0</v>
      </c>
      <c r="LD25" s="122">
        <v>0</v>
      </c>
      <c r="LE25" s="122">
        <v>0</v>
      </c>
      <c r="LF25" s="122">
        <v>0</v>
      </c>
      <c r="LG25" s="123">
        <v>0</v>
      </c>
      <c r="LH25" s="124">
        <v>0</v>
      </c>
      <c r="LI25" s="159">
        <v>0</v>
      </c>
      <c r="LJ25" s="122">
        <v>0</v>
      </c>
      <c r="LK25" s="123">
        <v>0</v>
      </c>
      <c r="LL25" s="162"/>
      <c r="LM25" s="122">
        <v>0</v>
      </c>
      <c r="LN25" s="122">
        <v>0</v>
      </c>
      <c r="LO25" s="122">
        <v>0</v>
      </c>
      <c r="LP25" s="122">
        <v>0</v>
      </c>
      <c r="LQ25" s="122">
        <v>0</v>
      </c>
      <c r="LR25" s="123">
        <v>0</v>
      </c>
      <c r="LS25" s="357">
        <v>0</v>
      </c>
      <c r="LT25" s="159">
        <v>0</v>
      </c>
      <c r="LU25" s="122">
        <v>0</v>
      </c>
      <c r="LV25" s="123">
        <v>0</v>
      </c>
      <c r="LW25" s="162"/>
      <c r="LX25" s="122">
        <v>0</v>
      </c>
      <c r="LY25" s="122">
        <v>0</v>
      </c>
      <c r="LZ25" s="122">
        <v>0</v>
      </c>
      <c r="MA25" s="122">
        <v>0</v>
      </c>
      <c r="MB25" s="122">
        <v>0</v>
      </c>
      <c r="MC25" s="123">
        <v>0</v>
      </c>
      <c r="MD25" s="124">
        <v>0</v>
      </c>
      <c r="ME25" s="159">
        <v>0</v>
      </c>
      <c r="MF25" s="122">
        <v>0</v>
      </c>
      <c r="MG25" s="123">
        <v>0</v>
      </c>
      <c r="MH25" s="162"/>
      <c r="MI25" s="122">
        <v>220875</v>
      </c>
      <c r="MJ25" s="122">
        <v>448050</v>
      </c>
      <c r="MK25" s="122">
        <v>1656384</v>
      </c>
      <c r="ML25" s="122">
        <v>2144770</v>
      </c>
      <c r="MM25" s="122">
        <v>510497</v>
      </c>
      <c r="MN25" s="123">
        <v>4980576</v>
      </c>
      <c r="MO25" s="160">
        <v>4980576</v>
      </c>
      <c r="MP25" s="159">
        <v>0</v>
      </c>
      <c r="MQ25" s="122">
        <v>0</v>
      </c>
      <c r="MR25" s="123">
        <v>0</v>
      </c>
      <c r="MS25" s="162"/>
      <c r="MT25" s="122">
        <v>0</v>
      </c>
      <c r="MU25" s="122">
        <v>216278</v>
      </c>
      <c r="MV25" s="122">
        <v>876155</v>
      </c>
      <c r="MW25" s="122">
        <v>1656518</v>
      </c>
      <c r="MX25" s="122">
        <v>510497</v>
      </c>
      <c r="MY25" s="123">
        <v>3259448</v>
      </c>
      <c r="MZ25" s="160">
        <v>3259448</v>
      </c>
      <c r="NA25" s="159">
        <v>0</v>
      </c>
      <c r="NB25" s="122">
        <v>0</v>
      </c>
      <c r="NC25" s="123">
        <v>0</v>
      </c>
      <c r="ND25" s="162"/>
      <c r="NE25" s="122">
        <v>220875</v>
      </c>
      <c r="NF25" s="122">
        <v>231772</v>
      </c>
      <c r="NG25" s="122">
        <v>780229</v>
      </c>
      <c r="NH25" s="122">
        <v>488252</v>
      </c>
      <c r="NI25" s="122">
        <v>0</v>
      </c>
      <c r="NJ25" s="123">
        <v>1721128</v>
      </c>
      <c r="NK25" s="357">
        <v>1721128</v>
      </c>
      <c r="NL25" s="159">
        <v>0</v>
      </c>
      <c r="NM25" s="122">
        <v>0</v>
      </c>
      <c r="NN25" s="123">
        <v>0</v>
      </c>
      <c r="NO25" s="162"/>
      <c r="NP25" s="122">
        <v>0</v>
      </c>
      <c r="NQ25" s="122">
        <v>0</v>
      </c>
      <c r="NR25" s="122">
        <v>0</v>
      </c>
      <c r="NS25" s="122">
        <v>0</v>
      </c>
      <c r="NT25" s="122">
        <v>0</v>
      </c>
      <c r="NU25" s="123">
        <v>0</v>
      </c>
      <c r="NV25" s="124">
        <v>0</v>
      </c>
      <c r="NW25" s="159">
        <v>0</v>
      </c>
      <c r="NX25" s="122">
        <v>0</v>
      </c>
      <c r="NY25" s="123">
        <v>0</v>
      </c>
      <c r="NZ25" s="162"/>
      <c r="OA25" s="122">
        <v>0</v>
      </c>
      <c r="OB25" s="122">
        <v>0</v>
      </c>
      <c r="OC25" s="122">
        <v>0</v>
      </c>
      <c r="OD25" s="122">
        <v>0</v>
      </c>
      <c r="OE25" s="122">
        <v>0</v>
      </c>
      <c r="OF25" s="123">
        <v>0</v>
      </c>
      <c r="OG25" s="124">
        <v>0</v>
      </c>
      <c r="OH25" s="159">
        <v>179216</v>
      </c>
      <c r="OI25" s="122">
        <v>587738</v>
      </c>
      <c r="OJ25" s="158">
        <v>766954</v>
      </c>
      <c r="OK25" s="121">
        <v>0</v>
      </c>
      <c r="OL25" s="122">
        <v>4328178</v>
      </c>
      <c r="OM25" s="122">
        <v>4289172</v>
      </c>
      <c r="ON25" s="122">
        <v>4435728</v>
      </c>
      <c r="OO25" s="122">
        <v>5601788</v>
      </c>
      <c r="OP25" s="122">
        <v>2038148</v>
      </c>
      <c r="OQ25" s="123">
        <v>20693014</v>
      </c>
      <c r="OR25" s="160">
        <v>440599.15245393099</v>
      </c>
    </row>
    <row r="26" spans="1:408" ht="20.25" customHeight="1" x14ac:dyDescent="0.2">
      <c r="A26" s="129" t="s">
        <v>21</v>
      </c>
      <c r="B26" s="112">
        <v>419984</v>
      </c>
      <c r="C26" s="116">
        <v>298561</v>
      </c>
      <c r="D26" s="115">
        <v>718545</v>
      </c>
      <c r="E26" s="111">
        <v>0</v>
      </c>
      <c r="F26" s="116">
        <v>1818980</v>
      </c>
      <c r="G26" s="116">
        <v>2902082</v>
      </c>
      <c r="H26" s="116">
        <v>2009174</v>
      </c>
      <c r="I26" s="116">
        <v>1819371</v>
      </c>
      <c r="J26" s="116">
        <v>1526175</v>
      </c>
      <c r="K26" s="200">
        <v>10075782</v>
      </c>
      <c r="L26" s="118">
        <v>10794327</v>
      </c>
      <c r="M26" s="112">
        <v>124033</v>
      </c>
      <c r="N26" s="116">
        <v>54260</v>
      </c>
      <c r="O26" s="115">
        <v>178293</v>
      </c>
      <c r="P26" s="112">
        <v>0</v>
      </c>
      <c r="Q26" s="116">
        <v>864420</v>
      </c>
      <c r="R26" s="116">
        <v>737520</v>
      </c>
      <c r="S26" s="116">
        <v>779596</v>
      </c>
      <c r="T26" s="116">
        <v>493230</v>
      </c>
      <c r="U26" s="116">
        <v>382617</v>
      </c>
      <c r="V26" s="115">
        <v>3257383</v>
      </c>
      <c r="W26" s="118">
        <v>3435676</v>
      </c>
      <c r="X26" s="112">
        <v>0</v>
      </c>
      <c r="Y26" s="116">
        <v>0</v>
      </c>
      <c r="Z26" s="115">
        <v>0</v>
      </c>
      <c r="AA26" s="112">
        <v>0</v>
      </c>
      <c r="AB26" s="116">
        <v>353540</v>
      </c>
      <c r="AC26" s="116">
        <v>270160</v>
      </c>
      <c r="AD26" s="116">
        <v>332161</v>
      </c>
      <c r="AE26" s="116">
        <v>162936</v>
      </c>
      <c r="AF26" s="116">
        <v>14905</v>
      </c>
      <c r="AG26" s="115">
        <v>1133702</v>
      </c>
      <c r="AH26" s="118">
        <v>1133702</v>
      </c>
      <c r="AI26" s="112">
        <v>0</v>
      </c>
      <c r="AJ26" s="116">
        <v>0</v>
      </c>
      <c r="AK26" s="115">
        <v>0</v>
      </c>
      <c r="AL26" s="112">
        <v>0</v>
      </c>
      <c r="AM26" s="116">
        <v>0</v>
      </c>
      <c r="AN26" s="116">
        <v>0</v>
      </c>
      <c r="AO26" s="116">
        <v>81011</v>
      </c>
      <c r="AP26" s="116">
        <v>82071</v>
      </c>
      <c r="AQ26" s="116">
        <v>90405</v>
      </c>
      <c r="AR26" s="115">
        <v>253487</v>
      </c>
      <c r="AS26" s="118">
        <v>253487</v>
      </c>
      <c r="AT26" s="112">
        <v>37505</v>
      </c>
      <c r="AU26" s="116">
        <v>47456</v>
      </c>
      <c r="AV26" s="115">
        <v>84961</v>
      </c>
      <c r="AW26" s="112">
        <v>0</v>
      </c>
      <c r="AX26" s="116">
        <v>373568</v>
      </c>
      <c r="AY26" s="116">
        <v>323977</v>
      </c>
      <c r="AZ26" s="116">
        <v>257336</v>
      </c>
      <c r="BA26" s="116">
        <v>192258</v>
      </c>
      <c r="BB26" s="116">
        <v>146500</v>
      </c>
      <c r="BC26" s="115">
        <v>1293639</v>
      </c>
      <c r="BD26" s="118">
        <v>1378600</v>
      </c>
      <c r="BE26" s="112">
        <v>13868</v>
      </c>
      <c r="BF26" s="116">
        <v>0</v>
      </c>
      <c r="BG26" s="114">
        <v>13868</v>
      </c>
      <c r="BH26" s="113">
        <v>0</v>
      </c>
      <c r="BI26" s="116">
        <v>0</v>
      </c>
      <c r="BJ26" s="116">
        <v>44907</v>
      </c>
      <c r="BK26" s="116">
        <v>0</v>
      </c>
      <c r="BL26" s="116">
        <v>0</v>
      </c>
      <c r="BM26" s="116">
        <v>28026</v>
      </c>
      <c r="BN26" s="115">
        <v>72933</v>
      </c>
      <c r="BO26" s="118">
        <v>86801</v>
      </c>
      <c r="BP26" s="112">
        <v>72660</v>
      </c>
      <c r="BQ26" s="116">
        <v>6804</v>
      </c>
      <c r="BR26" s="115">
        <v>79464</v>
      </c>
      <c r="BS26" s="112">
        <v>0</v>
      </c>
      <c r="BT26" s="116">
        <v>137312</v>
      </c>
      <c r="BU26" s="116">
        <v>98476</v>
      </c>
      <c r="BV26" s="116">
        <v>109088</v>
      </c>
      <c r="BW26" s="116">
        <v>55965</v>
      </c>
      <c r="BX26" s="116">
        <v>102781</v>
      </c>
      <c r="BY26" s="115">
        <v>503622</v>
      </c>
      <c r="BZ26" s="118">
        <v>583086</v>
      </c>
      <c r="CA26" s="112">
        <v>17952</v>
      </c>
      <c r="CB26" s="116">
        <v>33195</v>
      </c>
      <c r="CC26" s="115">
        <v>51147</v>
      </c>
      <c r="CD26" s="112">
        <v>0</v>
      </c>
      <c r="CE26" s="116">
        <v>685940</v>
      </c>
      <c r="CF26" s="116">
        <v>1235622</v>
      </c>
      <c r="CG26" s="116">
        <v>398507</v>
      </c>
      <c r="CH26" s="116">
        <v>484143</v>
      </c>
      <c r="CI26" s="116">
        <v>120548</v>
      </c>
      <c r="CJ26" s="115">
        <v>2924760</v>
      </c>
      <c r="CK26" s="118">
        <v>2975907</v>
      </c>
      <c r="CL26" s="112">
        <v>0</v>
      </c>
      <c r="CM26" s="116">
        <v>0</v>
      </c>
      <c r="CN26" s="115">
        <v>0</v>
      </c>
      <c r="CO26" s="113">
        <v>0</v>
      </c>
      <c r="CP26" s="116">
        <v>682684</v>
      </c>
      <c r="CQ26" s="116">
        <v>1093788</v>
      </c>
      <c r="CR26" s="116">
        <v>327298</v>
      </c>
      <c r="CS26" s="116">
        <v>434439</v>
      </c>
      <c r="CT26" s="116">
        <v>0</v>
      </c>
      <c r="CU26" s="115">
        <v>2538209</v>
      </c>
      <c r="CV26" s="118">
        <v>2538209</v>
      </c>
      <c r="CW26" s="112">
        <v>17952</v>
      </c>
      <c r="CX26" s="116">
        <v>33195</v>
      </c>
      <c r="CY26" s="115">
        <v>51147</v>
      </c>
      <c r="CZ26" s="112">
        <v>0</v>
      </c>
      <c r="DA26" s="116">
        <v>3256</v>
      </c>
      <c r="DB26" s="116">
        <v>141834</v>
      </c>
      <c r="DC26" s="116">
        <v>71209</v>
      </c>
      <c r="DD26" s="116">
        <v>49704</v>
      </c>
      <c r="DE26" s="116">
        <v>120548</v>
      </c>
      <c r="DF26" s="115">
        <v>386551</v>
      </c>
      <c r="DG26" s="118">
        <v>437698</v>
      </c>
      <c r="DH26" s="112">
        <v>40092</v>
      </c>
      <c r="DI26" s="116">
        <v>0</v>
      </c>
      <c r="DJ26" s="114">
        <v>40092</v>
      </c>
      <c r="DK26" s="113">
        <v>0</v>
      </c>
      <c r="DL26" s="116">
        <v>15013</v>
      </c>
      <c r="DM26" s="116">
        <v>163783</v>
      </c>
      <c r="DN26" s="116">
        <v>235204</v>
      </c>
      <c r="DO26" s="116">
        <v>158655</v>
      </c>
      <c r="DP26" s="116">
        <v>151617</v>
      </c>
      <c r="DQ26" s="115">
        <v>724272</v>
      </c>
      <c r="DR26" s="118">
        <v>764364</v>
      </c>
      <c r="DS26" s="112">
        <v>40092</v>
      </c>
      <c r="DT26" s="116">
        <v>0</v>
      </c>
      <c r="DU26" s="115">
        <v>40092</v>
      </c>
      <c r="DV26" s="112">
        <v>0</v>
      </c>
      <c r="DW26" s="116">
        <v>15013</v>
      </c>
      <c r="DX26" s="116">
        <v>76057</v>
      </c>
      <c r="DY26" s="116">
        <v>235204</v>
      </c>
      <c r="DZ26" s="116">
        <v>158655</v>
      </c>
      <c r="EA26" s="116">
        <v>0</v>
      </c>
      <c r="EB26" s="115">
        <v>484929</v>
      </c>
      <c r="EC26" s="118">
        <v>525021</v>
      </c>
      <c r="ED26" s="112">
        <v>0</v>
      </c>
      <c r="EE26" s="114">
        <v>0</v>
      </c>
      <c r="EF26" s="115">
        <v>0</v>
      </c>
      <c r="EG26" s="112">
        <v>0</v>
      </c>
      <c r="EH26" s="116">
        <v>0</v>
      </c>
      <c r="EI26" s="116">
        <v>87726</v>
      </c>
      <c r="EJ26" s="116">
        <v>0</v>
      </c>
      <c r="EK26" s="116">
        <v>0</v>
      </c>
      <c r="EL26" s="116">
        <v>151617</v>
      </c>
      <c r="EM26" s="114">
        <v>239343</v>
      </c>
      <c r="EN26" s="118">
        <v>239343</v>
      </c>
      <c r="EO26" s="112">
        <v>0</v>
      </c>
      <c r="EP26" s="116">
        <v>0</v>
      </c>
      <c r="EQ26" s="114">
        <v>0</v>
      </c>
      <c r="ER26" s="113">
        <v>0</v>
      </c>
      <c r="ES26" s="116">
        <v>0</v>
      </c>
      <c r="ET26" s="116">
        <v>0</v>
      </c>
      <c r="EU26" s="116">
        <v>0</v>
      </c>
      <c r="EV26" s="116">
        <v>0</v>
      </c>
      <c r="EW26" s="116">
        <v>0</v>
      </c>
      <c r="EX26" s="115">
        <v>0</v>
      </c>
      <c r="EY26" s="118">
        <v>0</v>
      </c>
      <c r="EZ26" s="112">
        <v>0</v>
      </c>
      <c r="FA26" s="116">
        <v>0</v>
      </c>
      <c r="FB26" s="114">
        <v>0</v>
      </c>
      <c r="FC26" s="390"/>
      <c r="FD26" s="116">
        <v>0</v>
      </c>
      <c r="FE26" s="116">
        <v>0</v>
      </c>
      <c r="FF26" s="116">
        <v>0</v>
      </c>
      <c r="FG26" s="116">
        <v>0</v>
      </c>
      <c r="FH26" s="116">
        <v>0</v>
      </c>
      <c r="FI26" s="115">
        <v>0</v>
      </c>
      <c r="FJ26" s="118">
        <v>0</v>
      </c>
      <c r="FK26" s="112">
        <v>54754</v>
      </c>
      <c r="FL26" s="116">
        <v>125651</v>
      </c>
      <c r="FM26" s="115">
        <v>180405</v>
      </c>
      <c r="FN26" s="112">
        <v>0</v>
      </c>
      <c r="FO26" s="116">
        <v>106680</v>
      </c>
      <c r="FP26" s="116">
        <v>295403</v>
      </c>
      <c r="FQ26" s="116">
        <v>171780</v>
      </c>
      <c r="FR26" s="116">
        <v>107758</v>
      </c>
      <c r="FS26" s="116">
        <v>106498</v>
      </c>
      <c r="FT26" s="115">
        <v>788119</v>
      </c>
      <c r="FU26" s="118">
        <v>968524</v>
      </c>
      <c r="FV26" s="117">
        <v>33404</v>
      </c>
      <c r="FW26" s="116">
        <v>27398</v>
      </c>
      <c r="FX26" s="114">
        <v>60802</v>
      </c>
      <c r="FY26" s="113">
        <v>0</v>
      </c>
      <c r="FZ26" s="116">
        <v>106680</v>
      </c>
      <c r="GA26" s="116">
        <v>279811</v>
      </c>
      <c r="GB26" s="116">
        <v>171780</v>
      </c>
      <c r="GC26" s="116">
        <v>107758</v>
      </c>
      <c r="GD26" s="116">
        <v>106498</v>
      </c>
      <c r="GE26" s="115">
        <v>772527</v>
      </c>
      <c r="GF26" s="354">
        <v>833329</v>
      </c>
      <c r="GG26" s="117">
        <v>0</v>
      </c>
      <c r="GH26" s="116">
        <v>15303</v>
      </c>
      <c r="GI26" s="114">
        <v>15303</v>
      </c>
      <c r="GJ26" s="113">
        <v>0</v>
      </c>
      <c r="GK26" s="116">
        <v>0</v>
      </c>
      <c r="GL26" s="116">
        <v>15592</v>
      </c>
      <c r="GM26" s="116">
        <v>0</v>
      </c>
      <c r="GN26" s="116">
        <v>0</v>
      </c>
      <c r="GO26" s="116">
        <v>0</v>
      </c>
      <c r="GP26" s="115">
        <v>15592</v>
      </c>
      <c r="GQ26" s="118">
        <v>30895</v>
      </c>
      <c r="GR26" s="112">
        <v>21350</v>
      </c>
      <c r="GS26" s="116">
        <v>82950</v>
      </c>
      <c r="GT26" s="115">
        <v>104300</v>
      </c>
      <c r="GU26" s="112">
        <v>0</v>
      </c>
      <c r="GV26" s="116">
        <v>0</v>
      </c>
      <c r="GW26" s="116">
        <v>0</v>
      </c>
      <c r="GX26" s="116">
        <v>0</v>
      </c>
      <c r="GY26" s="116">
        <v>0</v>
      </c>
      <c r="GZ26" s="116">
        <v>0</v>
      </c>
      <c r="HA26" s="114">
        <v>0</v>
      </c>
      <c r="HB26" s="118">
        <v>104300</v>
      </c>
      <c r="HC26" s="112">
        <v>183153</v>
      </c>
      <c r="HD26" s="116">
        <v>85455</v>
      </c>
      <c r="HE26" s="114">
        <v>268608</v>
      </c>
      <c r="HF26" s="113">
        <v>0</v>
      </c>
      <c r="HG26" s="116">
        <v>146927</v>
      </c>
      <c r="HH26" s="116">
        <v>469754</v>
      </c>
      <c r="HI26" s="116">
        <v>424087</v>
      </c>
      <c r="HJ26" s="116">
        <v>575585</v>
      </c>
      <c r="HK26" s="116">
        <v>764895</v>
      </c>
      <c r="HL26" s="115">
        <v>2381248</v>
      </c>
      <c r="HM26" s="111">
        <v>2649856</v>
      </c>
      <c r="HN26" s="370"/>
      <c r="HO26" s="371"/>
      <c r="HP26" s="372"/>
      <c r="HQ26" s="373"/>
      <c r="HR26" s="371"/>
      <c r="HS26" s="371"/>
      <c r="HT26" s="371"/>
      <c r="HU26" s="371"/>
      <c r="HV26" s="371"/>
      <c r="HW26" s="374"/>
      <c r="HX26" s="375"/>
      <c r="HY26" s="167">
        <v>0</v>
      </c>
      <c r="HZ26" s="152">
        <v>0</v>
      </c>
      <c r="IA26" s="167">
        <v>0</v>
      </c>
      <c r="IB26" s="151">
        <v>0</v>
      </c>
      <c r="IC26" s="152">
        <v>385500</v>
      </c>
      <c r="ID26" s="153">
        <v>311792</v>
      </c>
      <c r="IE26" s="154">
        <v>724294</v>
      </c>
      <c r="IF26" s="152">
        <v>234532</v>
      </c>
      <c r="IG26" s="154">
        <v>0</v>
      </c>
      <c r="IH26" s="155">
        <v>1656118</v>
      </c>
      <c r="II26" s="167">
        <v>1656118</v>
      </c>
      <c r="IJ26" s="261">
        <v>0</v>
      </c>
      <c r="IK26" s="268">
        <v>0</v>
      </c>
      <c r="IL26" s="269">
        <v>0</v>
      </c>
      <c r="IM26" s="157"/>
      <c r="IN26" s="122">
        <v>0</v>
      </c>
      <c r="IO26" s="122">
        <v>0</v>
      </c>
      <c r="IP26" s="122">
        <v>0</v>
      </c>
      <c r="IQ26" s="122">
        <v>0</v>
      </c>
      <c r="IR26" s="122">
        <v>0</v>
      </c>
      <c r="IS26" s="158">
        <v>0</v>
      </c>
      <c r="IT26" s="357">
        <v>0</v>
      </c>
      <c r="IU26" s="159">
        <v>0</v>
      </c>
      <c r="IV26" s="122">
        <v>0</v>
      </c>
      <c r="IW26" s="123">
        <v>0</v>
      </c>
      <c r="IX26" s="161"/>
      <c r="IY26" s="122">
        <v>0</v>
      </c>
      <c r="IZ26" s="122">
        <v>0</v>
      </c>
      <c r="JA26" s="122">
        <v>0</v>
      </c>
      <c r="JB26" s="122">
        <v>0</v>
      </c>
      <c r="JC26" s="122">
        <v>0</v>
      </c>
      <c r="JD26" s="123">
        <v>0</v>
      </c>
      <c r="JE26" s="124">
        <v>0</v>
      </c>
      <c r="JF26" s="159">
        <v>0</v>
      </c>
      <c r="JG26" s="122">
        <v>0</v>
      </c>
      <c r="JH26" s="158">
        <v>0</v>
      </c>
      <c r="JI26" s="121">
        <v>0</v>
      </c>
      <c r="JJ26" s="122">
        <v>385500</v>
      </c>
      <c r="JK26" s="122">
        <v>97259</v>
      </c>
      <c r="JL26" s="122">
        <v>151273</v>
      </c>
      <c r="JM26" s="122">
        <v>9355</v>
      </c>
      <c r="JN26" s="122">
        <v>0</v>
      </c>
      <c r="JO26" s="123">
        <v>643387</v>
      </c>
      <c r="JP26" s="357">
        <v>643387</v>
      </c>
      <c r="JQ26" s="159">
        <v>0</v>
      </c>
      <c r="JR26" s="122">
        <v>0</v>
      </c>
      <c r="JS26" s="158">
        <v>0</v>
      </c>
      <c r="JT26" s="121">
        <v>0</v>
      </c>
      <c r="JU26" s="122">
        <v>0</v>
      </c>
      <c r="JV26" s="122">
        <v>0</v>
      </c>
      <c r="JW26" s="122">
        <v>0</v>
      </c>
      <c r="JX26" s="122">
        <v>0</v>
      </c>
      <c r="JY26" s="122">
        <v>0</v>
      </c>
      <c r="JZ26" s="123">
        <v>0</v>
      </c>
      <c r="KA26" s="357">
        <v>0</v>
      </c>
      <c r="KB26" s="264">
        <v>0</v>
      </c>
      <c r="KC26" s="258">
        <v>0</v>
      </c>
      <c r="KD26" s="123">
        <v>0</v>
      </c>
      <c r="KE26" s="121">
        <v>0</v>
      </c>
      <c r="KF26" s="122">
        <v>0</v>
      </c>
      <c r="KG26" s="122">
        <v>0</v>
      </c>
      <c r="KH26" s="122">
        <v>573021</v>
      </c>
      <c r="KI26" s="122">
        <v>0</v>
      </c>
      <c r="KJ26" s="122">
        <v>0</v>
      </c>
      <c r="KK26" s="123">
        <v>573021</v>
      </c>
      <c r="KL26" s="160">
        <v>573021</v>
      </c>
      <c r="KM26" s="261">
        <v>0</v>
      </c>
      <c r="KN26" s="268">
        <v>0</v>
      </c>
      <c r="KO26" s="269">
        <v>0</v>
      </c>
      <c r="KP26" s="157"/>
      <c r="KQ26" s="122">
        <v>0</v>
      </c>
      <c r="KR26" s="122">
        <v>214533</v>
      </c>
      <c r="KS26" s="122">
        <v>0</v>
      </c>
      <c r="KT26" s="122">
        <v>225177</v>
      </c>
      <c r="KU26" s="122">
        <v>0</v>
      </c>
      <c r="KV26" s="123">
        <v>439710</v>
      </c>
      <c r="KW26" s="357">
        <v>439710</v>
      </c>
      <c r="KX26" s="159">
        <v>0</v>
      </c>
      <c r="KY26" s="122">
        <v>0</v>
      </c>
      <c r="KZ26" s="123">
        <v>0</v>
      </c>
      <c r="LA26" s="162"/>
      <c r="LB26" s="122">
        <v>0</v>
      </c>
      <c r="LC26" s="122">
        <v>0</v>
      </c>
      <c r="LD26" s="122">
        <v>0</v>
      </c>
      <c r="LE26" s="122">
        <v>0</v>
      </c>
      <c r="LF26" s="122">
        <v>0</v>
      </c>
      <c r="LG26" s="123">
        <v>0</v>
      </c>
      <c r="LH26" s="124">
        <v>0</v>
      </c>
      <c r="LI26" s="159">
        <v>0</v>
      </c>
      <c r="LJ26" s="122">
        <v>0</v>
      </c>
      <c r="LK26" s="123">
        <v>0</v>
      </c>
      <c r="LL26" s="162"/>
      <c r="LM26" s="122">
        <v>0</v>
      </c>
      <c r="LN26" s="122">
        <v>0</v>
      </c>
      <c r="LO26" s="122">
        <v>0</v>
      </c>
      <c r="LP26" s="122">
        <v>0</v>
      </c>
      <c r="LQ26" s="122">
        <v>0</v>
      </c>
      <c r="LR26" s="123">
        <v>0</v>
      </c>
      <c r="LS26" s="357">
        <v>0</v>
      </c>
      <c r="LT26" s="159">
        <v>0</v>
      </c>
      <c r="LU26" s="122">
        <v>0</v>
      </c>
      <c r="LV26" s="123">
        <v>0</v>
      </c>
      <c r="LW26" s="162"/>
      <c r="LX26" s="122">
        <v>0</v>
      </c>
      <c r="LY26" s="122">
        <v>0</v>
      </c>
      <c r="LZ26" s="122">
        <v>0</v>
      </c>
      <c r="MA26" s="122">
        <v>0</v>
      </c>
      <c r="MB26" s="122">
        <v>0</v>
      </c>
      <c r="MC26" s="123">
        <v>0</v>
      </c>
      <c r="MD26" s="124">
        <v>0</v>
      </c>
      <c r="ME26" s="159">
        <v>0</v>
      </c>
      <c r="MF26" s="122">
        <v>0</v>
      </c>
      <c r="MG26" s="123">
        <v>0</v>
      </c>
      <c r="MH26" s="162"/>
      <c r="MI26" s="122">
        <v>0</v>
      </c>
      <c r="MJ26" s="122">
        <v>575002</v>
      </c>
      <c r="MK26" s="122">
        <v>1188134</v>
      </c>
      <c r="ML26" s="122">
        <v>1932679</v>
      </c>
      <c r="MM26" s="122">
        <v>746716</v>
      </c>
      <c r="MN26" s="123">
        <v>4442531</v>
      </c>
      <c r="MO26" s="160">
        <v>4442531</v>
      </c>
      <c r="MP26" s="159">
        <v>0</v>
      </c>
      <c r="MQ26" s="122">
        <v>0</v>
      </c>
      <c r="MR26" s="123">
        <v>0</v>
      </c>
      <c r="MS26" s="162"/>
      <c r="MT26" s="122">
        <v>0</v>
      </c>
      <c r="MU26" s="122">
        <v>0</v>
      </c>
      <c r="MV26" s="122">
        <v>529705</v>
      </c>
      <c r="MW26" s="122">
        <v>905705</v>
      </c>
      <c r="MX26" s="122">
        <v>483315</v>
      </c>
      <c r="MY26" s="123">
        <v>1918725</v>
      </c>
      <c r="MZ26" s="160">
        <v>1918725</v>
      </c>
      <c r="NA26" s="159">
        <v>0</v>
      </c>
      <c r="NB26" s="122">
        <v>0</v>
      </c>
      <c r="NC26" s="123">
        <v>0</v>
      </c>
      <c r="ND26" s="162"/>
      <c r="NE26" s="122">
        <v>0</v>
      </c>
      <c r="NF26" s="122">
        <v>575002</v>
      </c>
      <c r="NG26" s="122">
        <v>658429</v>
      </c>
      <c r="NH26" s="122">
        <v>1026974</v>
      </c>
      <c r="NI26" s="122">
        <v>263401</v>
      </c>
      <c r="NJ26" s="123">
        <v>2523806</v>
      </c>
      <c r="NK26" s="357">
        <v>2523806</v>
      </c>
      <c r="NL26" s="159">
        <v>0</v>
      </c>
      <c r="NM26" s="122">
        <v>0</v>
      </c>
      <c r="NN26" s="123">
        <v>0</v>
      </c>
      <c r="NO26" s="162"/>
      <c r="NP26" s="122">
        <v>0</v>
      </c>
      <c r="NQ26" s="122">
        <v>0</v>
      </c>
      <c r="NR26" s="122">
        <v>0</v>
      </c>
      <c r="NS26" s="122">
        <v>0</v>
      </c>
      <c r="NT26" s="122">
        <v>0</v>
      </c>
      <c r="NU26" s="123">
        <v>0</v>
      </c>
      <c r="NV26" s="124">
        <v>0</v>
      </c>
      <c r="NW26" s="159">
        <v>0</v>
      </c>
      <c r="NX26" s="122">
        <v>0</v>
      </c>
      <c r="NY26" s="123">
        <v>0</v>
      </c>
      <c r="NZ26" s="162"/>
      <c r="OA26" s="122">
        <v>0</v>
      </c>
      <c r="OB26" s="122">
        <v>0</v>
      </c>
      <c r="OC26" s="122">
        <v>0</v>
      </c>
      <c r="OD26" s="122">
        <v>0</v>
      </c>
      <c r="OE26" s="122">
        <v>0</v>
      </c>
      <c r="OF26" s="123">
        <v>0</v>
      </c>
      <c r="OG26" s="124">
        <v>0</v>
      </c>
      <c r="OH26" s="159">
        <v>419984</v>
      </c>
      <c r="OI26" s="122">
        <v>298561</v>
      </c>
      <c r="OJ26" s="158">
        <v>718545</v>
      </c>
      <c r="OK26" s="121">
        <v>0</v>
      </c>
      <c r="OL26" s="122">
        <v>2204480</v>
      </c>
      <c r="OM26" s="122">
        <v>3788876</v>
      </c>
      <c r="ON26" s="122">
        <v>3921602</v>
      </c>
      <c r="OO26" s="122">
        <v>3986582</v>
      </c>
      <c r="OP26" s="122">
        <v>2272891</v>
      </c>
      <c r="OQ26" s="123">
        <v>16174431</v>
      </c>
      <c r="OR26" s="160">
        <v>371228.59292099997</v>
      </c>
    </row>
    <row r="27" spans="1:408" ht="20.25" customHeight="1" x14ac:dyDescent="0.2">
      <c r="A27" s="129" t="s">
        <v>22</v>
      </c>
      <c r="B27" s="112">
        <v>52479</v>
      </c>
      <c r="C27" s="116">
        <v>133098</v>
      </c>
      <c r="D27" s="115">
        <v>185577</v>
      </c>
      <c r="E27" s="111">
        <v>0</v>
      </c>
      <c r="F27" s="116">
        <v>853710</v>
      </c>
      <c r="G27" s="116">
        <v>723459</v>
      </c>
      <c r="H27" s="116">
        <v>472957</v>
      </c>
      <c r="I27" s="116">
        <v>1958546</v>
      </c>
      <c r="J27" s="116">
        <v>1513515</v>
      </c>
      <c r="K27" s="200">
        <v>5522187</v>
      </c>
      <c r="L27" s="118">
        <v>5707764</v>
      </c>
      <c r="M27" s="112">
        <v>6384</v>
      </c>
      <c r="N27" s="116">
        <v>30597</v>
      </c>
      <c r="O27" s="115">
        <v>36981</v>
      </c>
      <c r="P27" s="112">
        <v>0</v>
      </c>
      <c r="Q27" s="116">
        <v>231674</v>
      </c>
      <c r="R27" s="116">
        <v>197410</v>
      </c>
      <c r="S27" s="116">
        <v>241620</v>
      </c>
      <c r="T27" s="116">
        <v>758302</v>
      </c>
      <c r="U27" s="116">
        <v>761864</v>
      </c>
      <c r="V27" s="115">
        <v>2190870</v>
      </c>
      <c r="W27" s="118">
        <v>2227851</v>
      </c>
      <c r="X27" s="112">
        <v>0</v>
      </c>
      <c r="Y27" s="116">
        <v>0</v>
      </c>
      <c r="Z27" s="115">
        <v>0</v>
      </c>
      <c r="AA27" s="112">
        <v>0</v>
      </c>
      <c r="AB27" s="116">
        <v>80383</v>
      </c>
      <c r="AC27" s="116">
        <v>0</v>
      </c>
      <c r="AD27" s="116">
        <v>202182</v>
      </c>
      <c r="AE27" s="116">
        <v>443509</v>
      </c>
      <c r="AF27" s="116">
        <v>250215</v>
      </c>
      <c r="AG27" s="115">
        <v>976289</v>
      </c>
      <c r="AH27" s="118">
        <v>976289</v>
      </c>
      <c r="AI27" s="112">
        <v>0</v>
      </c>
      <c r="AJ27" s="116">
        <v>0</v>
      </c>
      <c r="AK27" s="115">
        <v>0</v>
      </c>
      <c r="AL27" s="112">
        <v>0</v>
      </c>
      <c r="AM27" s="116">
        <v>0</v>
      </c>
      <c r="AN27" s="116">
        <v>0</v>
      </c>
      <c r="AO27" s="116">
        <v>0</v>
      </c>
      <c r="AP27" s="116">
        <v>66248</v>
      </c>
      <c r="AQ27" s="116">
        <v>281685</v>
      </c>
      <c r="AR27" s="115">
        <v>347933</v>
      </c>
      <c r="AS27" s="118">
        <v>347933</v>
      </c>
      <c r="AT27" s="112">
        <v>6384</v>
      </c>
      <c r="AU27" s="116">
        <v>16786</v>
      </c>
      <c r="AV27" s="115">
        <v>23170</v>
      </c>
      <c r="AW27" s="112">
        <v>0</v>
      </c>
      <c r="AX27" s="116">
        <v>86345</v>
      </c>
      <c r="AY27" s="116">
        <v>184810</v>
      </c>
      <c r="AZ27" s="116">
        <v>0</v>
      </c>
      <c r="BA27" s="116">
        <v>170537</v>
      </c>
      <c r="BB27" s="116">
        <v>211498</v>
      </c>
      <c r="BC27" s="115">
        <v>653190</v>
      </c>
      <c r="BD27" s="118">
        <v>676360</v>
      </c>
      <c r="BE27" s="112">
        <v>0</v>
      </c>
      <c r="BF27" s="116">
        <v>0</v>
      </c>
      <c r="BG27" s="114">
        <v>0</v>
      </c>
      <c r="BH27" s="113">
        <v>0</v>
      </c>
      <c r="BI27" s="116">
        <v>26768</v>
      </c>
      <c r="BJ27" s="116">
        <v>0</v>
      </c>
      <c r="BK27" s="116">
        <v>0</v>
      </c>
      <c r="BL27" s="116">
        <v>0</v>
      </c>
      <c r="BM27" s="116">
        <v>0</v>
      </c>
      <c r="BN27" s="115">
        <v>26768</v>
      </c>
      <c r="BO27" s="118">
        <v>26768</v>
      </c>
      <c r="BP27" s="112">
        <v>0</v>
      </c>
      <c r="BQ27" s="116">
        <v>13811</v>
      </c>
      <c r="BR27" s="115">
        <v>13811</v>
      </c>
      <c r="BS27" s="112">
        <v>0</v>
      </c>
      <c r="BT27" s="116">
        <v>38178</v>
      </c>
      <c r="BU27" s="116">
        <v>12600</v>
      </c>
      <c r="BV27" s="116">
        <v>39438</v>
      </c>
      <c r="BW27" s="116">
        <v>78008</v>
      </c>
      <c r="BX27" s="116">
        <v>18466</v>
      </c>
      <c r="BY27" s="115">
        <v>186690</v>
      </c>
      <c r="BZ27" s="118">
        <v>200501</v>
      </c>
      <c r="CA27" s="112">
        <v>0</v>
      </c>
      <c r="CB27" s="116">
        <v>0</v>
      </c>
      <c r="CC27" s="115">
        <v>0</v>
      </c>
      <c r="CD27" s="112">
        <v>0</v>
      </c>
      <c r="CE27" s="116">
        <v>269551</v>
      </c>
      <c r="CF27" s="116">
        <v>327634</v>
      </c>
      <c r="CG27" s="116">
        <v>7487</v>
      </c>
      <c r="CH27" s="116">
        <v>410492</v>
      </c>
      <c r="CI27" s="116">
        <v>218960</v>
      </c>
      <c r="CJ27" s="115">
        <v>1234124</v>
      </c>
      <c r="CK27" s="118">
        <v>1234124</v>
      </c>
      <c r="CL27" s="112">
        <v>0</v>
      </c>
      <c r="CM27" s="116">
        <v>0</v>
      </c>
      <c r="CN27" s="115">
        <v>0</v>
      </c>
      <c r="CO27" s="113">
        <v>0</v>
      </c>
      <c r="CP27" s="116">
        <v>269551</v>
      </c>
      <c r="CQ27" s="116">
        <v>299298</v>
      </c>
      <c r="CR27" s="116">
        <v>0</v>
      </c>
      <c r="CS27" s="116">
        <v>342914</v>
      </c>
      <c r="CT27" s="116">
        <v>218960</v>
      </c>
      <c r="CU27" s="115">
        <v>1130723</v>
      </c>
      <c r="CV27" s="118">
        <v>1130723</v>
      </c>
      <c r="CW27" s="112">
        <v>0</v>
      </c>
      <c r="CX27" s="116">
        <v>0</v>
      </c>
      <c r="CY27" s="115">
        <v>0</v>
      </c>
      <c r="CZ27" s="112">
        <v>0</v>
      </c>
      <c r="DA27" s="116">
        <v>0</v>
      </c>
      <c r="DB27" s="116">
        <v>28336</v>
      </c>
      <c r="DC27" s="116">
        <v>7487</v>
      </c>
      <c r="DD27" s="116">
        <v>67578</v>
      </c>
      <c r="DE27" s="116">
        <v>0</v>
      </c>
      <c r="DF27" s="115">
        <v>103401</v>
      </c>
      <c r="DG27" s="118">
        <v>103401</v>
      </c>
      <c r="DH27" s="112">
        <v>7805</v>
      </c>
      <c r="DI27" s="116">
        <v>0</v>
      </c>
      <c r="DJ27" s="114">
        <v>7805</v>
      </c>
      <c r="DK27" s="113">
        <v>0</v>
      </c>
      <c r="DL27" s="116">
        <v>0</v>
      </c>
      <c r="DM27" s="116">
        <v>0</v>
      </c>
      <c r="DN27" s="116">
        <v>0</v>
      </c>
      <c r="DO27" s="116">
        <v>35905</v>
      </c>
      <c r="DP27" s="116">
        <v>247397</v>
      </c>
      <c r="DQ27" s="115">
        <v>283302</v>
      </c>
      <c r="DR27" s="118">
        <v>291107</v>
      </c>
      <c r="DS27" s="112">
        <v>7805</v>
      </c>
      <c r="DT27" s="116">
        <v>0</v>
      </c>
      <c r="DU27" s="115">
        <v>7805</v>
      </c>
      <c r="DV27" s="112">
        <v>0</v>
      </c>
      <c r="DW27" s="116">
        <v>0</v>
      </c>
      <c r="DX27" s="116">
        <v>0</v>
      </c>
      <c r="DY27" s="116">
        <v>0</v>
      </c>
      <c r="DZ27" s="116">
        <v>35905</v>
      </c>
      <c r="EA27" s="116">
        <v>247397</v>
      </c>
      <c r="EB27" s="115">
        <v>283302</v>
      </c>
      <c r="EC27" s="118">
        <v>291107</v>
      </c>
      <c r="ED27" s="112">
        <v>0</v>
      </c>
      <c r="EE27" s="114">
        <v>0</v>
      </c>
      <c r="EF27" s="115">
        <v>0</v>
      </c>
      <c r="EG27" s="112">
        <v>0</v>
      </c>
      <c r="EH27" s="116">
        <v>0</v>
      </c>
      <c r="EI27" s="116">
        <v>0</v>
      </c>
      <c r="EJ27" s="116">
        <v>0</v>
      </c>
      <c r="EK27" s="116">
        <v>0</v>
      </c>
      <c r="EL27" s="116">
        <v>0</v>
      </c>
      <c r="EM27" s="114">
        <v>0</v>
      </c>
      <c r="EN27" s="118">
        <v>0</v>
      </c>
      <c r="EO27" s="112">
        <v>0</v>
      </c>
      <c r="EP27" s="116">
        <v>0</v>
      </c>
      <c r="EQ27" s="114">
        <v>0</v>
      </c>
      <c r="ER27" s="113">
        <v>0</v>
      </c>
      <c r="ES27" s="116">
        <v>0</v>
      </c>
      <c r="ET27" s="116">
        <v>0</v>
      </c>
      <c r="EU27" s="116">
        <v>0</v>
      </c>
      <c r="EV27" s="116">
        <v>0</v>
      </c>
      <c r="EW27" s="116">
        <v>0</v>
      </c>
      <c r="EX27" s="115">
        <v>0</v>
      </c>
      <c r="EY27" s="118">
        <v>0</v>
      </c>
      <c r="EZ27" s="112">
        <v>0</v>
      </c>
      <c r="FA27" s="116">
        <v>0</v>
      </c>
      <c r="FB27" s="114">
        <v>0</v>
      </c>
      <c r="FC27" s="390"/>
      <c r="FD27" s="116">
        <v>0</v>
      </c>
      <c r="FE27" s="116">
        <v>0</v>
      </c>
      <c r="FF27" s="116">
        <v>0</v>
      </c>
      <c r="FG27" s="116">
        <v>0</v>
      </c>
      <c r="FH27" s="116">
        <v>0</v>
      </c>
      <c r="FI27" s="115">
        <v>0</v>
      </c>
      <c r="FJ27" s="118">
        <v>0</v>
      </c>
      <c r="FK27" s="112">
        <v>38290</v>
      </c>
      <c r="FL27" s="116">
        <v>26096</v>
      </c>
      <c r="FM27" s="115">
        <v>64386</v>
      </c>
      <c r="FN27" s="112">
        <v>0</v>
      </c>
      <c r="FO27" s="116">
        <v>87682</v>
      </c>
      <c r="FP27" s="116">
        <v>51226</v>
      </c>
      <c r="FQ27" s="116">
        <v>44401</v>
      </c>
      <c r="FR27" s="116">
        <v>108220</v>
      </c>
      <c r="FS27" s="116">
        <v>80248</v>
      </c>
      <c r="FT27" s="115">
        <v>371777</v>
      </c>
      <c r="FU27" s="118">
        <v>436163</v>
      </c>
      <c r="FV27" s="117">
        <v>5390</v>
      </c>
      <c r="FW27" s="116">
        <v>26096</v>
      </c>
      <c r="FX27" s="114">
        <v>31486</v>
      </c>
      <c r="FY27" s="113">
        <v>0</v>
      </c>
      <c r="FZ27" s="116">
        <v>26082</v>
      </c>
      <c r="GA27" s="116">
        <v>51226</v>
      </c>
      <c r="GB27" s="116">
        <v>44401</v>
      </c>
      <c r="GC27" s="116">
        <v>108220</v>
      </c>
      <c r="GD27" s="116">
        <v>80248</v>
      </c>
      <c r="GE27" s="115">
        <v>310177</v>
      </c>
      <c r="GF27" s="354">
        <v>341663</v>
      </c>
      <c r="GG27" s="117">
        <v>0</v>
      </c>
      <c r="GH27" s="116">
        <v>0</v>
      </c>
      <c r="GI27" s="114">
        <v>0</v>
      </c>
      <c r="GJ27" s="113">
        <v>0</v>
      </c>
      <c r="GK27" s="116">
        <v>0</v>
      </c>
      <c r="GL27" s="116">
        <v>0</v>
      </c>
      <c r="GM27" s="116">
        <v>0</v>
      </c>
      <c r="GN27" s="116">
        <v>0</v>
      </c>
      <c r="GO27" s="116">
        <v>0</v>
      </c>
      <c r="GP27" s="115">
        <v>0</v>
      </c>
      <c r="GQ27" s="118">
        <v>0</v>
      </c>
      <c r="GR27" s="112">
        <v>32900</v>
      </c>
      <c r="GS27" s="116">
        <v>0</v>
      </c>
      <c r="GT27" s="115">
        <v>32900</v>
      </c>
      <c r="GU27" s="112">
        <v>0</v>
      </c>
      <c r="GV27" s="116">
        <v>61600</v>
      </c>
      <c r="GW27" s="116">
        <v>0</v>
      </c>
      <c r="GX27" s="116">
        <v>0</v>
      </c>
      <c r="GY27" s="116">
        <v>0</v>
      </c>
      <c r="GZ27" s="116">
        <v>0</v>
      </c>
      <c r="HA27" s="114">
        <v>61600</v>
      </c>
      <c r="HB27" s="118">
        <v>94500</v>
      </c>
      <c r="HC27" s="112">
        <v>0</v>
      </c>
      <c r="HD27" s="116">
        <v>76405</v>
      </c>
      <c r="HE27" s="114">
        <v>76405</v>
      </c>
      <c r="HF27" s="113">
        <v>0</v>
      </c>
      <c r="HG27" s="116">
        <v>264803</v>
      </c>
      <c r="HH27" s="116">
        <v>147189</v>
      </c>
      <c r="HI27" s="116">
        <v>179449</v>
      </c>
      <c r="HJ27" s="116">
        <v>645627</v>
      </c>
      <c r="HK27" s="116">
        <v>205046</v>
      </c>
      <c r="HL27" s="115">
        <v>1442114</v>
      </c>
      <c r="HM27" s="111">
        <v>1518519</v>
      </c>
      <c r="HN27" s="370"/>
      <c r="HO27" s="371"/>
      <c r="HP27" s="372"/>
      <c r="HQ27" s="373"/>
      <c r="HR27" s="371"/>
      <c r="HS27" s="371"/>
      <c r="HT27" s="371"/>
      <c r="HU27" s="371"/>
      <c r="HV27" s="371"/>
      <c r="HW27" s="374"/>
      <c r="HX27" s="375"/>
      <c r="HY27" s="148">
        <v>34923</v>
      </c>
      <c r="HZ27" s="149">
        <v>0</v>
      </c>
      <c r="IA27" s="150">
        <v>34923</v>
      </c>
      <c r="IB27" s="163">
        <v>0</v>
      </c>
      <c r="IC27" s="149">
        <v>404929</v>
      </c>
      <c r="ID27" s="164">
        <v>335629</v>
      </c>
      <c r="IE27" s="150">
        <v>241164</v>
      </c>
      <c r="IF27" s="149">
        <v>488968</v>
      </c>
      <c r="IG27" s="150">
        <v>224273</v>
      </c>
      <c r="IH27" s="165">
        <v>1694963</v>
      </c>
      <c r="II27" s="156">
        <v>1729886</v>
      </c>
      <c r="IJ27" s="261">
        <v>0</v>
      </c>
      <c r="IK27" s="268">
        <v>0</v>
      </c>
      <c r="IL27" s="269">
        <v>0</v>
      </c>
      <c r="IM27" s="157"/>
      <c r="IN27" s="122">
        <v>152593</v>
      </c>
      <c r="IO27" s="122">
        <v>164087</v>
      </c>
      <c r="IP27" s="122">
        <v>0</v>
      </c>
      <c r="IQ27" s="122">
        <v>0</v>
      </c>
      <c r="IR27" s="122">
        <v>0</v>
      </c>
      <c r="IS27" s="158">
        <v>316680</v>
      </c>
      <c r="IT27" s="357">
        <v>316680</v>
      </c>
      <c r="IU27" s="159">
        <v>0</v>
      </c>
      <c r="IV27" s="122">
        <v>0</v>
      </c>
      <c r="IW27" s="123">
        <v>0</v>
      </c>
      <c r="IX27" s="161"/>
      <c r="IY27" s="122">
        <v>0</v>
      </c>
      <c r="IZ27" s="122">
        <v>0</v>
      </c>
      <c r="JA27" s="122">
        <v>0</v>
      </c>
      <c r="JB27" s="122">
        <v>0</v>
      </c>
      <c r="JC27" s="122">
        <v>0</v>
      </c>
      <c r="JD27" s="123">
        <v>0</v>
      </c>
      <c r="JE27" s="124">
        <v>0</v>
      </c>
      <c r="JF27" s="159">
        <v>0</v>
      </c>
      <c r="JG27" s="122">
        <v>0</v>
      </c>
      <c r="JH27" s="158">
        <v>0</v>
      </c>
      <c r="JI27" s="121">
        <v>0</v>
      </c>
      <c r="JJ27" s="122">
        <v>252336</v>
      </c>
      <c r="JK27" s="122">
        <v>43981</v>
      </c>
      <c r="JL27" s="122">
        <v>0</v>
      </c>
      <c r="JM27" s="122">
        <v>39008</v>
      </c>
      <c r="JN27" s="122">
        <v>0</v>
      </c>
      <c r="JO27" s="123">
        <v>335325</v>
      </c>
      <c r="JP27" s="357">
        <v>335325</v>
      </c>
      <c r="JQ27" s="159">
        <v>0</v>
      </c>
      <c r="JR27" s="122">
        <v>0</v>
      </c>
      <c r="JS27" s="158">
        <v>0</v>
      </c>
      <c r="JT27" s="121">
        <v>0</v>
      </c>
      <c r="JU27" s="122">
        <v>0</v>
      </c>
      <c r="JV27" s="122">
        <v>0</v>
      </c>
      <c r="JW27" s="122">
        <v>31437</v>
      </c>
      <c r="JX27" s="122">
        <v>0</v>
      </c>
      <c r="JY27" s="122">
        <v>0</v>
      </c>
      <c r="JZ27" s="123">
        <v>31437</v>
      </c>
      <c r="KA27" s="357">
        <v>31437</v>
      </c>
      <c r="KB27" s="264">
        <v>34923</v>
      </c>
      <c r="KC27" s="258">
        <v>0</v>
      </c>
      <c r="KD27" s="123">
        <v>34923</v>
      </c>
      <c r="KE27" s="121">
        <v>0</v>
      </c>
      <c r="KF27" s="122">
        <v>0</v>
      </c>
      <c r="KG27" s="122">
        <v>127561</v>
      </c>
      <c r="KH27" s="122">
        <v>0</v>
      </c>
      <c r="KI27" s="122">
        <v>0</v>
      </c>
      <c r="KJ27" s="122">
        <v>0</v>
      </c>
      <c r="KK27" s="123">
        <v>127561</v>
      </c>
      <c r="KL27" s="160">
        <v>162484</v>
      </c>
      <c r="KM27" s="261">
        <v>0</v>
      </c>
      <c r="KN27" s="268">
        <v>0</v>
      </c>
      <c r="KO27" s="269">
        <v>0</v>
      </c>
      <c r="KP27" s="157"/>
      <c r="KQ27" s="122">
        <v>0</v>
      </c>
      <c r="KR27" s="122">
        <v>0</v>
      </c>
      <c r="KS27" s="122">
        <v>209727</v>
      </c>
      <c r="KT27" s="122">
        <v>222397</v>
      </c>
      <c r="KU27" s="122">
        <v>224273</v>
      </c>
      <c r="KV27" s="123">
        <v>656397</v>
      </c>
      <c r="KW27" s="357">
        <v>656397</v>
      </c>
      <c r="KX27" s="159">
        <v>0</v>
      </c>
      <c r="KY27" s="122">
        <v>0</v>
      </c>
      <c r="KZ27" s="123">
        <v>0</v>
      </c>
      <c r="LA27" s="162"/>
      <c r="LB27" s="122">
        <v>0</v>
      </c>
      <c r="LC27" s="122">
        <v>0</v>
      </c>
      <c r="LD27" s="122">
        <v>0</v>
      </c>
      <c r="LE27" s="122">
        <v>0</v>
      </c>
      <c r="LF27" s="122">
        <v>0</v>
      </c>
      <c r="LG27" s="123">
        <v>0</v>
      </c>
      <c r="LH27" s="124">
        <v>0</v>
      </c>
      <c r="LI27" s="159">
        <v>0</v>
      </c>
      <c r="LJ27" s="122">
        <v>0</v>
      </c>
      <c r="LK27" s="123">
        <v>0</v>
      </c>
      <c r="LL27" s="162"/>
      <c r="LM27" s="122">
        <v>0</v>
      </c>
      <c r="LN27" s="122">
        <v>0</v>
      </c>
      <c r="LO27" s="122">
        <v>0</v>
      </c>
      <c r="LP27" s="122">
        <v>227563</v>
      </c>
      <c r="LQ27" s="122">
        <v>0</v>
      </c>
      <c r="LR27" s="123">
        <v>227563</v>
      </c>
      <c r="LS27" s="357">
        <v>227563</v>
      </c>
      <c r="LT27" s="159">
        <v>0</v>
      </c>
      <c r="LU27" s="122">
        <v>0</v>
      </c>
      <c r="LV27" s="123">
        <v>0</v>
      </c>
      <c r="LW27" s="162"/>
      <c r="LX27" s="122">
        <v>0</v>
      </c>
      <c r="LY27" s="122">
        <v>0</v>
      </c>
      <c r="LZ27" s="122">
        <v>0</v>
      </c>
      <c r="MA27" s="122">
        <v>0</v>
      </c>
      <c r="MB27" s="122">
        <v>0</v>
      </c>
      <c r="MC27" s="123">
        <v>0</v>
      </c>
      <c r="MD27" s="124">
        <v>0</v>
      </c>
      <c r="ME27" s="159">
        <v>0</v>
      </c>
      <c r="MF27" s="122">
        <v>0</v>
      </c>
      <c r="MG27" s="123">
        <v>0</v>
      </c>
      <c r="MH27" s="162"/>
      <c r="MI27" s="122">
        <v>194188</v>
      </c>
      <c r="MJ27" s="122">
        <v>229310</v>
      </c>
      <c r="MK27" s="122">
        <v>526802</v>
      </c>
      <c r="ML27" s="122">
        <v>20324</v>
      </c>
      <c r="MM27" s="122">
        <v>0</v>
      </c>
      <c r="MN27" s="123">
        <v>970624</v>
      </c>
      <c r="MO27" s="160">
        <v>970624</v>
      </c>
      <c r="MP27" s="159">
        <v>0</v>
      </c>
      <c r="MQ27" s="122">
        <v>0</v>
      </c>
      <c r="MR27" s="123">
        <v>0</v>
      </c>
      <c r="MS27" s="162"/>
      <c r="MT27" s="122">
        <v>0</v>
      </c>
      <c r="MU27" s="122">
        <v>0</v>
      </c>
      <c r="MV27" s="122">
        <v>0</v>
      </c>
      <c r="MW27" s="122">
        <v>0</v>
      </c>
      <c r="MX27" s="122">
        <v>0</v>
      </c>
      <c r="MY27" s="123">
        <v>0</v>
      </c>
      <c r="MZ27" s="160">
        <v>0</v>
      </c>
      <c r="NA27" s="159">
        <v>0</v>
      </c>
      <c r="NB27" s="122">
        <v>0</v>
      </c>
      <c r="NC27" s="123">
        <v>0</v>
      </c>
      <c r="ND27" s="162"/>
      <c r="NE27" s="122">
        <v>194188</v>
      </c>
      <c r="NF27" s="122">
        <v>229310</v>
      </c>
      <c r="NG27" s="122">
        <v>526802</v>
      </c>
      <c r="NH27" s="122">
        <v>24969</v>
      </c>
      <c r="NI27" s="122">
        <v>0</v>
      </c>
      <c r="NJ27" s="123">
        <v>975269</v>
      </c>
      <c r="NK27" s="357">
        <v>975269</v>
      </c>
      <c r="NL27" s="159">
        <v>0</v>
      </c>
      <c r="NM27" s="122">
        <v>0</v>
      </c>
      <c r="NN27" s="123">
        <v>0</v>
      </c>
      <c r="NO27" s="162"/>
      <c r="NP27" s="122">
        <v>0</v>
      </c>
      <c r="NQ27" s="122">
        <v>0</v>
      </c>
      <c r="NR27" s="122">
        <v>0</v>
      </c>
      <c r="NS27" s="122">
        <v>0</v>
      </c>
      <c r="NT27" s="122">
        <v>0</v>
      </c>
      <c r="NU27" s="123">
        <v>0</v>
      </c>
      <c r="NV27" s="124">
        <v>0</v>
      </c>
      <c r="NW27" s="159">
        <v>0</v>
      </c>
      <c r="NX27" s="122">
        <v>0</v>
      </c>
      <c r="NY27" s="123">
        <v>0</v>
      </c>
      <c r="NZ27" s="162"/>
      <c r="OA27" s="122">
        <v>0</v>
      </c>
      <c r="OB27" s="122">
        <v>0</v>
      </c>
      <c r="OC27" s="122">
        <v>0</v>
      </c>
      <c r="OD27" s="122">
        <v>-4645</v>
      </c>
      <c r="OE27" s="122">
        <v>0</v>
      </c>
      <c r="OF27" s="123">
        <v>-4645</v>
      </c>
      <c r="OG27" s="124">
        <v>-4645</v>
      </c>
      <c r="OH27" s="159">
        <v>87402</v>
      </c>
      <c r="OI27" s="122">
        <v>133098</v>
      </c>
      <c r="OJ27" s="158">
        <v>220500</v>
      </c>
      <c r="OK27" s="121">
        <v>0</v>
      </c>
      <c r="OL27" s="122">
        <v>1452827</v>
      </c>
      <c r="OM27" s="122">
        <v>1288398</v>
      </c>
      <c r="ON27" s="122">
        <v>1240923</v>
      </c>
      <c r="OO27" s="122">
        <v>2467838</v>
      </c>
      <c r="OP27" s="122">
        <v>1737788</v>
      </c>
      <c r="OQ27" s="123">
        <v>8187774</v>
      </c>
      <c r="OR27" s="160">
        <v>137537.14676154</v>
      </c>
    </row>
    <row r="28" spans="1:408" ht="20.25" customHeight="1" x14ac:dyDescent="0.2">
      <c r="A28" s="129" t="s">
        <v>23</v>
      </c>
      <c r="B28" s="112">
        <v>158046</v>
      </c>
      <c r="C28" s="116">
        <v>67839</v>
      </c>
      <c r="D28" s="115">
        <v>225885</v>
      </c>
      <c r="E28" s="111">
        <v>0</v>
      </c>
      <c r="F28" s="116">
        <v>1340643</v>
      </c>
      <c r="G28" s="116">
        <v>2294335</v>
      </c>
      <c r="H28" s="116">
        <v>1863115</v>
      </c>
      <c r="I28" s="116">
        <v>2657821</v>
      </c>
      <c r="J28" s="116">
        <v>39200</v>
      </c>
      <c r="K28" s="200">
        <v>8195114</v>
      </c>
      <c r="L28" s="118">
        <v>8420999</v>
      </c>
      <c r="M28" s="112">
        <v>50582</v>
      </c>
      <c r="N28" s="116">
        <v>31689</v>
      </c>
      <c r="O28" s="115">
        <v>82271</v>
      </c>
      <c r="P28" s="112">
        <v>0</v>
      </c>
      <c r="Q28" s="116">
        <v>130757</v>
      </c>
      <c r="R28" s="116">
        <v>517096</v>
      </c>
      <c r="S28" s="116">
        <v>603576</v>
      </c>
      <c r="T28" s="116">
        <v>361210</v>
      </c>
      <c r="U28" s="116">
        <v>0</v>
      </c>
      <c r="V28" s="115">
        <v>1612639</v>
      </c>
      <c r="W28" s="118">
        <v>1694910</v>
      </c>
      <c r="X28" s="112">
        <v>0</v>
      </c>
      <c r="Y28" s="116">
        <v>0</v>
      </c>
      <c r="Z28" s="115">
        <v>0</v>
      </c>
      <c r="AA28" s="112">
        <v>0</v>
      </c>
      <c r="AB28" s="116">
        <v>62267</v>
      </c>
      <c r="AC28" s="116">
        <v>222943</v>
      </c>
      <c r="AD28" s="116">
        <v>335630</v>
      </c>
      <c r="AE28" s="116">
        <v>91860</v>
      </c>
      <c r="AF28" s="116">
        <v>0</v>
      </c>
      <c r="AG28" s="115">
        <v>712700</v>
      </c>
      <c r="AH28" s="118">
        <v>712700</v>
      </c>
      <c r="AI28" s="112">
        <v>0</v>
      </c>
      <c r="AJ28" s="116">
        <v>0</v>
      </c>
      <c r="AK28" s="115">
        <v>0</v>
      </c>
      <c r="AL28" s="112">
        <v>0</v>
      </c>
      <c r="AM28" s="116">
        <v>0</v>
      </c>
      <c r="AN28" s="116">
        <v>42667</v>
      </c>
      <c r="AO28" s="116">
        <v>60750</v>
      </c>
      <c r="AP28" s="116">
        <v>39936</v>
      </c>
      <c r="AQ28" s="116">
        <v>0</v>
      </c>
      <c r="AR28" s="115">
        <v>143353</v>
      </c>
      <c r="AS28" s="118">
        <v>143353</v>
      </c>
      <c r="AT28" s="112">
        <v>50582</v>
      </c>
      <c r="AU28" s="116">
        <v>0</v>
      </c>
      <c r="AV28" s="115">
        <v>50582</v>
      </c>
      <c r="AW28" s="112">
        <v>0</v>
      </c>
      <c r="AX28" s="116">
        <v>21352</v>
      </c>
      <c r="AY28" s="116">
        <v>106451</v>
      </c>
      <c r="AZ28" s="116">
        <v>110680</v>
      </c>
      <c r="BA28" s="116">
        <v>59664</v>
      </c>
      <c r="BB28" s="116">
        <v>0</v>
      </c>
      <c r="BC28" s="115">
        <v>298147</v>
      </c>
      <c r="BD28" s="118">
        <v>348729</v>
      </c>
      <c r="BE28" s="112">
        <v>0</v>
      </c>
      <c r="BF28" s="116">
        <v>27489</v>
      </c>
      <c r="BG28" s="114">
        <v>27489</v>
      </c>
      <c r="BH28" s="113">
        <v>0</v>
      </c>
      <c r="BI28" s="116">
        <v>0</v>
      </c>
      <c r="BJ28" s="116">
        <v>79424</v>
      </c>
      <c r="BK28" s="116">
        <v>0</v>
      </c>
      <c r="BL28" s="116">
        <v>0</v>
      </c>
      <c r="BM28" s="116">
        <v>0</v>
      </c>
      <c r="BN28" s="115">
        <v>79424</v>
      </c>
      <c r="BO28" s="118">
        <v>106913</v>
      </c>
      <c r="BP28" s="112">
        <v>0</v>
      </c>
      <c r="BQ28" s="116">
        <v>4200</v>
      </c>
      <c r="BR28" s="115">
        <v>4200</v>
      </c>
      <c r="BS28" s="112">
        <v>0</v>
      </c>
      <c r="BT28" s="116">
        <v>47138</v>
      </c>
      <c r="BU28" s="116">
        <v>65611</v>
      </c>
      <c r="BV28" s="116">
        <v>96516</v>
      </c>
      <c r="BW28" s="116">
        <v>169750</v>
      </c>
      <c r="BX28" s="116">
        <v>0</v>
      </c>
      <c r="BY28" s="115">
        <v>379015</v>
      </c>
      <c r="BZ28" s="118">
        <v>383215</v>
      </c>
      <c r="CA28" s="112">
        <v>0</v>
      </c>
      <c r="CB28" s="116">
        <v>0</v>
      </c>
      <c r="CC28" s="115">
        <v>0</v>
      </c>
      <c r="CD28" s="112">
        <v>0</v>
      </c>
      <c r="CE28" s="116">
        <v>542182</v>
      </c>
      <c r="CF28" s="116">
        <v>1028325</v>
      </c>
      <c r="CG28" s="116">
        <v>641010</v>
      </c>
      <c r="CH28" s="116">
        <v>388912</v>
      </c>
      <c r="CI28" s="116">
        <v>0</v>
      </c>
      <c r="CJ28" s="115">
        <v>2600429</v>
      </c>
      <c r="CK28" s="118">
        <v>2600429</v>
      </c>
      <c r="CL28" s="112">
        <v>0</v>
      </c>
      <c r="CM28" s="116">
        <v>0</v>
      </c>
      <c r="CN28" s="115">
        <v>0</v>
      </c>
      <c r="CO28" s="113">
        <v>0</v>
      </c>
      <c r="CP28" s="116">
        <v>393867</v>
      </c>
      <c r="CQ28" s="116">
        <v>846028</v>
      </c>
      <c r="CR28" s="116">
        <v>248802</v>
      </c>
      <c r="CS28" s="116">
        <v>204532</v>
      </c>
      <c r="CT28" s="116">
        <v>0</v>
      </c>
      <c r="CU28" s="115">
        <v>1693229</v>
      </c>
      <c r="CV28" s="118">
        <v>1693229</v>
      </c>
      <c r="CW28" s="112">
        <v>0</v>
      </c>
      <c r="CX28" s="116">
        <v>0</v>
      </c>
      <c r="CY28" s="115">
        <v>0</v>
      </c>
      <c r="CZ28" s="112">
        <v>0</v>
      </c>
      <c r="DA28" s="116">
        <v>148315</v>
      </c>
      <c r="DB28" s="116">
        <v>182297</v>
      </c>
      <c r="DC28" s="116">
        <v>392208</v>
      </c>
      <c r="DD28" s="116">
        <v>184380</v>
      </c>
      <c r="DE28" s="116">
        <v>0</v>
      </c>
      <c r="DF28" s="115">
        <v>907200</v>
      </c>
      <c r="DG28" s="118">
        <v>907200</v>
      </c>
      <c r="DH28" s="112">
        <v>0</v>
      </c>
      <c r="DI28" s="116">
        <v>0</v>
      </c>
      <c r="DJ28" s="114">
        <v>0</v>
      </c>
      <c r="DK28" s="113">
        <v>0</v>
      </c>
      <c r="DL28" s="116">
        <v>51324</v>
      </c>
      <c r="DM28" s="116">
        <v>61501</v>
      </c>
      <c r="DN28" s="116">
        <v>114546</v>
      </c>
      <c r="DO28" s="116">
        <v>26260</v>
      </c>
      <c r="DP28" s="116">
        <v>0</v>
      </c>
      <c r="DQ28" s="115">
        <v>253631</v>
      </c>
      <c r="DR28" s="118">
        <v>253631</v>
      </c>
      <c r="DS28" s="112">
        <v>0</v>
      </c>
      <c r="DT28" s="116">
        <v>0</v>
      </c>
      <c r="DU28" s="115">
        <v>0</v>
      </c>
      <c r="DV28" s="112">
        <v>0</v>
      </c>
      <c r="DW28" s="116">
        <v>51324</v>
      </c>
      <c r="DX28" s="116">
        <v>61501</v>
      </c>
      <c r="DY28" s="116">
        <v>114546</v>
      </c>
      <c r="DZ28" s="116">
        <v>26260</v>
      </c>
      <c r="EA28" s="116">
        <v>0</v>
      </c>
      <c r="EB28" s="115">
        <v>253631</v>
      </c>
      <c r="EC28" s="118">
        <v>253631</v>
      </c>
      <c r="ED28" s="112">
        <v>0</v>
      </c>
      <c r="EE28" s="114">
        <v>0</v>
      </c>
      <c r="EF28" s="115">
        <v>0</v>
      </c>
      <c r="EG28" s="112">
        <v>0</v>
      </c>
      <c r="EH28" s="116">
        <v>0</v>
      </c>
      <c r="EI28" s="116">
        <v>0</v>
      </c>
      <c r="EJ28" s="116">
        <v>0</v>
      </c>
      <c r="EK28" s="116">
        <v>0</v>
      </c>
      <c r="EL28" s="116">
        <v>0</v>
      </c>
      <c r="EM28" s="114">
        <v>0</v>
      </c>
      <c r="EN28" s="118">
        <v>0</v>
      </c>
      <c r="EO28" s="112">
        <v>0</v>
      </c>
      <c r="EP28" s="116">
        <v>0</v>
      </c>
      <c r="EQ28" s="114">
        <v>0</v>
      </c>
      <c r="ER28" s="113">
        <v>0</v>
      </c>
      <c r="ES28" s="116">
        <v>0</v>
      </c>
      <c r="ET28" s="116">
        <v>0</v>
      </c>
      <c r="EU28" s="116">
        <v>0</v>
      </c>
      <c r="EV28" s="116">
        <v>0</v>
      </c>
      <c r="EW28" s="116">
        <v>0</v>
      </c>
      <c r="EX28" s="115">
        <v>0</v>
      </c>
      <c r="EY28" s="118">
        <v>0</v>
      </c>
      <c r="EZ28" s="112">
        <v>0</v>
      </c>
      <c r="FA28" s="116">
        <v>0</v>
      </c>
      <c r="FB28" s="114">
        <v>0</v>
      </c>
      <c r="FC28" s="390"/>
      <c r="FD28" s="116">
        <v>0</v>
      </c>
      <c r="FE28" s="116">
        <v>0</v>
      </c>
      <c r="FF28" s="116">
        <v>0</v>
      </c>
      <c r="FG28" s="116">
        <v>0</v>
      </c>
      <c r="FH28" s="116">
        <v>0</v>
      </c>
      <c r="FI28" s="115">
        <v>0</v>
      </c>
      <c r="FJ28" s="118">
        <v>0</v>
      </c>
      <c r="FK28" s="112">
        <v>107464</v>
      </c>
      <c r="FL28" s="116">
        <v>16240</v>
      </c>
      <c r="FM28" s="115">
        <v>123704</v>
      </c>
      <c r="FN28" s="112">
        <v>0</v>
      </c>
      <c r="FO28" s="116">
        <v>53708</v>
      </c>
      <c r="FP28" s="116">
        <v>223279</v>
      </c>
      <c r="FQ28" s="116">
        <v>157759</v>
      </c>
      <c r="FR28" s="116">
        <v>169148</v>
      </c>
      <c r="FS28" s="116">
        <v>39200</v>
      </c>
      <c r="FT28" s="115">
        <v>643094</v>
      </c>
      <c r="FU28" s="118">
        <v>766798</v>
      </c>
      <c r="FV28" s="117">
        <v>14294</v>
      </c>
      <c r="FW28" s="116">
        <v>16240</v>
      </c>
      <c r="FX28" s="114">
        <v>30534</v>
      </c>
      <c r="FY28" s="113">
        <v>0</v>
      </c>
      <c r="FZ28" s="116">
        <v>53708</v>
      </c>
      <c r="GA28" s="116">
        <v>223279</v>
      </c>
      <c r="GB28" s="116">
        <v>157759</v>
      </c>
      <c r="GC28" s="116">
        <v>152824</v>
      </c>
      <c r="GD28" s="116">
        <v>39200</v>
      </c>
      <c r="GE28" s="115">
        <v>626770</v>
      </c>
      <c r="GF28" s="354">
        <v>657304</v>
      </c>
      <c r="GG28" s="117">
        <v>0</v>
      </c>
      <c r="GH28" s="116">
        <v>0</v>
      </c>
      <c r="GI28" s="114">
        <v>0</v>
      </c>
      <c r="GJ28" s="113">
        <v>0</v>
      </c>
      <c r="GK28" s="116">
        <v>0</v>
      </c>
      <c r="GL28" s="116">
        <v>0</v>
      </c>
      <c r="GM28" s="116">
        <v>0</v>
      </c>
      <c r="GN28" s="116">
        <v>16324</v>
      </c>
      <c r="GO28" s="116">
        <v>0</v>
      </c>
      <c r="GP28" s="115">
        <v>16324</v>
      </c>
      <c r="GQ28" s="118">
        <v>16324</v>
      </c>
      <c r="GR28" s="112">
        <v>93170</v>
      </c>
      <c r="GS28" s="116">
        <v>0</v>
      </c>
      <c r="GT28" s="115">
        <v>93170</v>
      </c>
      <c r="GU28" s="112">
        <v>0</v>
      </c>
      <c r="GV28" s="116">
        <v>0</v>
      </c>
      <c r="GW28" s="116">
        <v>0</v>
      </c>
      <c r="GX28" s="116">
        <v>0</v>
      </c>
      <c r="GY28" s="116">
        <v>0</v>
      </c>
      <c r="GZ28" s="116">
        <v>0</v>
      </c>
      <c r="HA28" s="114">
        <v>0</v>
      </c>
      <c r="HB28" s="118">
        <v>93170</v>
      </c>
      <c r="HC28" s="112">
        <v>0</v>
      </c>
      <c r="HD28" s="116">
        <v>19910</v>
      </c>
      <c r="HE28" s="114">
        <v>19910</v>
      </c>
      <c r="HF28" s="113">
        <v>0</v>
      </c>
      <c r="HG28" s="116">
        <v>562672</v>
      </c>
      <c r="HH28" s="116">
        <v>464134</v>
      </c>
      <c r="HI28" s="116">
        <v>346224</v>
      </c>
      <c r="HJ28" s="116">
        <v>1712291</v>
      </c>
      <c r="HK28" s="116">
        <v>0</v>
      </c>
      <c r="HL28" s="115">
        <v>3085321</v>
      </c>
      <c r="HM28" s="111">
        <v>3105231</v>
      </c>
      <c r="HN28" s="370"/>
      <c r="HO28" s="371"/>
      <c r="HP28" s="372"/>
      <c r="HQ28" s="373"/>
      <c r="HR28" s="371"/>
      <c r="HS28" s="371"/>
      <c r="HT28" s="371"/>
      <c r="HU28" s="371"/>
      <c r="HV28" s="371"/>
      <c r="HW28" s="374"/>
      <c r="HX28" s="375"/>
      <c r="HY28" s="167">
        <v>0</v>
      </c>
      <c r="HZ28" s="152">
        <v>0</v>
      </c>
      <c r="IA28" s="167">
        <v>0</v>
      </c>
      <c r="IB28" s="151">
        <v>0</v>
      </c>
      <c r="IC28" s="152">
        <v>83236</v>
      </c>
      <c r="ID28" s="153">
        <v>49224</v>
      </c>
      <c r="IE28" s="154">
        <v>296972</v>
      </c>
      <c r="IF28" s="152">
        <v>0</v>
      </c>
      <c r="IG28" s="154">
        <v>196517</v>
      </c>
      <c r="IH28" s="155">
        <v>625949</v>
      </c>
      <c r="II28" s="167">
        <v>625949</v>
      </c>
      <c r="IJ28" s="261">
        <v>0</v>
      </c>
      <c r="IK28" s="268">
        <v>0</v>
      </c>
      <c r="IL28" s="269">
        <v>0</v>
      </c>
      <c r="IM28" s="157"/>
      <c r="IN28" s="122">
        <v>0</v>
      </c>
      <c r="IO28" s="122">
        <v>0</v>
      </c>
      <c r="IP28" s="122">
        <v>0</v>
      </c>
      <c r="IQ28" s="122">
        <v>0</v>
      </c>
      <c r="IR28" s="122">
        <v>0</v>
      </c>
      <c r="IS28" s="158">
        <v>0</v>
      </c>
      <c r="IT28" s="357">
        <v>0</v>
      </c>
      <c r="IU28" s="159">
        <v>0</v>
      </c>
      <c r="IV28" s="122">
        <v>0</v>
      </c>
      <c r="IW28" s="123">
        <v>0</v>
      </c>
      <c r="IX28" s="161"/>
      <c r="IY28" s="122">
        <v>0</v>
      </c>
      <c r="IZ28" s="122">
        <v>0</v>
      </c>
      <c r="JA28" s="122">
        <v>0</v>
      </c>
      <c r="JB28" s="122">
        <v>0</v>
      </c>
      <c r="JC28" s="122">
        <v>0</v>
      </c>
      <c r="JD28" s="123">
        <v>0</v>
      </c>
      <c r="JE28" s="124">
        <v>0</v>
      </c>
      <c r="JF28" s="159">
        <v>0</v>
      </c>
      <c r="JG28" s="122">
        <v>0</v>
      </c>
      <c r="JH28" s="158">
        <v>0</v>
      </c>
      <c r="JI28" s="121">
        <v>0</v>
      </c>
      <c r="JJ28" s="122">
        <v>83236</v>
      </c>
      <c r="JK28" s="122">
        <v>49224</v>
      </c>
      <c r="JL28" s="122">
        <v>74363</v>
      </c>
      <c r="JM28" s="122">
        <v>0</v>
      </c>
      <c r="JN28" s="122">
        <v>196517</v>
      </c>
      <c r="JO28" s="123">
        <v>403340</v>
      </c>
      <c r="JP28" s="357">
        <v>403340</v>
      </c>
      <c r="JQ28" s="159">
        <v>0</v>
      </c>
      <c r="JR28" s="122">
        <v>0</v>
      </c>
      <c r="JS28" s="158">
        <v>0</v>
      </c>
      <c r="JT28" s="121">
        <v>0</v>
      </c>
      <c r="JU28" s="122">
        <v>0</v>
      </c>
      <c r="JV28" s="122">
        <v>0</v>
      </c>
      <c r="JW28" s="122">
        <v>0</v>
      </c>
      <c r="JX28" s="122">
        <v>0</v>
      </c>
      <c r="JY28" s="122">
        <v>0</v>
      </c>
      <c r="JZ28" s="123">
        <v>0</v>
      </c>
      <c r="KA28" s="357">
        <v>0</v>
      </c>
      <c r="KB28" s="264">
        <v>0</v>
      </c>
      <c r="KC28" s="258">
        <v>0</v>
      </c>
      <c r="KD28" s="123">
        <v>0</v>
      </c>
      <c r="KE28" s="121">
        <v>0</v>
      </c>
      <c r="KF28" s="122">
        <v>0</v>
      </c>
      <c r="KG28" s="122">
        <v>0</v>
      </c>
      <c r="KH28" s="122">
        <v>0</v>
      </c>
      <c r="KI28" s="122">
        <v>0</v>
      </c>
      <c r="KJ28" s="122">
        <v>0</v>
      </c>
      <c r="KK28" s="123">
        <v>0</v>
      </c>
      <c r="KL28" s="160">
        <v>0</v>
      </c>
      <c r="KM28" s="261">
        <v>0</v>
      </c>
      <c r="KN28" s="268">
        <v>0</v>
      </c>
      <c r="KO28" s="269">
        <v>0</v>
      </c>
      <c r="KP28" s="157"/>
      <c r="KQ28" s="122">
        <v>0</v>
      </c>
      <c r="KR28" s="122">
        <v>0</v>
      </c>
      <c r="KS28" s="122">
        <v>222609</v>
      </c>
      <c r="KT28" s="122">
        <v>0</v>
      </c>
      <c r="KU28" s="122">
        <v>0</v>
      </c>
      <c r="KV28" s="123">
        <v>222609</v>
      </c>
      <c r="KW28" s="357">
        <v>222609</v>
      </c>
      <c r="KX28" s="159">
        <v>0</v>
      </c>
      <c r="KY28" s="122">
        <v>0</v>
      </c>
      <c r="KZ28" s="123">
        <v>0</v>
      </c>
      <c r="LA28" s="162"/>
      <c r="LB28" s="122">
        <v>0</v>
      </c>
      <c r="LC28" s="122">
        <v>0</v>
      </c>
      <c r="LD28" s="122">
        <v>0</v>
      </c>
      <c r="LE28" s="122">
        <v>0</v>
      </c>
      <c r="LF28" s="122">
        <v>0</v>
      </c>
      <c r="LG28" s="123">
        <v>0</v>
      </c>
      <c r="LH28" s="124">
        <v>0</v>
      </c>
      <c r="LI28" s="159">
        <v>0</v>
      </c>
      <c r="LJ28" s="122">
        <v>0</v>
      </c>
      <c r="LK28" s="123">
        <v>0</v>
      </c>
      <c r="LL28" s="162"/>
      <c r="LM28" s="122">
        <v>0</v>
      </c>
      <c r="LN28" s="122">
        <v>0</v>
      </c>
      <c r="LO28" s="122">
        <v>0</v>
      </c>
      <c r="LP28" s="122">
        <v>0</v>
      </c>
      <c r="LQ28" s="122">
        <v>0</v>
      </c>
      <c r="LR28" s="123">
        <v>0</v>
      </c>
      <c r="LS28" s="357">
        <v>0</v>
      </c>
      <c r="LT28" s="159">
        <v>0</v>
      </c>
      <c r="LU28" s="122">
        <v>0</v>
      </c>
      <c r="LV28" s="123">
        <v>0</v>
      </c>
      <c r="LW28" s="162"/>
      <c r="LX28" s="122">
        <v>0</v>
      </c>
      <c r="LY28" s="122">
        <v>0</v>
      </c>
      <c r="LZ28" s="122">
        <v>0</v>
      </c>
      <c r="MA28" s="122">
        <v>0</v>
      </c>
      <c r="MB28" s="122">
        <v>0</v>
      </c>
      <c r="MC28" s="123">
        <v>0</v>
      </c>
      <c r="MD28" s="124">
        <v>0</v>
      </c>
      <c r="ME28" s="159">
        <v>0</v>
      </c>
      <c r="MF28" s="122">
        <v>0</v>
      </c>
      <c r="MG28" s="123">
        <v>0</v>
      </c>
      <c r="MH28" s="162"/>
      <c r="MI28" s="122">
        <v>0</v>
      </c>
      <c r="MJ28" s="122">
        <v>204215</v>
      </c>
      <c r="MK28" s="122">
        <v>489891</v>
      </c>
      <c r="ML28" s="122">
        <v>1780363</v>
      </c>
      <c r="MM28" s="122">
        <v>939047</v>
      </c>
      <c r="MN28" s="123">
        <v>3413516</v>
      </c>
      <c r="MO28" s="160">
        <v>3413516</v>
      </c>
      <c r="MP28" s="159">
        <v>0</v>
      </c>
      <c r="MQ28" s="122">
        <v>0</v>
      </c>
      <c r="MR28" s="123">
        <v>0</v>
      </c>
      <c r="MS28" s="162"/>
      <c r="MT28" s="122">
        <v>0</v>
      </c>
      <c r="MU28" s="122">
        <v>0</v>
      </c>
      <c r="MV28" s="122">
        <v>214058</v>
      </c>
      <c r="MW28" s="122">
        <v>1233152</v>
      </c>
      <c r="MX28" s="122">
        <v>163791</v>
      </c>
      <c r="MY28" s="123">
        <v>1611001</v>
      </c>
      <c r="MZ28" s="160">
        <v>1611001</v>
      </c>
      <c r="NA28" s="159">
        <v>0</v>
      </c>
      <c r="NB28" s="122">
        <v>0</v>
      </c>
      <c r="NC28" s="123">
        <v>0</v>
      </c>
      <c r="ND28" s="162"/>
      <c r="NE28" s="122">
        <v>0</v>
      </c>
      <c r="NF28" s="122">
        <v>204215</v>
      </c>
      <c r="NG28" s="122">
        <v>275833</v>
      </c>
      <c r="NH28" s="122">
        <v>547211</v>
      </c>
      <c r="NI28" s="122">
        <v>500062</v>
      </c>
      <c r="NJ28" s="123">
        <v>1527321</v>
      </c>
      <c r="NK28" s="357">
        <v>1527321</v>
      </c>
      <c r="NL28" s="159">
        <v>0</v>
      </c>
      <c r="NM28" s="122">
        <v>0</v>
      </c>
      <c r="NN28" s="123">
        <v>0</v>
      </c>
      <c r="NO28" s="162"/>
      <c r="NP28" s="122">
        <v>0</v>
      </c>
      <c r="NQ28" s="122">
        <v>0</v>
      </c>
      <c r="NR28" s="122">
        <v>0</v>
      </c>
      <c r="NS28" s="122">
        <v>0</v>
      </c>
      <c r="NT28" s="122">
        <v>275194</v>
      </c>
      <c r="NU28" s="123">
        <v>275194</v>
      </c>
      <c r="NV28" s="124">
        <v>275194</v>
      </c>
      <c r="NW28" s="159">
        <v>0</v>
      </c>
      <c r="NX28" s="122">
        <v>0</v>
      </c>
      <c r="NY28" s="123">
        <v>0</v>
      </c>
      <c r="NZ28" s="162"/>
      <c r="OA28" s="122">
        <v>0</v>
      </c>
      <c r="OB28" s="122">
        <v>0</v>
      </c>
      <c r="OC28" s="122">
        <v>0</v>
      </c>
      <c r="OD28" s="122">
        <v>0</v>
      </c>
      <c r="OE28" s="122">
        <v>0</v>
      </c>
      <c r="OF28" s="123">
        <v>0</v>
      </c>
      <c r="OG28" s="124">
        <v>0</v>
      </c>
      <c r="OH28" s="159">
        <v>158046</v>
      </c>
      <c r="OI28" s="122">
        <v>67839</v>
      </c>
      <c r="OJ28" s="158">
        <v>225885</v>
      </c>
      <c r="OK28" s="121">
        <v>0</v>
      </c>
      <c r="OL28" s="122">
        <v>1423879</v>
      </c>
      <c r="OM28" s="122">
        <v>2547774</v>
      </c>
      <c r="ON28" s="122">
        <v>2649978</v>
      </c>
      <c r="OO28" s="122">
        <v>4438184</v>
      </c>
      <c r="OP28" s="122">
        <v>1174764</v>
      </c>
      <c r="OQ28" s="123">
        <v>12234579</v>
      </c>
      <c r="OR28" s="160">
        <v>284490.78449188097</v>
      </c>
    </row>
    <row r="29" spans="1:408" ht="20.25" customHeight="1" x14ac:dyDescent="0.2">
      <c r="A29" s="129" t="s">
        <v>24</v>
      </c>
      <c r="B29" s="112">
        <v>291127</v>
      </c>
      <c r="C29" s="116">
        <v>157412</v>
      </c>
      <c r="D29" s="115">
        <v>448539</v>
      </c>
      <c r="E29" s="111">
        <v>0</v>
      </c>
      <c r="F29" s="116">
        <v>1570515</v>
      </c>
      <c r="G29" s="116">
        <v>2016162</v>
      </c>
      <c r="H29" s="116">
        <v>512751</v>
      </c>
      <c r="I29" s="116">
        <v>2661161</v>
      </c>
      <c r="J29" s="116">
        <v>1527054</v>
      </c>
      <c r="K29" s="200">
        <v>8287643</v>
      </c>
      <c r="L29" s="118">
        <v>8736182</v>
      </c>
      <c r="M29" s="112">
        <v>56350</v>
      </c>
      <c r="N29" s="116">
        <v>43395</v>
      </c>
      <c r="O29" s="115">
        <v>99745</v>
      </c>
      <c r="P29" s="112">
        <v>0</v>
      </c>
      <c r="Q29" s="116">
        <v>450163</v>
      </c>
      <c r="R29" s="116">
        <v>565022</v>
      </c>
      <c r="S29" s="116">
        <v>155689</v>
      </c>
      <c r="T29" s="116">
        <v>809880</v>
      </c>
      <c r="U29" s="116">
        <v>780862</v>
      </c>
      <c r="V29" s="115">
        <v>2761616</v>
      </c>
      <c r="W29" s="118">
        <v>2861361</v>
      </c>
      <c r="X29" s="112">
        <v>0</v>
      </c>
      <c r="Y29" s="116">
        <v>0</v>
      </c>
      <c r="Z29" s="115">
        <v>0</v>
      </c>
      <c r="AA29" s="112">
        <v>0</v>
      </c>
      <c r="AB29" s="116">
        <v>136738</v>
      </c>
      <c r="AC29" s="116">
        <v>315283</v>
      </c>
      <c r="AD29" s="116">
        <v>65044</v>
      </c>
      <c r="AE29" s="116">
        <v>512475</v>
      </c>
      <c r="AF29" s="116">
        <v>328036</v>
      </c>
      <c r="AG29" s="115">
        <v>1357576</v>
      </c>
      <c r="AH29" s="118">
        <v>1357576</v>
      </c>
      <c r="AI29" s="112">
        <v>0</v>
      </c>
      <c r="AJ29" s="116">
        <v>0</v>
      </c>
      <c r="AK29" s="115">
        <v>0</v>
      </c>
      <c r="AL29" s="112">
        <v>0</v>
      </c>
      <c r="AM29" s="116">
        <v>0</v>
      </c>
      <c r="AN29" s="116">
        <v>0</v>
      </c>
      <c r="AO29" s="116">
        <v>0</v>
      </c>
      <c r="AP29" s="116">
        <v>0</v>
      </c>
      <c r="AQ29" s="116">
        <v>71121</v>
      </c>
      <c r="AR29" s="115">
        <v>71121</v>
      </c>
      <c r="AS29" s="118">
        <v>71121</v>
      </c>
      <c r="AT29" s="112">
        <v>0</v>
      </c>
      <c r="AU29" s="116">
        <v>34631</v>
      </c>
      <c r="AV29" s="115">
        <v>34631</v>
      </c>
      <c r="AW29" s="112">
        <v>0</v>
      </c>
      <c r="AX29" s="116">
        <v>209146</v>
      </c>
      <c r="AY29" s="116">
        <v>67500</v>
      </c>
      <c r="AZ29" s="116">
        <v>59698</v>
      </c>
      <c r="BA29" s="116">
        <v>109056</v>
      </c>
      <c r="BB29" s="116">
        <v>238586</v>
      </c>
      <c r="BC29" s="115">
        <v>683986</v>
      </c>
      <c r="BD29" s="118">
        <v>718617</v>
      </c>
      <c r="BE29" s="112">
        <v>0</v>
      </c>
      <c r="BF29" s="116">
        <v>0</v>
      </c>
      <c r="BG29" s="114">
        <v>0</v>
      </c>
      <c r="BH29" s="113">
        <v>0</v>
      </c>
      <c r="BI29" s="116">
        <v>0</v>
      </c>
      <c r="BJ29" s="116">
        <v>43226</v>
      </c>
      <c r="BK29" s="116">
        <v>0</v>
      </c>
      <c r="BL29" s="116">
        <v>0</v>
      </c>
      <c r="BM29" s="116">
        <v>47982</v>
      </c>
      <c r="BN29" s="115">
        <v>91208</v>
      </c>
      <c r="BO29" s="118">
        <v>91208</v>
      </c>
      <c r="BP29" s="112">
        <v>56350</v>
      </c>
      <c r="BQ29" s="116">
        <v>8764</v>
      </c>
      <c r="BR29" s="115">
        <v>65114</v>
      </c>
      <c r="BS29" s="112">
        <v>0</v>
      </c>
      <c r="BT29" s="116">
        <v>104279</v>
      </c>
      <c r="BU29" s="116">
        <v>139013</v>
      </c>
      <c r="BV29" s="116">
        <v>30947</v>
      </c>
      <c r="BW29" s="116">
        <v>188349</v>
      </c>
      <c r="BX29" s="116">
        <v>95137</v>
      </c>
      <c r="BY29" s="115">
        <v>557725</v>
      </c>
      <c r="BZ29" s="118">
        <v>622839</v>
      </c>
      <c r="CA29" s="112">
        <v>17860</v>
      </c>
      <c r="CB29" s="116">
        <v>0</v>
      </c>
      <c r="CC29" s="115">
        <v>17860</v>
      </c>
      <c r="CD29" s="112">
        <v>0</v>
      </c>
      <c r="CE29" s="116">
        <v>554023</v>
      </c>
      <c r="CF29" s="116">
        <v>430595</v>
      </c>
      <c r="CG29" s="116">
        <v>37882</v>
      </c>
      <c r="CH29" s="116">
        <v>364578</v>
      </c>
      <c r="CI29" s="116">
        <v>126742</v>
      </c>
      <c r="CJ29" s="115">
        <v>1513820</v>
      </c>
      <c r="CK29" s="118">
        <v>1531680</v>
      </c>
      <c r="CL29" s="112">
        <v>0</v>
      </c>
      <c r="CM29" s="116">
        <v>0</v>
      </c>
      <c r="CN29" s="115">
        <v>0</v>
      </c>
      <c r="CO29" s="113">
        <v>0</v>
      </c>
      <c r="CP29" s="116">
        <v>360084</v>
      </c>
      <c r="CQ29" s="116">
        <v>334484</v>
      </c>
      <c r="CR29" s="116">
        <v>0</v>
      </c>
      <c r="CS29" s="116">
        <v>23069</v>
      </c>
      <c r="CT29" s="116">
        <v>0</v>
      </c>
      <c r="CU29" s="115">
        <v>717637</v>
      </c>
      <c r="CV29" s="118">
        <v>717637</v>
      </c>
      <c r="CW29" s="112">
        <v>17860</v>
      </c>
      <c r="CX29" s="116">
        <v>0</v>
      </c>
      <c r="CY29" s="115">
        <v>17860</v>
      </c>
      <c r="CZ29" s="112">
        <v>0</v>
      </c>
      <c r="DA29" s="116">
        <v>193939</v>
      </c>
      <c r="DB29" s="116">
        <v>96111</v>
      </c>
      <c r="DC29" s="116">
        <v>37882</v>
      </c>
      <c r="DD29" s="116">
        <v>341509</v>
      </c>
      <c r="DE29" s="116">
        <v>126742</v>
      </c>
      <c r="DF29" s="115">
        <v>796183</v>
      </c>
      <c r="DG29" s="118">
        <v>814043</v>
      </c>
      <c r="DH29" s="112">
        <v>0</v>
      </c>
      <c r="DI29" s="116">
        <v>14009</v>
      </c>
      <c r="DJ29" s="114">
        <v>14009</v>
      </c>
      <c r="DK29" s="113">
        <v>0</v>
      </c>
      <c r="DL29" s="116">
        <v>0</v>
      </c>
      <c r="DM29" s="116">
        <v>35923</v>
      </c>
      <c r="DN29" s="116">
        <v>0</v>
      </c>
      <c r="DO29" s="116">
        <v>0</v>
      </c>
      <c r="DP29" s="116">
        <v>50927</v>
      </c>
      <c r="DQ29" s="115">
        <v>86850</v>
      </c>
      <c r="DR29" s="118">
        <v>100859</v>
      </c>
      <c r="DS29" s="112">
        <v>0</v>
      </c>
      <c r="DT29" s="116">
        <v>14009</v>
      </c>
      <c r="DU29" s="115">
        <v>14009</v>
      </c>
      <c r="DV29" s="112">
        <v>0</v>
      </c>
      <c r="DW29" s="116">
        <v>0</v>
      </c>
      <c r="DX29" s="116">
        <v>35923</v>
      </c>
      <c r="DY29" s="116">
        <v>0</v>
      </c>
      <c r="DZ29" s="116">
        <v>0</v>
      </c>
      <c r="EA29" s="116">
        <v>50927</v>
      </c>
      <c r="EB29" s="115">
        <v>86850</v>
      </c>
      <c r="EC29" s="118">
        <v>100859</v>
      </c>
      <c r="ED29" s="112">
        <v>0</v>
      </c>
      <c r="EE29" s="114">
        <v>0</v>
      </c>
      <c r="EF29" s="115">
        <v>0</v>
      </c>
      <c r="EG29" s="112">
        <v>0</v>
      </c>
      <c r="EH29" s="116">
        <v>0</v>
      </c>
      <c r="EI29" s="116">
        <v>0</v>
      </c>
      <c r="EJ29" s="116">
        <v>0</v>
      </c>
      <c r="EK29" s="116">
        <v>0</v>
      </c>
      <c r="EL29" s="116">
        <v>0</v>
      </c>
      <c r="EM29" s="114">
        <v>0</v>
      </c>
      <c r="EN29" s="118">
        <v>0</v>
      </c>
      <c r="EO29" s="112">
        <v>0</v>
      </c>
      <c r="EP29" s="116">
        <v>0</v>
      </c>
      <c r="EQ29" s="114">
        <v>0</v>
      </c>
      <c r="ER29" s="113">
        <v>0</v>
      </c>
      <c r="ES29" s="116">
        <v>0</v>
      </c>
      <c r="ET29" s="116">
        <v>0</v>
      </c>
      <c r="EU29" s="116">
        <v>0</v>
      </c>
      <c r="EV29" s="116">
        <v>0</v>
      </c>
      <c r="EW29" s="116">
        <v>0</v>
      </c>
      <c r="EX29" s="115">
        <v>0</v>
      </c>
      <c r="EY29" s="118">
        <v>0</v>
      </c>
      <c r="EZ29" s="112">
        <v>0</v>
      </c>
      <c r="FA29" s="116">
        <v>0</v>
      </c>
      <c r="FB29" s="114">
        <v>0</v>
      </c>
      <c r="FC29" s="390"/>
      <c r="FD29" s="116">
        <v>0</v>
      </c>
      <c r="FE29" s="116">
        <v>0</v>
      </c>
      <c r="FF29" s="116">
        <v>0</v>
      </c>
      <c r="FG29" s="116">
        <v>0</v>
      </c>
      <c r="FH29" s="116">
        <v>0</v>
      </c>
      <c r="FI29" s="115">
        <v>0</v>
      </c>
      <c r="FJ29" s="118">
        <v>0</v>
      </c>
      <c r="FK29" s="112">
        <v>9030</v>
      </c>
      <c r="FL29" s="116">
        <v>26530</v>
      </c>
      <c r="FM29" s="115">
        <v>35560</v>
      </c>
      <c r="FN29" s="112">
        <v>0</v>
      </c>
      <c r="FO29" s="116">
        <v>100310</v>
      </c>
      <c r="FP29" s="116">
        <v>151515</v>
      </c>
      <c r="FQ29" s="116">
        <v>39900</v>
      </c>
      <c r="FR29" s="116">
        <v>149884</v>
      </c>
      <c r="FS29" s="116">
        <v>151459</v>
      </c>
      <c r="FT29" s="115">
        <v>593068</v>
      </c>
      <c r="FU29" s="118">
        <v>628628</v>
      </c>
      <c r="FV29" s="117">
        <v>9030</v>
      </c>
      <c r="FW29" s="116">
        <v>26530</v>
      </c>
      <c r="FX29" s="114">
        <v>35560</v>
      </c>
      <c r="FY29" s="113">
        <v>0</v>
      </c>
      <c r="FZ29" s="116">
        <v>100310</v>
      </c>
      <c r="GA29" s="116">
        <v>151515</v>
      </c>
      <c r="GB29" s="116">
        <v>39900</v>
      </c>
      <c r="GC29" s="116">
        <v>126784</v>
      </c>
      <c r="GD29" s="116">
        <v>151459</v>
      </c>
      <c r="GE29" s="115">
        <v>569968</v>
      </c>
      <c r="GF29" s="354">
        <v>605528</v>
      </c>
      <c r="GG29" s="117">
        <v>0</v>
      </c>
      <c r="GH29" s="116">
        <v>0</v>
      </c>
      <c r="GI29" s="114">
        <v>0</v>
      </c>
      <c r="GJ29" s="113">
        <v>0</v>
      </c>
      <c r="GK29" s="116">
        <v>0</v>
      </c>
      <c r="GL29" s="116">
        <v>0</v>
      </c>
      <c r="GM29" s="116">
        <v>0</v>
      </c>
      <c r="GN29" s="116">
        <v>0</v>
      </c>
      <c r="GO29" s="116">
        <v>0</v>
      </c>
      <c r="GP29" s="115">
        <v>0</v>
      </c>
      <c r="GQ29" s="118">
        <v>0</v>
      </c>
      <c r="GR29" s="112">
        <v>0</v>
      </c>
      <c r="GS29" s="116">
        <v>0</v>
      </c>
      <c r="GT29" s="115">
        <v>0</v>
      </c>
      <c r="GU29" s="112">
        <v>0</v>
      </c>
      <c r="GV29" s="116">
        <v>0</v>
      </c>
      <c r="GW29" s="116">
        <v>0</v>
      </c>
      <c r="GX29" s="116">
        <v>0</v>
      </c>
      <c r="GY29" s="116">
        <v>23100</v>
      </c>
      <c r="GZ29" s="116">
        <v>0</v>
      </c>
      <c r="HA29" s="114">
        <v>23100</v>
      </c>
      <c r="HB29" s="118">
        <v>23100</v>
      </c>
      <c r="HC29" s="112">
        <v>207887</v>
      </c>
      <c r="HD29" s="116">
        <v>73478</v>
      </c>
      <c r="HE29" s="114">
        <v>281365</v>
      </c>
      <c r="HF29" s="113">
        <v>0</v>
      </c>
      <c r="HG29" s="116">
        <v>466019</v>
      </c>
      <c r="HH29" s="116">
        <v>833107</v>
      </c>
      <c r="HI29" s="116">
        <v>279280</v>
      </c>
      <c r="HJ29" s="116">
        <v>1336819</v>
      </c>
      <c r="HK29" s="116">
        <v>417064</v>
      </c>
      <c r="HL29" s="115">
        <v>3332289</v>
      </c>
      <c r="HM29" s="111">
        <v>3613654</v>
      </c>
      <c r="HN29" s="370"/>
      <c r="HO29" s="371"/>
      <c r="HP29" s="372"/>
      <c r="HQ29" s="373"/>
      <c r="HR29" s="371"/>
      <c r="HS29" s="371"/>
      <c r="HT29" s="371"/>
      <c r="HU29" s="371"/>
      <c r="HV29" s="371"/>
      <c r="HW29" s="374"/>
      <c r="HX29" s="375"/>
      <c r="HY29" s="148">
        <v>35829</v>
      </c>
      <c r="HZ29" s="149">
        <v>61296</v>
      </c>
      <c r="IA29" s="150">
        <v>97125</v>
      </c>
      <c r="IB29" s="163">
        <v>0</v>
      </c>
      <c r="IC29" s="149">
        <v>408512</v>
      </c>
      <c r="ID29" s="164">
        <v>190173</v>
      </c>
      <c r="IE29" s="150">
        <v>484938</v>
      </c>
      <c r="IF29" s="149">
        <v>396179</v>
      </c>
      <c r="IG29" s="150">
        <v>444290</v>
      </c>
      <c r="IH29" s="165">
        <v>1924092</v>
      </c>
      <c r="II29" s="156">
        <v>2021217</v>
      </c>
      <c r="IJ29" s="261">
        <v>0</v>
      </c>
      <c r="IK29" s="268">
        <v>0</v>
      </c>
      <c r="IL29" s="269">
        <v>0</v>
      </c>
      <c r="IM29" s="157"/>
      <c r="IN29" s="122">
        <v>0</v>
      </c>
      <c r="IO29" s="122">
        <v>0</v>
      </c>
      <c r="IP29" s="122">
        <v>0</v>
      </c>
      <c r="IQ29" s="122">
        <v>185413</v>
      </c>
      <c r="IR29" s="122">
        <v>0</v>
      </c>
      <c r="IS29" s="158">
        <v>185413</v>
      </c>
      <c r="IT29" s="357">
        <v>185413</v>
      </c>
      <c r="IU29" s="159">
        <v>0</v>
      </c>
      <c r="IV29" s="122">
        <v>0</v>
      </c>
      <c r="IW29" s="123">
        <v>0</v>
      </c>
      <c r="IX29" s="161"/>
      <c r="IY29" s="122">
        <v>0</v>
      </c>
      <c r="IZ29" s="122">
        <v>0</v>
      </c>
      <c r="JA29" s="122">
        <v>0</v>
      </c>
      <c r="JB29" s="122">
        <v>0</v>
      </c>
      <c r="JC29" s="122">
        <v>0</v>
      </c>
      <c r="JD29" s="123">
        <v>0</v>
      </c>
      <c r="JE29" s="124">
        <v>0</v>
      </c>
      <c r="JF29" s="159">
        <v>0</v>
      </c>
      <c r="JG29" s="122">
        <v>0</v>
      </c>
      <c r="JH29" s="158">
        <v>0</v>
      </c>
      <c r="JI29" s="121">
        <v>0</v>
      </c>
      <c r="JJ29" s="122">
        <v>54104</v>
      </c>
      <c r="JK29" s="122">
        <v>127488</v>
      </c>
      <c r="JL29" s="122">
        <v>58525</v>
      </c>
      <c r="JM29" s="122">
        <v>0</v>
      </c>
      <c r="JN29" s="122">
        <v>0</v>
      </c>
      <c r="JO29" s="123">
        <v>240117</v>
      </c>
      <c r="JP29" s="357">
        <v>240117</v>
      </c>
      <c r="JQ29" s="159">
        <v>0</v>
      </c>
      <c r="JR29" s="122">
        <v>0</v>
      </c>
      <c r="JS29" s="158">
        <v>0</v>
      </c>
      <c r="JT29" s="121">
        <v>0</v>
      </c>
      <c r="JU29" s="122">
        <v>0</v>
      </c>
      <c r="JV29" s="122">
        <v>62685</v>
      </c>
      <c r="JW29" s="122">
        <v>0</v>
      </c>
      <c r="JX29" s="122">
        <v>0</v>
      </c>
      <c r="JY29" s="122">
        <v>228470</v>
      </c>
      <c r="JZ29" s="123">
        <v>291155</v>
      </c>
      <c r="KA29" s="357">
        <v>291155</v>
      </c>
      <c r="KB29" s="264">
        <v>35829</v>
      </c>
      <c r="KC29" s="258">
        <v>61296</v>
      </c>
      <c r="KD29" s="123">
        <v>97125</v>
      </c>
      <c r="KE29" s="121">
        <v>0</v>
      </c>
      <c r="KF29" s="122">
        <v>354408</v>
      </c>
      <c r="KG29" s="122">
        <v>0</v>
      </c>
      <c r="KH29" s="122">
        <v>0</v>
      </c>
      <c r="KI29" s="122">
        <v>0</v>
      </c>
      <c r="KJ29" s="122">
        <v>0</v>
      </c>
      <c r="KK29" s="123">
        <v>354408</v>
      </c>
      <c r="KL29" s="160">
        <v>451533</v>
      </c>
      <c r="KM29" s="261">
        <v>0</v>
      </c>
      <c r="KN29" s="268">
        <v>0</v>
      </c>
      <c r="KO29" s="269">
        <v>0</v>
      </c>
      <c r="KP29" s="157"/>
      <c r="KQ29" s="122">
        <v>0</v>
      </c>
      <c r="KR29" s="122">
        <v>0</v>
      </c>
      <c r="KS29" s="122">
        <v>426413</v>
      </c>
      <c r="KT29" s="122">
        <v>210766</v>
      </c>
      <c r="KU29" s="122">
        <v>215820</v>
      </c>
      <c r="KV29" s="123">
        <v>852999</v>
      </c>
      <c r="KW29" s="357">
        <v>852999</v>
      </c>
      <c r="KX29" s="159">
        <v>0</v>
      </c>
      <c r="KY29" s="122">
        <v>0</v>
      </c>
      <c r="KZ29" s="123">
        <v>0</v>
      </c>
      <c r="LA29" s="162"/>
      <c r="LB29" s="122">
        <v>0</v>
      </c>
      <c r="LC29" s="122">
        <v>0</v>
      </c>
      <c r="LD29" s="122">
        <v>0</v>
      </c>
      <c r="LE29" s="122">
        <v>0</v>
      </c>
      <c r="LF29" s="122">
        <v>0</v>
      </c>
      <c r="LG29" s="123">
        <v>0</v>
      </c>
      <c r="LH29" s="124">
        <v>0</v>
      </c>
      <c r="LI29" s="159">
        <v>0</v>
      </c>
      <c r="LJ29" s="122">
        <v>0</v>
      </c>
      <c r="LK29" s="123">
        <v>0</v>
      </c>
      <c r="LL29" s="162"/>
      <c r="LM29" s="122">
        <v>0</v>
      </c>
      <c r="LN29" s="122">
        <v>0</v>
      </c>
      <c r="LO29" s="122">
        <v>0</v>
      </c>
      <c r="LP29" s="122">
        <v>0</v>
      </c>
      <c r="LQ29" s="122">
        <v>0</v>
      </c>
      <c r="LR29" s="123">
        <v>0</v>
      </c>
      <c r="LS29" s="357">
        <v>0</v>
      </c>
      <c r="LT29" s="159">
        <v>0</v>
      </c>
      <c r="LU29" s="122">
        <v>0</v>
      </c>
      <c r="LV29" s="123">
        <v>0</v>
      </c>
      <c r="LW29" s="162"/>
      <c r="LX29" s="122">
        <v>0</v>
      </c>
      <c r="LY29" s="122">
        <v>0</v>
      </c>
      <c r="LZ29" s="122">
        <v>0</v>
      </c>
      <c r="MA29" s="122">
        <v>0</v>
      </c>
      <c r="MB29" s="122">
        <v>0</v>
      </c>
      <c r="MC29" s="123">
        <v>0</v>
      </c>
      <c r="MD29" s="124">
        <v>0</v>
      </c>
      <c r="ME29" s="159">
        <v>0</v>
      </c>
      <c r="MF29" s="122">
        <v>0</v>
      </c>
      <c r="MG29" s="123">
        <v>0</v>
      </c>
      <c r="MH29" s="162"/>
      <c r="MI29" s="122">
        <v>205044</v>
      </c>
      <c r="MJ29" s="122">
        <v>0</v>
      </c>
      <c r="MK29" s="122">
        <v>215425</v>
      </c>
      <c r="ML29" s="122">
        <v>994706</v>
      </c>
      <c r="MM29" s="122">
        <v>0</v>
      </c>
      <c r="MN29" s="123">
        <v>1415175</v>
      </c>
      <c r="MO29" s="160">
        <v>1415175</v>
      </c>
      <c r="MP29" s="159">
        <v>0</v>
      </c>
      <c r="MQ29" s="122">
        <v>0</v>
      </c>
      <c r="MR29" s="123">
        <v>0</v>
      </c>
      <c r="MS29" s="162"/>
      <c r="MT29" s="122">
        <v>0</v>
      </c>
      <c r="MU29" s="122">
        <v>0</v>
      </c>
      <c r="MV29" s="122">
        <v>215425</v>
      </c>
      <c r="MW29" s="122">
        <v>468559</v>
      </c>
      <c r="MX29" s="122">
        <v>0</v>
      </c>
      <c r="MY29" s="123">
        <v>683984</v>
      </c>
      <c r="MZ29" s="160">
        <v>683984</v>
      </c>
      <c r="NA29" s="159">
        <v>0</v>
      </c>
      <c r="NB29" s="122">
        <v>0</v>
      </c>
      <c r="NC29" s="123">
        <v>0</v>
      </c>
      <c r="ND29" s="162"/>
      <c r="NE29" s="122">
        <v>205044</v>
      </c>
      <c r="NF29" s="122">
        <v>0</v>
      </c>
      <c r="NG29" s="122">
        <v>0</v>
      </c>
      <c r="NH29" s="122">
        <v>526147</v>
      </c>
      <c r="NI29" s="122">
        <v>0</v>
      </c>
      <c r="NJ29" s="123">
        <v>731191</v>
      </c>
      <c r="NK29" s="357">
        <v>731191</v>
      </c>
      <c r="NL29" s="159">
        <v>0</v>
      </c>
      <c r="NM29" s="122">
        <v>0</v>
      </c>
      <c r="NN29" s="123">
        <v>0</v>
      </c>
      <c r="NO29" s="162"/>
      <c r="NP29" s="122">
        <v>0</v>
      </c>
      <c r="NQ29" s="122">
        <v>0</v>
      </c>
      <c r="NR29" s="122">
        <v>0</v>
      </c>
      <c r="NS29" s="122">
        <v>0</v>
      </c>
      <c r="NT29" s="122">
        <v>0</v>
      </c>
      <c r="NU29" s="123">
        <v>0</v>
      </c>
      <c r="NV29" s="124">
        <v>0</v>
      </c>
      <c r="NW29" s="159">
        <v>0</v>
      </c>
      <c r="NX29" s="122">
        <v>0</v>
      </c>
      <c r="NY29" s="123">
        <v>0</v>
      </c>
      <c r="NZ29" s="162"/>
      <c r="OA29" s="122">
        <v>0</v>
      </c>
      <c r="OB29" s="122">
        <v>0</v>
      </c>
      <c r="OC29" s="122">
        <v>0</v>
      </c>
      <c r="OD29" s="122">
        <v>0</v>
      </c>
      <c r="OE29" s="122">
        <v>0</v>
      </c>
      <c r="OF29" s="123">
        <v>0</v>
      </c>
      <c r="OG29" s="124">
        <v>0</v>
      </c>
      <c r="OH29" s="159">
        <v>326956</v>
      </c>
      <c r="OI29" s="122">
        <v>218708</v>
      </c>
      <c r="OJ29" s="158">
        <v>545664</v>
      </c>
      <c r="OK29" s="121">
        <v>0</v>
      </c>
      <c r="OL29" s="122">
        <v>2184071</v>
      </c>
      <c r="OM29" s="122">
        <v>2206335</v>
      </c>
      <c r="ON29" s="122">
        <v>1213114</v>
      </c>
      <c r="OO29" s="122">
        <v>4052046</v>
      </c>
      <c r="OP29" s="122">
        <v>1971344</v>
      </c>
      <c r="OQ29" s="123">
        <v>11626910</v>
      </c>
      <c r="OR29" s="160">
        <v>203965.182083561</v>
      </c>
    </row>
    <row r="30" spans="1:408" ht="20.25" customHeight="1" x14ac:dyDescent="0.2">
      <c r="A30" s="129" t="s">
        <v>25</v>
      </c>
      <c r="B30" s="112">
        <v>25592</v>
      </c>
      <c r="C30" s="116">
        <v>131303</v>
      </c>
      <c r="D30" s="115">
        <v>156895</v>
      </c>
      <c r="E30" s="111">
        <v>0</v>
      </c>
      <c r="F30" s="116">
        <v>673803</v>
      </c>
      <c r="G30" s="116">
        <v>1022350</v>
      </c>
      <c r="H30" s="116">
        <v>547489</v>
      </c>
      <c r="I30" s="116">
        <v>850598</v>
      </c>
      <c r="J30" s="116">
        <v>665107</v>
      </c>
      <c r="K30" s="200">
        <v>3759347</v>
      </c>
      <c r="L30" s="118">
        <v>3916242</v>
      </c>
      <c r="M30" s="112">
        <v>17654</v>
      </c>
      <c r="N30" s="116">
        <v>35897</v>
      </c>
      <c r="O30" s="115">
        <v>53551</v>
      </c>
      <c r="P30" s="112">
        <v>0</v>
      </c>
      <c r="Q30" s="116">
        <v>186482</v>
      </c>
      <c r="R30" s="116">
        <v>251805</v>
      </c>
      <c r="S30" s="116">
        <v>95562</v>
      </c>
      <c r="T30" s="116">
        <v>70562</v>
      </c>
      <c r="U30" s="116">
        <v>333667</v>
      </c>
      <c r="V30" s="115">
        <v>938078</v>
      </c>
      <c r="W30" s="118">
        <v>991629</v>
      </c>
      <c r="X30" s="112">
        <v>0</v>
      </c>
      <c r="Y30" s="116">
        <v>0</v>
      </c>
      <c r="Z30" s="115">
        <v>0</v>
      </c>
      <c r="AA30" s="112">
        <v>0</v>
      </c>
      <c r="AB30" s="116">
        <v>62920</v>
      </c>
      <c r="AC30" s="116">
        <v>109441</v>
      </c>
      <c r="AD30" s="116">
        <v>57215</v>
      </c>
      <c r="AE30" s="116">
        <v>21079</v>
      </c>
      <c r="AF30" s="116">
        <v>8830</v>
      </c>
      <c r="AG30" s="115">
        <v>259485</v>
      </c>
      <c r="AH30" s="118">
        <v>259485</v>
      </c>
      <c r="AI30" s="112">
        <v>0</v>
      </c>
      <c r="AJ30" s="116">
        <v>0</v>
      </c>
      <c r="AK30" s="115">
        <v>0</v>
      </c>
      <c r="AL30" s="112">
        <v>0</v>
      </c>
      <c r="AM30" s="116">
        <v>0</v>
      </c>
      <c r="AN30" s="116">
        <v>30776</v>
      </c>
      <c r="AO30" s="116">
        <v>0</v>
      </c>
      <c r="AP30" s="116">
        <v>0</v>
      </c>
      <c r="AQ30" s="116">
        <v>242922</v>
      </c>
      <c r="AR30" s="115">
        <v>273698</v>
      </c>
      <c r="AS30" s="118">
        <v>273698</v>
      </c>
      <c r="AT30" s="112">
        <v>13482</v>
      </c>
      <c r="AU30" s="116">
        <v>35897</v>
      </c>
      <c r="AV30" s="115">
        <v>49379</v>
      </c>
      <c r="AW30" s="112">
        <v>0</v>
      </c>
      <c r="AX30" s="116">
        <v>85258</v>
      </c>
      <c r="AY30" s="116">
        <v>60530</v>
      </c>
      <c r="AZ30" s="116">
        <v>38347</v>
      </c>
      <c r="BA30" s="116">
        <v>0</v>
      </c>
      <c r="BB30" s="116">
        <v>64009</v>
      </c>
      <c r="BC30" s="115">
        <v>248144</v>
      </c>
      <c r="BD30" s="118">
        <v>297523</v>
      </c>
      <c r="BE30" s="112">
        <v>0</v>
      </c>
      <c r="BF30" s="116">
        <v>0</v>
      </c>
      <c r="BG30" s="114">
        <v>0</v>
      </c>
      <c r="BH30" s="113">
        <v>0</v>
      </c>
      <c r="BI30" s="116">
        <v>0</v>
      </c>
      <c r="BJ30" s="116">
        <v>0</v>
      </c>
      <c r="BK30" s="116">
        <v>0</v>
      </c>
      <c r="BL30" s="116">
        <v>14245</v>
      </c>
      <c r="BM30" s="116">
        <v>0</v>
      </c>
      <c r="BN30" s="115">
        <v>14245</v>
      </c>
      <c r="BO30" s="118">
        <v>14245</v>
      </c>
      <c r="BP30" s="112">
        <v>4172</v>
      </c>
      <c r="BQ30" s="116">
        <v>0</v>
      </c>
      <c r="BR30" s="115">
        <v>4172</v>
      </c>
      <c r="BS30" s="112">
        <v>0</v>
      </c>
      <c r="BT30" s="116">
        <v>38304</v>
      </c>
      <c r="BU30" s="116">
        <v>51058</v>
      </c>
      <c r="BV30" s="116">
        <v>0</v>
      </c>
      <c r="BW30" s="116">
        <v>35238</v>
      </c>
      <c r="BX30" s="116">
        <v>17906</v>
      </c>
      <c r="BY30" s="115">
        <v>142506</v>
      </c>
      <c r="BZ30" s="118">
        <v>146678</v>
      </c>
      <c r="CA30" s="112">
        <v>0</v>
      </c>
      <c r="CB30" s="116">
        <v>54673</v>
      </c>
      <c r="CC30" s="115">
        <v>54673</v>
      </c>
      <c r="CD30" s="112">
        <v>0</v>
      </c>
      <c r="CE30" s="116">
        <v>372173</v>
      </c>
      <c r="CF30" s="116">
        <v>366302</v>
      </c>
      <c r="CG30" s="116">
        <v>355703</v>
      </c>
      <c r="CH30" s="116">
        <v>321136</v>
      </c>
      <c r="CI30" s="116">
        <v>0</v>
      </c>
      <c r="CJ30" s="115">
        <v>1415314</v>
      </c>
      <c r="CK30" s="118">
        <v>1469987</v>
      </c>
      <c r="CL30" s="112">
        <v>0</v>
      </c>
      <c r="CM30" s="116">
        <v>0</v>
      </c>
      <c r="CN30" s="115">
        <v>0</v>
      </c>
      <c r="CO30" s="113">
        <v>0</v>
      </c>
      <c r="CP30" s="116">
        <v>372173</v>
      </c>
      <c r="CQ30" s="116">
        <v>129580</v>
      </c>
      <c r="CR30" s="116">
        <v>166927</v>
      </c>
      <c r="CS30" s="116">
        <v>223582</v>
      </c>
      <c r="CT30" s="116">
        <v>0</v>
      </c>
      <c r="CU30" s="115">
        <v>892262</v>
      </c>
      <c r="CV30" s="118">
        <v>892262</v>
      </c>
      <c r="CW30" s="112">
        <v>0</v>
      </c>
      <c r="CX30" s="116">
        <v>54673</v>
      </c>
      <c r="CY30" s="115">
        <v>54673</v>
      </c>
      <c r="CZ30" s="112">
        <v>0</v>
      </c>
      <c r="DA30" s="116">
        <v>0</v>
      </c>
      <c r="DB30" s="116">
        <v>236722</v>
      </c>
      <c r="DC30" s="116">
        <v>188776</v>
      </c>
      <c r="DD30" s="116">
        <v>97554</v>
      </c>
      <c r="DE30" s="116">
        <v>0</v>
      </c>
      <c r="DF30" s="115">
        <v>523052</v>
      </c>
      <c r="DG30" s="118">
        <v>577725</v>
      </c>
      <c r="DH30" s="112">
        <v>0</v>
      </c>
      <c r="DI30" s="116">
        <v>0</v>
      </c>
      <c r="DJ30" s="114">
        <v>0</v>
      </c>
      <c r="DK30" s="113">
        <v>0</v>
      </c>
      <c r="DL30" s="116">
        <v>79476</v>
      </c>
      <c r="DM30" s="116">
        <v>29436</v>
      </c>
      <c r="DN30" s="116">
        <v>15353</v>
      </c>
      <c r="DO30" s="116">
        <v>37597</v>
      </c>
      <c r="DP30" s="116">
        <v>0</v>
      </c>
      <c r="DQ30" s="115">
        <v>161862</v>
      </c>
      <c r="DR30" s="118">
        <v>161862</v>
      </c>
      <c r="DS30" s="112">
        <v>0</v>
      </c>
      <c r="DT30" s="116">
        <v>0</v>
      </c>
      <c r="DU30" s="115">
        <v>0</v>
      </c>
      <c r="DV30" s="112">
        <v>0</v>
      </c>
      <c r="DW30" s="116">
        <v>79476</v>
      </c>
      <c r="DX30" s="116">
        <v>29436</v>
      </c>
      <c r="DY30" s="116">
        <v>15353</v>
      </c>
      <c r="DZ30" s="116">
        <v>37597</v>
      </c>
      <c r="EA30" s="116">
        <v>0</v>
      </c>
      <c r="EB30" s="115">
        <v>161862</v>
      </c>
      <c r="EC30" s="118">
        <v>161862</v>
      </c>
      <c r="ED30" s="112">
        <v>0</v>
      </c>
      <c r="EE30" s="114">
        <v>0</v>
      </c>
      <c r="EF30" s="115">
        <v>0</v>
      </c>
      <c r="EG30" s="112">
        <v>0</v>
      </c>
      <c r="EH30" s="116">
        <v>0</v>
      </c>
      <c r="EI30" s="116">
        <v>0</v>
      </c>
      <c r="EJ30" s="116">
        <v>0</v>
      </c>
      <c r="EK30" s="116">
        <v>0</v>
      </c>
      <c r="EL30" s="116">
        <v>0</v>
      </c>
      <c r="EM30" s="114">
        <v>0</v>
      </c>
      <c r="EN30" s="118">
        <v>0</v>
      </c>
      <c r="EO30" s="112">
        <v>0</v>
      </c>
      <c r="EP30" s="116">
        <v>0</v>
      </c>
      <c r="EQ30" s="114">
        <v>0</v>
      </c>
      <c r="ER30" s="113">
        <v>0</v>
      </c>
      <c r="ES30" s="116">
        <v>0</v>
      </c>
      <c r="ET30" s="116">
        <v>0</v>
      </c>
      <c r="EU30" s="116">
        <v>0</v>
      </c>
      <c r="EV30" s="116">
        <v>0</v>
      </c>
      <c r="EW30" s="116">
        <v>0</v>
      </c>
      <c r="EX30" s="115">
        <v>0</v>
      </c>
      <c r="EY30" s="118">
        <v>0</v>
      </c>
      <c r="EZ30" s="112">
        <v>0</v>
      </c>
      <c r="FA30" s="116">
        <v>0</v>
      </c>
      <c r="FB30" s="114">
        <v>0</v>
      </c>
      <c r="FC30" s="390"/>
      <c r="FD30" s="116">
        <v>0</v>
      </c>
      <c r="FE30" s="116">
        <v>0</v>
      </c>
      <c r="FF30" s="116">
        <v>0</v>
      </c>
      <c r="FG30" s="116">
        <v>0</v>
      </c>
      <c r="FH30" s="116">
        <v>0</v>
      </c>
      <c r="FI30" s="115">
        <v>0</v>
      </c>
      <c r="FJ30" s="118">
        <v>0</v>
      </c>
      <c r="FK30" s="112">
        <v>7938</v>
      </c>
      <c r="FL30" s="116">
        <v>40733</v>
      </c>
      <c r="FM30" s="115">
        <v>48671</v>
      </c>
      <c r="FN30" s="112">
        <v>0</v>
      </c>
      <c r="FO30" s="116">
        <v>35672</v>
      </c>
      <c r="FP30" s="116">
        <v>66500</v>
      </c>
      <c r="FQ30" s="116">
        <v>80871</v>
      </c>
      <c r="FR30" s="116">
        <v>49322</v>
      </c>
      <c r="FS30" s="116">
        <v>129115</v>
      </c>
      <c r="FT30" s="115">
        <v>361480</v>
      </c>
      <c r="FU30" s="118">
        <v>410151</v>
      </c>
      <c r="FV30" s="117">
        <v>7938</v>
      </c>
      <c r="FW30" s="116">
        <v>40733</v>
      </c>
      <c r="FX30" s="114">
        <v>48671</v>
      </c>
      <c r="FY30" s="113">
        <v>0</v>
      </c>
      <c r="FZ30" s="116">
        <v>35672</v>
      </c>
      <c r="GA30" s="116">
        <v>66500</v>
      </c>
      <c r="GB30" s="116">
        <v>80871</v>
      </c>
      <c r="GC30" s="116">
        <v>49322</v>
      </c>
      <c r="GD30" s="116">
        <v>129115</v>
      </c>
      <c r="GE30" s="115">
        <v>361480</v>
      </c>
      <c r="GF30" s="354">
        <v>410151</v>
      </c>
      <c r="GG30" s="117">
        <v>0</v>
      </c>
      <c r="GH30" s="116">
        <v>0</v>
      </c>
      <c r="GI30" s="114">
        <v>0</v>
      </c>
      <c r="GJ30" s="113">
        <v>0</v>
      </c>
      <c r="GK30" s="116">
        <v>0</v>
      </c>
      <c r="GL30" s="116">
        <v>0</v>
      </c>
      <c r="GM30" s="116">
        <v>0</v>
      </c>
      <c r="GN30" s="116">
        <v>0</v>
      </c>
      <c r="GO30" s="116">
        <v>0</v>
      </c>
      <c r="GP30" s="115">
        <v>0</v>
      </c>
      <c r="GQ30" s="118">
        <v>0</v>
      </c>
      <c r="GR30" s="112">
        <v>0</v>
      </c>
      <c r="GS30" s="116">
        <v>0</v>
      </c>
      <c r="GT30" s="115">
        <v>0</v>
      </c>
      <c r="GU30" s="112">
        <v>0</v>
      </c>
      <c r="GV30" s="116">
        <v>0</v>
      </c>
      <c r="GW30" s="116">
        <v>0</v>
      </c>
      <c r="GX30" s="116">
        <v>0</v>
      </c>
      <c r="GY30" s="116">
        <v>0</v>
      </c>
      <c r="GZ30" s="116">
        <v>0</v>
      </c>
      <c r="HA30" s="114">
        <v>0</v>
      </c>
      <c r="HB30" s="118">
        <v>0</v>
      </c>
      <c r="HC30" s="112">
        <v>0</v>
      </c>
      <c r="HD30" s="116">
        <v>0</v>
      </c>
      <c r="HE30" s="114">
        <v>0</v>
      </c>
      <c r="HF30" s="113">
        <v>0</v>
      </c>
      <c r="HG30" s="116">
        <v>0</v>
      </c>
      <c r="HH30" s="116">
        <v>308307</v>
      </c>
      <c r="HI30" s="116">
        <v>0</v>
      </c>
      <c r="HJ30" s="116">
        <v>371981</v>
      </c>
      <c r="HK30" s="116">
        <v>202325</v>
      </c>
      <c r="HL30" s="115">
        <v>882613</v>
      </c>
      <c r="HM30" s="111">
        <v>882613</v>
      </c>
      <c r="HN30" s="370"/>
      <c r="HO30" s="371"/>
      <c r="HP30" s="372"/>
      <c r="HQ30" s="373"/>
      <c r="HR30" s="371"/>
      <c r="HS30" s="371"/>
      <c r="HT30" s="371"/>
      <c r="HU30" s="371"/>
      <c r="HV30" s="371"/>
      <c r="HW30" s="374"/>
      <c r="HX30" s="375"/>
      <c r="HY30" s="167">
        <v>0</v>
      </c>
      <c r="HZ30" s="152">
        <v>0</v>
      </c>
      <c r="IA30" s="167">
        <v>0</v>
      </c>
      <c r="IB30" s="151">
        <v>0</v>
      </c>
      <c r="IC30" s="152">
        <v>535053</v>
      </c>
      <c r="ID30" s="153">
        <v>212405</v>
      </c>
      <c r="IE30" s="154">
        <v>0</v>
      </c>
      <c r="IF30" s="152">
        <v>0</v>
      </c>
      <c r="IG30" s="154">
        <v>228823</v>
      </c>
      <c r="IH30" s="155">
        <v>976281</v>
      </c>
      <c r="II30" s="167">
        <v>976281</v>
      </c>
      <c r="IJ30" s="261">
        <v>0</v>
      </c>
      <c r="IK30" s="268">
        <v>0</v>
      </c>
      <c r="IL30" s="269">
        <v>0</v>
      </c>
      <c r="IM30" s="157"/>
      <c r="IN30" s="122">
        <v>0</v>
      </c>
      <c r="IO30" s="122">
        <v>0</v>
      </c>
      <c r="IP30" s="122">
        <v>0</v>
      </c>
      <c r="IQ30" s="122">
        <v>0</v>
      </c>
      <c r="IR30" s="122">
        <v>0</v>
      </c>
      <c r="IS30" s="158">
        <v>0</v>
      </c>
      <c r="IT30" s="357">
        <v>0</v>
      </c>
      <c r="IU30" s="159">
        <v>0</v>
      </c>
      <c r="IV30" s="122">
        <v>0</v>
      </c>
      <c r="IW30" s="123">
        <v>0</v>
      </c>
      <c r="IX30" s="161"/>
      <c r="IY30" s="122">
        <v>0</v>
      </c>
      <c r="IZ30" s="122">
        <v>0</v>
      </c>
      <c r="JA30" s="122">
        <v>0</v>
      </c>
      <c r="JB30" s="122">
        <v>0</v>
      </c>
      <c r="JC30" s="122">
        <v>0</v>
      </c>
      <c r="JD30" s="123">
        <v>0</v>
      </c>
      <c r="JE30" s="124">
        <v>0</v>
      </c>
      <c r="JF30" s="159">
        <v>0</v>
      </c>
      <c r="JG30" s="122">
        <v>0</v>
      </c>
      <c r="JH30" s="158">
        <v>0</v>
      </c>
      <c r="JI30" s="121">
        <v>0</v>
      </c>
      <c r="JJ30" s="122">
        <v>136489</v>
      </c>
      <c r="JK30" s="122">
        <v>0</v>
      </c>
      <c r="JL30" s="122">
        <v>0</v>
      </c>
      <c r="JM30" s="122">
        <v>0</v>
      </c>
      <c r="JN30" s="122">
        <v>0</v>
      </c>
      <c r="JO30" s="123">
        <v>136489</v>
      </c>
      <c r="JP30" s="357">
        <v>136489</v>
      </c>
      <c r="JQ30" s="159">
        <v>0</v>
      </c>
      <c r="JR30" s="122">
        <v>0</v>
      </c>
      <c r="JS30" s="158">
        <v>0</v>
      </c>
      <c r="JT30" s="121">
        <v>0</v>
      </c>
      <c r="JU30" s="122">
        <v>0</v>
      </c>
      <c r="JV30" s="122">
        <v>0</v>
      </c>
      <c r="JW30" s="122">
        <v>0</v>
      </c>
      <c r="JX30" s="122">
        <v>0</v>
      </c>
      <c r="JY30" s="122">
        <v>0</v>
      </c>
      <c r="JZ30" s="123">
        <v>0</v>
      </c>
      <c r="KA30" s="357">
        <v>0</v>
      </c>
      <c r="KB30" s="264">
        <v>0</v>
      </c>
      <c r="KC30" s="258">
        <v>0</v>
      </c>
      <c r="KD30" s="123">
        <v>0</v>
      </c>
      <c r="KE30" s="121">
        <v>0</v>
      </c>
      <c r="KF30" s="122">
        <v>0</v>
      </c>
      <c r="KG30" s="122">
        <v>0</v>
      </c>
      <c r="KH30" s="122">
        <v>0</v>
      </c>
      <c r="KI30" s="122">
        <v>0</v>
      </c>
      <c r="KJ30" s="122">
        <v>228823</v>
      </c>
      <c r="KK30" s="123">
        <v>228823</v>
      </c>
      <c r="KL30" s="160">
        <v>228823</v>
      </c>
      <c r="KM30" s="261">
        <v>0</v>
      </c>
      <c r="KN30" s="268">
        <v>0</v>
      </c>
      <c r="KO30" s="269">
        <v>0</v>
      </c>
      <c r="KP30" s="157"/>
      <c r="KQ30" s="122">
        <v>398564</v>
      </c>
      <c r="KR30" s="122">
        <v>212405</v>
      </c>
      <c r="KS30" s="122">
        <v>0</v>
      </c>
      <c r="KT30" s="122">
        <v>0</v>
      </c>
      <c r="KU30" s="122">
        <v>0</v>
      </c>
      <c r="KV30" s="123">
        <v>610969</v>
      </c>
      <c r="KW30" s="357">
        <v>610969</v>
      </c>
      <c r="KX30" s="159">
        <v>0</v>
      </c>
      <c r="KY30" s="122">
        <v>0</v>
      </c>
      <c r="KZ30" s="123">
        <v>0</v>
      </c>
      <c r="LA30" s="162"/>
      <c r="LB30" s="122">
        <v>0</v>
      </c>
      <c r="LC30" s="122">
        <v>0</v>
      </c>
      <c r="LD30" s="122">
        <v>0</v>
      </c>
      <c r="LE30" s="122">
        <v>0</v>
      </c>
      <c r="LF30" s="122">
        <v>0</v>
      </c>
      <c r="LG30" s="123">
        <v>0</v>
      </c>
      <c r="LH30" s="124">
        <v>0</v>
      </c>
      <c r="LI30" s="159">
        <v>0</v>
      </c>
      <c r="LJ30" s="122">
        <v>0</v>
      </c>
      <c r="LK30" s="123">
        <v>0</v>
      </c>
      <c r="LL30" s="162"/>
      <c r="LM30" s="122">
        <v>0</v>
      </c>
      <c r="LN30" s="122">
        <v>0</v>
      </c>
      <c r="LO30" s="122">
        <v>0</v>
      </c>
      <c r="LP30" s="122">
        <v>0</v>
      </c>
      <c r="LQ30" s="122">
        <v>0</v>
      </c>
      <c r="LR30" s="123">
        <v>0</v>
      </c>
      <c r="LS30" s="357">
        <v>0</v>
      </c>
      <c r="LT30" s="159">
        <v>0</v>
      </c>
      <c r="LU30" s="122">
        <v>0</v>
      </c>
      <c r="LV30" s="123">
        <v>0</v>
      </c>
      <c r="LW30" s="162"/>
      <c r="LX30" s="122">
        <v>0</v>
      </c>
      <c r="LY30" s="122">
        <v>0</v>
      </c>
      <c r="LZ30" s="122">
        <v>0</v>
      </c>
      <c r="MA30" s="122">
        <v>0</v>
      </c>
      <c r="MB30" s="122">
        <v>0</v>
      </c>
      <c r="MC30" s="123">
        <v>0</v>
      </c>
      <c r="MD30" s="124">
        <v>0</v>
      </c>
      <c r="ME30" s="159">
        <v>0</v>
      </c>
      <c r="MF30" s="122">
        <v>0</v>
      </c>
      <c r="MG30" s="123">
        <v>0</v>
      </c>
      <c r="MH30" s="162"/>
      <c r="MI30" s="122">
        <v>0</v>
      </c>
      <c r="MJ30" s="122">
        <v>0</v>
      </c>
      <c r="MK30" s="122">
        <v>205851</v>
      </c>
      <c r="ML30" s="122">
        <v>469622</v>
      </c>
      <c r="MM30" s="122">
        <v>234262</v>
      </c>
      <c r="MN30" s="123">
        <v>909735</v>
      </c>
      <c r="MO30" s="160">
        <v>909735</v>
      </c>
      <c r="MP30" s="159">
        <v>0</v>
      </c>
      <c r="MQ30" s="122">
        <v>0</v>
      </c>
      <c r="MR30" s="123">
        <v>0</v>
      </c>
      <c r="MS30" s="162"/>
      <c r="MT30" s="122">
        <v>0</v>
      </c>
      <c r="MU30" s="122">
        <v>0</v>
      </c>
      <c r="MV30" s="122">
        <v>205851</v>
      </c>
      <c r="MW30" s="122">
        <v>212186</v>
      </c>
      <c r="MX30" s="122">
        <v>234262</v>
      </c>
      <c r="MY30" s="123">
        <v>652299</v>
      </c>
      <c r="MZ30" s="160">
        <v>652299</v>
      </c>
      <c r="NA30" s="159">
        <v>0</v>
      </c>
      <c r="NB30" s="122">
        <v>0</v>
      </c>
      <c r="NC30" s="123">
        <v>0</v>
      </c>
      <c r="ND30" s="162"/>
      <c r="NE30" s="122">
        <v>0</v>
      </c>
      <c r="NF30" s="122">
        <v>0</v>
      </c>
      <c r="NG30" s="122">
        <v>0</v>
      </c>
      <c r="NH30" s="122">
        <v>257436</v>
      </c>
      <c r="NI30" s="122">
        <v>0</v>
      </c>
      <c r="NJ30" s="123">
        <v>257436</v>
      </c>
      <c r="NK30" s="357">
        <v>257436</v>
      </c>
      <c r="NL30" s="159">
        <v>0</v>
      </c>
      <c r="NM30" s="122">
        <v>0</v>
      </c>
      <c r="NN30" s="123">
        <v>0</v>
      </c>
      <c r="NO30" s="162"/>
      <c r="NP30" s="122">
        <v>0</v>
      </c>
      <c r="NQ30" s="122">
        <v>0</v>
      </c>
      <c r="NR30" s="122">
        <v>0</v>
      </c>
      <c r="NS30" s="122">
        <v>0</v>
      </c>
      <c r="NT30" s="122">
        <v>0</v>
      </c>
      <c r="NU30" s="123">
        <v>0</v>
      </c>
      <c r="NV30" s="124">
        <v>0</v>
      </c>
      <c r="NW30" s="159">
        <v>0</v>
      </c>
      <c r="NX30" s="122">
        <v>0</v>
      </c>
      <c r="NY30" s="123">
        <v>0</v>
      </c>
      <c r="NZ30" s="162"/>
      <c r="OA30" s="122">
        <v>0</v>
      </c>
      <c r="OB30" s="122">
        <v>0</v>
      </c>
      <c r="OC30" s="122">
        <v>0</v>
      </c>
      <c r="OD30" s="122">
        <v>0</v>
      </c>
      <c r="OE30" s="122">
        <v>0</v>
      </c>
      <c r="OF30" s="123">
        <v>0</v>
      </c>
      <c r="OG30" s="124">
        <v>0</v>
      </c>
      <c r="OH30" s="159">
        <v>25592</v>
      </c>
      <c r="OI30" s="122">
        <v>131303</v>
      </c>
      <c r="OJ30" s="158">
        <v>156895</v>
      </c>
      <c r="OK30" s="121">
        <v>0</v>
      </c>
      <c r="OL30" s="122">
        <v>1208856</v>
      </c>
      <c r="OM30" s="122">
        <v>1234755</v>
      </c>
      <c r="ON30" s="122">
        <v>753340</v>
      </c>
      <c r="OO30" s="122">
        <v>1320220</v>
      </c>
      <c r="OP30" s="122">
        <v>1128192</v>
      </c>
      <c r="OQ30" s="123">
        <v>5645363</v>
      </c>
      <c r="OR30" s="160">
        <v>107625.3348659</v>
      </c>
    </row>
    <row r="31" spans="1:408" ht="20.25" customHeight="1" x14ac:dyDescent="0.2">
      <c r="A31" s="129" t="s">
        <v>26</v>
      </c>
      <c r="B31" s="112">
        <v>140515</v>
      </c>
      <c r="C31" s="116">
        <v>206453</v>
      </c>
      <c r="D31" s="115">
        <v>346968</v>
      </c>
      <c r="E31" s="111">
        <v>0</v>
      </c>
      <c r="F31" s="116">
        <v>1004716</v>
      </c>
      <c r="G31" s="116">
        <v>1498418</v>
      </c>
      <c r="H31" s="116">
        <v>666745</v>
      </c>
      <c r="I31" s="116">
        <v>975024</v>
      </c>
      <c r="J31" s="116">
        <v>891608</v>
      </c>
      <c r="K31" s="200">
        <v>5036511</v>
      </c>
      <c r="L31" s="118">
        <v>5383479</v>
      </c>
      <c r="M31" s="112">
        <v>27895</v>
      </c>
      <c r="N31" s="116">
        <v>45367</v>
      </c>
      <c r="O31" s="115">
        <v>73262</v>
      </c>
      <c r="P31" s="112">
        <v>0</v>
      </c>
      <c r="Q31" s="116">
        <v>220017</v>
      </c>
      <c r="R31" s="116">
        <v>430887</v>
      </c>
      <c r="S31" s="116">
        <v>291771</v>
      </c>
      <c r="T31" s="116">
        <v>352390</v>
      </c>
      <c r="U31" s="116">
        <v>758287</v>
      </c>
      <c r="V31" s="115">
        <v>2053352</v>
      </c>
      <c r="W31" s="118">
        <v>2126614</v>
      </c>
      <c r="X31" s="112">
        <v>0</v>
      </c>
      <c r="Y31" s="116">
        <v>0</v>
      </c>
      <c r="Z31" s="115">
        <v>0</v>
      </c>
      <c r="AA31" s="112">
        <v>0</v>
      </c>
      <c r="AB31" s="116">
        <v>108467</v>
      </c>
      <c r="AC31" s="116">
        <v>299391</v>
      </c>
      <c r="AD31" s="116">
        <v>118244</v>
      </c>
      <c r="AE31" s="116">
        <v>210813</v>
      </c>
      <c r="AF31" s="116">
        <v>332763</v>
      </c>
      <c r="AG31" s="115">
        <v>1069678</v>
      </c>
      <c r="AH31" s="118">
        <v>1069678</v>
      </c>
      <c r="AI31" s="112">
        <v>0</v>
      </c>
      <c r="AJ31" s="116">
        <v>0</v>
      </c>
      <c r="AK31" s="115">
        <v>0</v>
      </c>
      <c r="AL31" s="112">
        <v>0</v>
      </c>
      <c r="AM31" s="116">
        <v>0</v>
      </c>
      <c r="AN31" s="116">
        <v>0</v>
      </c>
      <c r="AO31" s="116">
        <v>0</v>
      </c>
      <c r="AP31" s="116">
        <v>0</v>
      </c>
      <c r="AQ31" s="116">
        <v>147243</v>
      </c>
      <c r="AR31" s="115">
        <v>147243</v>
      </c>
      <c r="AS31" s="118">
        <v>147243</v>
      </c>
      <c r="AT31" s="112">
        <v>0</v>
      </c>
      <c r="AU31" s="116">
        <v>45367</v>
      </c>
      <c r="AV31" s="115">
        <v>45367</v>
      </c>
      <c r="AW31" s="112">
        <v>0</v>
      </c>
      <c r="AX31" s="116">
        <v>95926</v>
      </c>
      <c r="AY31" s="116">
        <v>85380</v>
      </c>
      <c r="AZ31" s="116">
        <v>154837</v>
      </c>
      <c r="BA31" s="116">
        <v>74076</v>
      </c>
      <c r="BB31" s="116">
        <v>225956</v>
      </c>
      <c r="BC31" s="115">
        <v>636175</v>
      </c>
      <c r="BD31" s="118">
        <v>681542</v>
      </c>
      <c r="BE31" s="112">
        <v>0</v>
      </c>
      <c r="BF31" s="116">
        <v>0</v>
      </c>
      <c r="BG31" s="114">
        <v>0</v>
      </c>
      <c r="BH31" s="113">
        <v>0</v>
      </c>
      <c r="BI31" s="116">
        <v>0</v>
      </c>
      <c r="BJ31" s="116">
        <v>0</v>
      </c>
      <c r="BK31" s="116">
        <v>0</v>
      </c>
      <c r="BL31" s="116">
        <v>0</v>
      </c>
      <c r="BM31" s="116">
        <v>0</v>
      </c>
      <c r="BN31" s="115">
        <v>0</v>
      </c>
      <c r="BO31" s="118">
        <v>0</v>
      </c>
      <c r="BP31" s="112">
        <v>27895</v>
      </c>
      <c r="BQ31" s="116">
        <v>0</v>
      </c>
      <c r="BR31" s="115">
        <v>27895</v>
      </c>
      <c r="BS31" s="112">
        <v>0</v>
      </c>
      <c r="BT31" s="116">
        <v>15624</v>
      </c>
      <c r="BU31" s="116">
        <v>46116</v>
      </c>
      <c r="BV31" s="116">
        <v>18690</v>
      </c>
      <c r="BW31" s="116">
        <v>67501</v>
      </c>
      <c r="BX31" s="116">
        <v>52325</v>
      </c>
      <c r="BY31" s="115">
        <v>200256</v>
      </c>
      <c r="BZ31" s="118">
        <v>228151</v>
      </c>
      <c r="CA31" s="112">
        <v>0</v>
      </c>
      <c r="CB31" s="116">
        <v>31967</v>
      </c>
      <c r="CC31" s="115">
        <v>31967</v>
      </c>
      <c r="CD31" s="112">
        <v>0</v>
      </c>
      <c r="CE31" s="116">
        <v>573487</v>
      </c>
      <c r="CF31" s="116">
        <v>237734</v>
      </c>
      <c r="CG31" s="116">
        <v>155216</v>
      </c>
      <c r="CH31" s="116">
        <v>0</v>
      </c>
      <c r="CI31" s="116">
        <v>0</v>
      </c>
      <c r="CJ31" s="115">
        <v>966437</v>
      </c>
      <c r="CK31" s="118">
        <v>998404</v>
      </c>
      <c r="CL31" s="112">
        <v>0</v>
      </c>
      <c r="CM31" s="116">
        <v>0</v>
      </c>
      <c r="CN31" s="115">
        <v>0</v>
      </c>
      <c r="CO31" s="113">
        <v>0</v>
      </c>
      <c r="CP31" s="116">
        <v>494136</v>
      </c>
      <c r="CQ31" s="116">
        <v>38942</v>
      </c>
      <c r="CR31" s="116">
        <v>74759</v>
      </c>
      <c r="CS31" s="116">
        <v>0</v>
      </c>
      <c r="CT31" s="116">
        <v>0</v>
      </c>
      <c r="CU31" s="115">
        <v>607837</v>
      </c>
      <c r="CV31" s="118">
        <v>607837</v>
      </c>
      <c r="CW31" s="112">
        <v>0</v>
      </c>
      <c r="CX31" s="116">
        <v>31967</v>
      </c>
      <c r="CY31" s="115">
        <v>31967</v>
      </c>
      <c r="CZ31" s="112">
        <v>0</v>
      </c>
      <c r="DA31" s="116">
        <v>79351</v>
      </c>
      <c r="DB31" s="116">
        <v>198792</v>
      </c>
      <c r="DC31" s="116">
        <v>80457</v>
      </c>
      <c r="DD31" s="116">
        <v>0</v>
      </c>
      <c r="DE31" s="116">
        <v>0</v>
      </c>
      <c r="DF31" s="115">
        <v>358600</v>
      </c>
      <c r="DG31" s="118">
        <v>390567</v>
      </c>
      <c r="DH31" s="112">
        <v>0</v>
      </c>
      <c r="DI31" s="116">
        <v>0</v>
      </c>
      <c r="DJ31" s="114">
        <v>0</v>
      </c>
      <c r="DK31" s="113">
        <v>0</v>
      </c>
      <c r="DL31" s="116">
        <v>0</v>
      </c>
      <c r="DM31" s="116">
        <v>0</v>
      </c>
      <c r="DN31" s="116">
        <v>113120</v>
      </c>
      <c r="DO31" s="116">
        <v>0</v>
      </c>
      <c r="DP31" s="116">
        <v>0</v>
      </c>
      <c r="DQ31" s="115">
        <v>113120</v>
      </c>
      <c r="DR31" s="118">
        <v>113120</v>
      </c>
      <c r="DS31" s="112">
        <v>0</v>
      </c>
      <c r="DT31" s="116">
        <v>0</v>
      </c>
      <c r="DU31" s="115">
        <v>0</v>
      </c>
      <c r="DV31" s="112">
        <v>0</v>
      </c>
      <c r="DW31" s="116">
        <v>0</v>
      </c>
      <c r="DX31" s="116">
        <v>0</v>
      </c>
      <c r="DY31" s="116">
        <v>113120</v>
      </c>
      <c r="DZ31" s="116">
        <v>0</v>
      </c>
      <c r="EA31" s="116">
        <v>0</v>
      </c>
      <c r="EB31" s="115">
        <v>113120</v>
      </c>
      <c r="EC31" s="118">
        <v>113120</v>
      </c>
      <c r="ED31" s="112">
        <v>0</v>
      </c>
      <c r="EE31" s="114">
        <v>0</v>
      </c>
      <c r="EF31" s="115">
        <v>0</v>
      </c>
      <c r="EG31" s="112">
        <v>0</v>
      </c>
      <c r="EH31" s="116">
        <v>0</v>
      </c>
      <c r="EI31" s="116">
        <v>0</v>
      </c>
      <c r="EJ31" s="116">
        <v>0</v>
      </c>
      <c r="EK31" s="116">
        <v>0</v>
      </c>
      <c r="EL31" s="116">
        <v>0</v>
      </c>
      <c r="EM31" s="114">
        <v>0</v>
      </c>
      <c r="EN31" s="118">
        <v>0</v>
      </c>
      <c r="EO31" s="112">
        <v>0</v>
      </c>
      <c r="EP31" s="116">
        <v>0</v>
      </c>
      <c r="EQ31" s="114">
        <v>0</v>
      </c>
      <c r="ER31" s="113">
        <v>0</v>
      </c>
      <c r="ES31" s="116">
        <v>0</v>
      </c>
      <c r="ET31" s="116">
        <v>0</v>
      </c>
      <c r="EU31" s="116">
        <v>0</v>
      </c>
      <c r="EV31" s="116">
        <v>0</v>
      </c>
      <c r="EW31" s="116">
        <v>0</v>
      </c>
      <c r="EX31" s="115">
        <v>0</v>
      </c>
      <c r="EY31" s="118">
        <v>0</v>
      </c>
      <c r="EZ31" s="112">
        <v>0</v>
      </c>
      <c r="FA31" s="116">
        <v>0</v>
      </c>
      <c r="FB31" s="114">
        <v>0</v>
      </c>
      <c r="FC31" s="390"/>
      <c r="FD31" s="116">
        <v>0</v>
      </c>
      <c r="FE31" s="116">
        <v>0</v>
      </c>
      <c r="FF31" s="116">
        <v>0</v>
      </c>
      <c r="FG31" s="116">
        <v>0</v>
      </c>
      <c r="FH31" s="116">
        <v>0</v>
      </c>
      <c r="FI31" s="115">
        <v>0</v>
      </c>
      <c r="FJ31" s="118">
        <v>0</v>
      </c>
      <c r="FK31" s="112">
        <v>14700</v>
      </c>
      <c r="FL31" s="116">
        <v>51205</v>
      </c>
      <c r="FM31" s="115">
        <v>65905</v>
      </c>
      <c r="FN31" s="112">
        <v>0</v>
      </c>
      <c r="FO31" s="116">
        <v>69916</v>
      </c>
      <c r="FP31" s="116">
        <v>94290</v>
      </c>
      <c r="FQ31" s="116">
        <v>106638</v>
      </c>
      <c r="FR31" s="116">
        <v>60130</v>
      </c>
      <c r="FS31" s="116">
        <v>118678</v>
      </c>
      <c r="FT31" s="115">
        <v>449652</v>
      </c>
      <c r="FU31" s="118">
        <v>515557</v>
      </c>
      <c r="FV31" s="117">
        <v>14700</v>
      </c>
      <c r="FW31" s="116">
        <v>31570</v>
      </c>
      <c r="FX31" s="114">
        <v>46270</v>
      </c>
      <c r="FY31" s="113">
        <v>0</v>
      </c>
      <c r="FZ31" s="116">
        <v>69916</v>
      </c>
      <c r="GA31" s="116">
        <v>94290</v>
      </c>
      <c r="GB31" s="116">
        <v>90006</v>
      </c>
      <c r="GC31" s="116">
        <v>60130</v>
      </c>
      <c r="GD31" s="116">
        <v>118678</v>
      </c>
      <c r="GE31" s="115">
        <v>433020</v>
      </c>
      <c r="GF31" s="354">
        <v>479290</v>
      </c>
      <c r="GG31" s="117">
        <v>0</v>
      </c>
      <c r="GH31" s="116">
        <v>19635</v>
      </c>
      <c r="GI31" s="114">
        <v>19635</v>
      </c>
      <c r="GJ31" s="113">
        <v>0</v>
      </c>
      <c r="GK31" s="116">
        <v>0</v>
      </c>
      <c r="GL31" s="116">
        <v>0</v>
      </c>
      <c r="GM31" s="116">
        <v>16632</v>
      </c>
      <c r="GN31" s="116">
        <v>0</v>
      </c>
      <c r="GO31" s="116">
        <v>0</v>
      </c>
      <c r="GP31" s="115">
        <v>16632</v>
      </c>
      <c r="GQ31" s="118">
        <v>36267</v>
      </c>
      <c r="GR31" s="112">
        <v>0</v>
      </c>
      <c r="GS31" s="116">
        <v>0</v>
      </c>
      <c r="GT31" s="115">
        <v>0</v>
      </c>
      <c r="GU31" s="112">
        <v>0</v>
      </c>
      <c r="GV31" s="116">
        <v>0</v>
      </c>
      <c r="GW31" s="116">
        <v>0</v>
      </c>
      <c r="GX31" s="116">
        <v>0</v>
      </c>
      <c r="GY31" s="116">
        <v>0</v>
      </c>
      <c r="GZ31" s="116">
        <v>0</v>
      </c>
      <c r="HA31" s="114">
        <v>0</v>
      </c>
      <c r="HB31" s="118">
        <v>0</v>
      </c>
      <c r="HC31" s="112">
        <v>97920</v>
      </c>
      <c r="HD31" s="116">
        <v>77914</v>
      </c>
      <c r="HE31" s="114">
        <v>175834</v>
      </c>
      <c r="HF31" s="113">
        <v>0</v>
      </c>
      <c r="HG31" s="116">
        <v>141296</v>
      </c>
      <c r="HH31" s="116">
        <v>735507</v>
      </c>
      <c r="HI31" s="116">
        <v>0</v>
      </c>
      <c r="HJ31" s="116">
        <v>562504</v>
      </c>
      <c r="HK31" s="116">
        <v>14643</v>
      </c>
      <c r="HL31" s="115">
        <v>1453950</v>
      </c>
      <c r="HM31" s="111">
        <v>1629784</v>
      </c>
      <c r="HN31" s="370"/>
      <c r="HO31" s="371"/>
      <c r="HP31" s="372"/>
      <c r="HQ31" s="373"/>
      <c r="HR31" s="371"/>
      <c r="HS31" s="371"/>
      <c r="HT31" s="371"/>
      <c r="HU31" s="371"/>
      <c r="HV31" s="371"/>
      <c r="HW31" s="374"/>
      <c r="HX31" s="375"/>
      <c r="HY31" s="148">
        <v>0</v>
      </c>
      <c r="HZ31" s="149">
        <v>0</v>
      </c>
      <c r="IA31" s="150">
        <v>0</v>
      </c>
      <c r="IB31" s="163">
        <v>0</v>
      </c>
      <c r="IC31" s="149">
        <v>227825</v>
      </c>
      <c r="ID31" s="164">
        <v>141139</v>
      </c>
      <c r="IE31" s="150">
        <v>391496</v>
      </c>
      <c r="IF31" s="149">
        <v>216647</v>
      </c>
      <c r="IG31" s="150">
        <v>598402</v>
      </c>
      <c r="IH31" s="165">
        <v>1575509</v>
      </c>
      <c r="II31" s="156">
        <v>1575509</v>
      </c>
      <c r="IJ31" s="261">
        <v>0</v>
      </c>
      <c r="IK31" s="268">
        <v>0</v>
      </c>
      <c r="IL31" s="269">
        <v>0</v>
      </c>
      <c r="IM31" s="157"/>
      <c r="IN31" s="122">
        <v>0</v>
      </c>
      <c r="IO31" s="122">
        <v>0</v>
      </c>
      <c r="IP31" s="122">
        <v>0</v>
      </c>
      <c r="IQ31" s="122">
        <v>0</v>
      </c>
      <c r="IR31" s="122">
        <v>0</v>
      </c>
      <c r="IS31" s="158">
        <v>0</v>
      </c>
      <c r="IT31" s="357">
        <v>0</v>
      </c>
      <c r="IU31" s="159">
        <v>0</v>
      </c>
      <c r="IV31" s="122">
        <v>0</v>
      </c>
      <c r="IW31" s="123">
        <v>0</v>
      </c>
      <c r="IX31" s="161"/>
      <c r="IY31" s="122">
        <v>0</v>
      </c>
      <c r="IZ31" s="122">
        <v>0</v>
      </c>
      <c r="JA31" s="122">
        <v>0</v>
      </c>
      <c r="JB31" s="122">
        <v>0</v>
      </c>
      <c r="JC31" s="122">
        <v>0</v>
      </c>
      <c r="JD31" s="123">
        <v>0</v>
      </c>
      <c r="JE31" s="124">
        <v>0</v>
      </c>
      <c r="JF31" s="159">
        <v>0</v>
      </c>
      <c r="JG31" s="122">
        <v>0</v>
      </c>
      <c r="JH31" s="158">
        <v>0</v>
      </c>
      <c r="JI31" s="121">
        <v>0</v>
      </c>
      <c r="JJ31" s="122">
        <v>122318</v>
      </c>
      <c r="JK31" s="122">
        <v>141139</v>
      </c>
      <c r="JL31" s="122">
        <v>189803</v>
      </c>
      <c r="JM31" s="122">
        <v>0</v>
      </c>
      <c r="JN31" s="122">
        <v>156698</v>
      </c>
      <c r="JO31" s="123">
        <v>609958</v>
      </c>
      <c r="JP31" s="357">
        <v>609958</v>
      </c>
      <c r="JQ31" s="159">
        <v>0</v>
      </c>
      <c r="JR31" s="122">
        <v>0</v>
      </c>
      <c r="JS31" s="158">
        <v>0</v>
      </c>
      <c r="JT31" s="121">
        <v>0</v>
      </c>
      <c r="JU31" s="122">
        <v>0</v>
      </c>
      <c r="JV31" s="122">
        <v>0</v>
      </c>
      <c r="JW31" s="122">
        <v>201693</v>
      </c>
      <c r="JX31" s="122">
        <v>0</v>
      </c>
      <c r="JY31" s="122">
        <v>0</v>
      </c>
      <c r="JZ31" s="123">
        <v>201693</v>
      </c>
      <c r="KA31" s="357">
        <v>201693</v>
      </c>
      <c r="KB31" s="264">
        <v>0</v>
      </c>
      <c r="KC31" s="258">
        <v>0</v>
      </c>
      <c r="KD31" s="123">
        <v>0</v>
      </c>
      <c r="KE31" s="121">
        <v>0</v>
      </c>
      <c r="KF31" s="122">
        <v>105507</v>
      </c>
      <c r="KG31" s="122">
        <v>0</v>
      </c>
      <c r="KH31" s="122">
        <v>0</v>
      </c>
      <c r="KI31" s="122">
        <v>0</v>
      </c>
      <c r="KJ31" s="122">
        <v>0</v>
      </c>
      <c r="KK31" s="123">
        <v>105507</v>
      </c>
      <c r="KL31" s="160">
        <v>105507</v>
      </c>
      <c r="KM31" s="261">
        <v>0</v>
      </c>
      <c r="KN31" s="268">
        <v>0</v>
      </c>
      <c r="KO31" s="269">
        <v>0</v>
      </c>
      <c r="KP31" s="157"/>
      <c r="KQ31" s="122">
        <v>0</v>
      </c>
      <c r="KR31" s="122">
        <v>0</v>
      </c>
      <c r="KS31" s="122">
        <v>0</v>
      </c>
      <c r="KT31" s="122">
        <v>216647</v>
      </c>
      <c r="KU31" s="122">
        <v>441704</v>
      </c>
      <c r="KV31" s="123">
        <v>658351</v>
      </c>
      <c r="KW31" s="357">
        <v>658351</v>
      </c>
      <c r="KX31" s="159">
        <v>0</v>
      </c>
      <c r="KY31" s="122">
        <v>0</v>
      </c>
      <c r="KZ31" s="123">
        <v>0</v>
      </c>
      <c r="LA31" s="162"/>
      <c r="LB31" s="122">
        <v>0</v>
      </c>
      <c r="LC31" s="122">
        <v>0</v>
      </c>
      <c r="LD31" s="122">
        <v>0</v>
      </c>
      <c r="LE31" s="122">
        <v>0</v>
      </c>
      <c r="LF31" s="122">
        <v>0</v>
      </c>
      <c r="LG31" s="123">
        <v>0</v>
      </c>
      <c r="LH31" s="124">
        <v>0</v>
      </c>
      <c r="LI31" s="159">
        <v>0</v>
      </c>
      <c r="LJ31" s="122">
        <v>0</v>
      </c>
      <c r="LK31" s="123">
        <v>0</v>
      </c>
      <c r="LL31" s="162"/>
      <c r="LM31" s="122">
        <v>0</v>
      </c>
      <c r="LN31" s="122">
        <v>0</v>
      </c>
      <c r="LO31" s="122">
        <v>0</v>
      </c>
      <c r="LP31" s="122">
        <v>0</v>
      </c>
      <c r="LQ31" s="122">
        <v>0</v>
      </c>
      <c r="LR31" s="123">
        <v>0</v>
      </c>
      <c r="LS31" s="357">
        <v>0</v>
      </c>
      <c r="LT31" s="159">
        <v>0</v>
      </c>
      <c r="LU31" s="122">
        <v>0</v>
      </c>
      <c r="LV31" s="123">
        <v>0</v>
      </c>
      <c r="LW31" s="162"/>
      <c r="LX31" s="122">
        <v>0</v>
      </c>
      <c r="LY31" s="122">
        <v>0</v>
      </c>
      <c r="LZ31" s="122">
        <v>0</v>
      </c>
      <c r="MA31" s="122">
        <v>0</v>
      </c>
      <c r="MB31" s="122">
        <v>0</v>
      </c>
      <c r="MC31" s="123">
        <v>0</v>
      </c>
      <c r="MD31" s="124">
        <v>0</v>
      </c>
      <c r="ME31" s="159">
        <v>0</v>
      </c>
      <c r="MF31" s="122">
        <v>0</v>
      </c>
      <c r="MG31" s="123">
        <v>0</v>
      </c>
      <c r="MH31" s="162"/>
      <c r="MI31" s="122">
        <v>197929</v>
      </c>
      <c r="MJ31" s="122">
        <v>0</v>
      </c>
      <c r="MK31" s="122">
        <v>211895</v>
      </c>
      <c r="ML31" s="122">
        <v>195378</v>
      </c>
      <c r="MM31" s="122">
        <v>-242</v>
      </c>
      <c r="MN31" s="123">
        <v>604960</v>
      </c>
      <c r="MO31" s="160">
        <v>604960</v>
      </c>
      <c r="MP31" s="159">
        <v>0</v>
      </c>
      <c r="MQ31" s="122">
        <v>0</v>
      </c>
      <c r="MR31" s="123">
        <v>0</v>
      </c>
      <c r="MS31" s="162"/>
      <c r="MT31" s="122">
        <v>0</v>
      </c>
      <c r="MU31" s="122">
        <v>0</v>
      </c>
      <c r="MV31" s="122">
        <v>0</v>
      </c>
      <c r="MW31" s="122">
        <v>195378</v>
      </c>
      <c r="MX31" s="122">
        <v>-242</v>
      </c>
      <c r="MY31" s="123">
        <v>195136</v>
      </c>
      <c r="MZ31" s="160">
        <v>195136</v>
      </c>
      <c r="NA31" s="159">
        <v>0</v>
      </c>
      <c r="NB31" s="122">
        <v>0</v>
      </c>
      <c r="NC31" s="123">
        <v>0</v>
      </c>
      <c r="ND31" s="162"/>
      <c r="NE31" s="122">
        <v>197929</v>
      </c>
      <c r="NF31" s="122">
        <v>0</v>
      </c>
      <c r="NG31" s="122">
        <v>211895</v>
      </c>
      <c r="NH31" s="122">
        <v>0</v>
      </c>
      <c r="NI31" s="122">
        <v>0</v>
      </c>
      <c r="NJ31" s="123">
        <v>409824</v>
      </c>
      <c r="NK31" s="357">
        <v>409824</v>
      </c>
      <c r="NL31" s="159">
        <v>0</v>
      </c>
      <c r="NM31" s="122">
        <v>0</v>
      </c>
      <c r="NN31" s="123">
        <v>0</v>
      </c>
      <c r="NO31" s="162"/>
      <c r="NP31" s="122">
        <v>0</v>
      </c>
      <c r="NQ31" s="122">
        <v>0</v>
      </c>
      <c r="NR31" s="122">
        <v>0</v>
      </c>
      <c r="NS31" s="122">
        <v>0</v>
      </c>
      <c r="NT31" s="122">
        <v>0</v>
      </c>
      <c r="NU31" s="123">
        <v>0</v>
      </c>
      <c r="NV31" s="124">
        <v>0</v>
      </c>
      <c r="NW31" s="159">
        <v>0</v>
      </c>
      <c r="NX31" s="122">
        <v>0</v>
      </c>
      <c r="NY31" s="123">
        <v>0</v>
      </c>
      <c r="NZ31" s="162"/>
      <c r="OA31" s="122">
        <v>0</v>
      </c>
      <c r="OB31" s="122">
        <v>0</v>
      </c>
      <c r="OC31" s="122">
        <v>0</v>
      </c>
      <c r="OD31" s="122">
        <v>0</v>
      </c>
      <c r="OE31" s="122">
        <v>0</v>
      </c>
      <c r="OF31" s="123">
        <v>0</v>
      </c>
      <c r="OG31" s="124">
        <v>0</v>
      </c>
      <c r="OH31" s="159">
        <v>140515</v>
      </c>
      <c r="OI31" s="122">
        <v>206453</v>
      </c>
      <c r="OJ31" s="158">
        <v>346968</v>
      </c>
      <c r="OK31" s="121">
        <v>0</v>
      </c>
      <c r="OL31" s="122">
        <v>1430470</v>
      </c>
      <c r="OM31" s="122">
        <v>1639557</v>
      </c>
      <c r="ON31" s="122">
        <v>1270136</v>
      </c>
      <c r="OO31" s="122">
        <v>1387049</v>
      </c>
      <c r="OP31" s="122">
        <v>1489768</v>
      </c>
      <c r="OQ31" s="123">
        <v>7216980</v>
      </c>
      <c r="OR31" s="160">
        <v>109003.225323846</v>
      </c>
    </row>
    <row r="32" spans="1:408" ht="20.25" customHeight="1" x14ac:dyDescent="0.2">
      <c r="A32" s="129" t="s">
        <v>27</v>
      </c>
      <c r="B32" s="112">
        <v>240995</v>
      </c>
      <c r="C32" s="116">
        <v>476190</v>
      </c>
      <c r="D32" s="115">
        <v>717185</v>
      </c>
      <c r="E32" s="111">
        <v>0</v>
      </c>
      <c r="F32" s="116">
        <v>1054534</v>
      </c>
      <c r="G32" s="116">
        <v>504171</v>
      </c>
      <c r="H32" s="116">
        <v>1431736</v>
      </c>
      <c r="I32" s="116">
        <v>777399</v>
      </c>
      <c r="J32" s="116">
        <v>750301</v>
      </c>
      <c r="K32" s="200">
        <v>4518141</v>
      </c>
      <c r="L32" s="118">
        <v>5235326</v>
      </c>
      <c r="M32" s="112">
        <v>29057</v>
      </c>
      <c r="N32" s="116">
        <v>75135</v>
      </c>
      <c r="O32" s="115">
        <v>104192</v>
      </c>
      <c r="P32" s="112">
        <v>0</v>
      </c>
      <c r="Q32" s="116">
        <v>242258</v>
      </c>
      <c r="R32" s="116">
        <v>218721</v>
      </c>
      <c r="S32" s="116">
        <v>317584</v>
      </c>
      <c r="T32" s="116">
        <v>94241</v>
      </c>
      <c r="U32" s="116">
        <v>485944</v>
      </c>
      <c r="V32" s="115">
        <v>1358748</v>
      </c>
      <c r="W32" s="118">
        <v>1462940</v>
      </c>
      <c r="X32" s="112">
        <v>0</v>
      </c>
      <c r="Y32" s="116">
        <v>0</v>
      </c>
      <c r="Z32" s="115">
        <v>0</v>
      </c>
      <c r="AA32" s="112">
        <v>0</v>
      </c>
      <c r="AB32" s="116">
        <v>98190</v>
      </c>
      <c r="AC32" s="116">
        <v>151866</v>
      </c>
      <c r="AD32" s="116">
        <v>187158</v>
      </c>
      <c r="AE32" s="116">
        <v>0</v>
      </c>
      <c r="AF32" s="116">
        <v>440297</v>
      </c>
      <c r="AG32" s="115">
        <v>877511</v>
      </c>
      <c r="AH32" s="118">
        <v>877511</v>
      </c>
      <c r="AI32" s="112">
        <v>0</v>
      </c>
      <c r="AJ32" s="116">
        <v>0</v>
      </c>
      <c r="AK32" s="115">
        <v>0</v>
      </c>
      <c r="AL32" s="112">
        <v>0</v>
      </c>
      <c r="AM32" s="116">
        <v>0</v>
      </c>
      <c r="AN32" s="116">
        <v>0</v>
      </c>
      <c r="AO32" s="116">
        <v>0</v>
      </c>
      <c r="AP32" s="116">
        <v>0</v>
      </c>
      <c r="AQ32" s="116">
        <v>0</v>
      </c>
      <c r="AR32" s="115">
        <v>0</v>
      </c>
      <c r="AS32" s="118">
        <v>0</v>
      </c>
      <c r="AT32" s="112">
        <v>24857</v>
      </c>
      <c r="AU32" s="116">
        <v>34802</v>
      </c>
      <c r="AV32" s="115">
        <v>59659</v>
      </c>
      <c r="AW32" s="112">
        <v>0</v>
      </c>
      <c r="AX32" s="116">
        <v>116817</v>
      </c>
      <c r="AY32" s="116">
        <v>52092</v>
      </c>
      <c r="AZ32" s="116">
        <v>58627</v>
      </c>
      <c r="BA32" s="116">
        <v>27174</v>
      </c>
      <c r="BB32" s="116">
        <v>11144</v>
      </c>
      <c r="BC32" s="115">
        <v>265854</v>
      </c>
      <c r="BD32" s="118">
        <v>325513</v>
      </c>
      <c r="BE32" s="112">
        <v>0</v>
      </c>
      <c r="BF32" s="116">
        <v>27159</v>
      </c>
      <c r="BG32" s="114">
        <v>27159</v>
      </c>
      <c r="BH32" s="113">
        <v>0</v>
      </c>
      <c r="BI32" s="116">
        <v>0</v>
      </c>
      <c r="BJ32" s="116">
        <v>0</v>
      </c>
      <c r="BK32" s="116">
        <v>0</v>
      </c>
      <c r="BL32" s="116">
        <v>0</v>
      </c>
      <c r="BM32" s="116">
        <v>0</v>
      </c>
      <c r="BN32" s="115">
        <v>0</v>
      </c>
      <c r="BO32" s="118">
        <v>27159</v>
      </c>
      <c r="BP32" s="112">
        <v>4200</v>
      </c>
      <c r="BQ32" s="116">
        <v>13174</v>
      </c>
      <c r="BR32" s="115">
        <v>17374</v>
      </c>
      <c r="BS32" s="112">
        <v>0</v>
      </c>
      <c r="BT32" s="116">
        <v>27251</v>
      </c>
      <c r="BU32" s="116">
        <v>14763</v>
      </c>
      <c r="BV32" s="116">
        <v>71799</v>
      </c>
      <c r="BW32" s="116">
        <v>67067</v>
      </c>
      <c r="BX32" s="116">
        <v>34503</v>
      </c>
      <c r="BY32" s="115">
        <v>215383</v>
      </c>
      <c r="BZ32" s="118">
        <v>232757</v>
      </c>
      <c r="CA32" s="112">
        <v>38366</v>
      </c>
      <c r="CB32" s="116">
        <v>69734</v>
      </c>
      <c r="CC32" s="115">
        <v>108100</v>
      </c>
      <c r="CD32" s="112">
        <v>0</v>
      </c>
      <c r="CE32" s="116">
        <v>60337</v>
      </c>
      <c r="CF32" s="116">
        <v>61245</v>
      </c>
      <c r="CG32" s="116">
        <v>290968</v>
      </c>
      <c r="CH32" s="116">
        <v>72673</v>
      </c>
      <c r="CI32" s="116">
        <v>0</v>
      </c>
      <c r="CJ32" s="115">
        <v>485223</v>
      </c>
      <c r="CK32" s="118">
        <v>593323</v>
      </c>
      <c r="CL32" s="112">
        <v>0</v>
      </c>
      <c r="CM32" s="116">
        <v>0</v>
      </c>
      <c r="CN32" s="115">
        <v>0</v>
      </c>
      <c r="CO32" s="113">
        <v>0</v>
      </c>
      <c r="CP32" s="116">
        <v>42499</v>
      </c>
      <c r="CQ32" s="116">
        <v>33378</v>
      </c>
      <c r="CR32" s="116">
        <v>225789</v>
      </c>
      <c r="CS32" s="116">
        <v>72673</v>
      </c>
      <c r="CT32" s="116">
        <v>0</v>
      </c>
      <c r="CU32" s="115">
        <v>374339</v>
      </c>
      <c r="CV32" s="118">
        <v>374339</v>
      </c>
      <c r="CW32" s="112">
        <v>38366</v>
      </c>
      <c r="CX32" s="116">
        <v>69734</v>
      </c>
      <c r="CY32" s="115">
        <v>108100</v>
      </c>
      <c r="CZ32" s="112">
        <v>0</v>
      </c>
      <c r="DA32" s="116">
        <v>17838</v>
      </c>
      <c r="DB32" s="116">
        <v>27867</v>
      </c>
      <c r="DC32" s="116">
        <v>65179</v>
      </c>
      <c r="DD32" s="116">
        <v>0</v>
      </c>
      <c r="DE32" s="116">
        <v>0</v>
      </c>
      <c r="DF32" s="115">
        <v>110884</v>
      </c>
      <c r="DG32" s="118">
        <v>218984</v>
      </c>
      <c r="DH32" s="112">
        <v>0</v>
      </c>
      <c r="DI32" s="116">
        <v>0</v>
      </c>
      <c r="DJ32" s="114">
        <v>0</v>
      </c>
      <c r="DK32" s="113">
        <v>0</v>
      </c>
      <c r="DL32" s="116">
        <v>48496</v>
      </c>
      <c r="DM32" s="116">
        <v>33840</v>
      </c>
      <c r="DN32" s="116">
        <v>79880</v>
      </c>
      <c r="DO32" s="116">
        <v>16475</v>
      </c>
      <c r="DP32" s="116">
        <v>9464</v>
      </c>
      <c r="DQ32" s="115">
        <v>188155</v>
      </c>
      <c r="DR32" s="118">
        <v>188155</v>
      </c>
      <c r="DS32" s="112">
        <v>0</v>
      </c>
      <c r="DT32" s="116">
        <v>0</v>
      </c>
      <c r="DU32" s="115">
        <v>0</v>
      </c>
      <c r="DV32" s="112">
        <v>0</v>
      </c>
      <c r="DW32" s="116">
        <v>0</v>
      </c>
      <c r="DX32" s="116">
        <v>33840</v>
      </c>
      <c r="DY32" s="116">
        <v>79880</v>
      </c>
      <c r="DZ32" s="116">
        <v>16475</v>
      </c>
      <c r="EA32" s="116">
        <v>0</v>
      </c>
      <c r="EB32" s="115">
        <v>130195</v>
      </c>
      <c r="EC32" s="118">
        <v>130195</v>
      </c>
      <c r="ED32" s="112">
        <v>0</v>
      </c>
      <c r="EE32" s="114">
        <v>0</v>
      </c>
      <c r="EF32" s="115">
        <v>0</v>
      </c>
      <c r="EG32" s="112">
        <v>0</v>
      </c>
      <c r="EH32" s="116">
        <v>48496</v>
      </c>
      <c r="EI32" s="116">
        <v>0</v>
      </c>
      <c r="EJ32" s="116">
        <v>0</v>
      </c>
      <c r="EK32" s="116">
        <v>0</v>
      </c>
      <c r="EL32" s="116">
        <v>9464</v>
      </c>
      <c r="EM32" s="114">
        <v>57960</v>
      </c>
      <c r="EN32" s="118">
        <v>57960</v>
      </c>
      <c r="EO32" s="112">
        <v>0</v>
      </c>
      <c r="EP32" s="116">
        <v>0</v>
      </c>
      <c r="EQ32" s="114">
        <v>0</v>
      </c>
      <c r="ER32" s="113">
        <v>0</v>
      </c>
      <c r="ES32" s="116">
        <v>0</v>
      </c>
      <c r="ET32" s="116">
        <v>0</v>
      </c>
      <c r="EU32" s="116">
        <v>0</v>
      </c>
      <c r="EV32" s="116">
        <v>0</v>
      </c>
      <c r="EW32" s="116">
        <v>0</v>
      </c>
      <c r="EX32" s="115">
        <v>0</v>
      </c>
      <c r="EY32" s="118">
        <v>0</v>
      </c>
      <c r="EZ32" s="112">
        <v>0</v>
      </c>
      <c r="FA32" s="116">
        <v>0</v>
      </c>
      <c r="FB32" s="114">
        <v>0</v>
      </c>
      <c r="FC32" s="390"/>
      <c r="FD32" s="116">
        <v>0</v>
      </c>
      <c r="FE32" s="116">
        <v>0</v>
      </c>
      <c r="FF32" s="116">
        <v>0</v>
      </c>
      <c r="FG32" s="116">
        <v>0</v>
      </c>
      <c r="FH32" s="116">
        <v>0</v>
      </c>
      <c r="FI32" s="115">
        <v>0</v>
      </c>
      <c r="FJ32" s="118">
        <v>0</v>
      </c>
      <c r="FK32" s="112">
        <v>127218</v>
      </c>
      <c r="FL32" s="116">
        <v>162225</v>
      </c>
      <c r="FM32" s="115">
        <v>289443</v>
      </c>
      <c r="FN32" s="112">
        <v>0</v>
      </c>
      <c r="FO32" s="116">
        <v>7000</v>
      </c>
      <c r="FP32" s="116">
        <v>38031</v>
      </c>
      <c r="FQ32" s="116">
        <v>49945</v>
      </c>
      <c r="FR32" s="116">
        <v>16450</v>
      </c>
      <c r="FS32" s="116">
        <v>49525</v>
      </c>
      <c r="FT32" s="115">
        <v>160951</v>
      </c>
      <c r="FU32" s="118">
        <v>450394</v>
      </c>
      <c r="FV32" s="117">
        <v>5110</v>
      </c>
      <c r="FW32" s="116">
        <v>54425</v>
      </c>
      <c r="FX32" s="114">
        <v>59535</v>
      </c>
      <c r="FY32" s="113">
        <v>0</v>
      </c>
      <c r="FZ32" s="116">
        <v>7000</v>
      </c>
      <c r="GA32" s="116">
        <v>38031</v>
      </c>
      <c r="GB32" s="116">
        <v>49945</v>
      </c>
      <c r="GC32" s="116">
        <v>16450</v>
      </c>
      <c r="GD32" s="116">
        <v>49525</v>
      </c>
      <c r="GE32" s="115">
        <v>160951</v>
      </c>
      <c r="GF32" s="354">
        <v>220486</v>
      </c>
      <c r="GG32" s="117">
        <v>122108</v>
      </c>
      <c r="GH32" s="116">
        <v>0</v>
      </c>
      <c r="GI32" s="114">
        <v>122108</v>
      </c>
      <c r="GJ32" s="113">
        <v>0</v>
      </c>
      <c r="GK32" s="116">
        <v>0</v>
      </c>
      <c r="GL32" s="116">
        <v>0</v>
      </c>
      <c r="GM32" s="116">
        <v>0</v>
      </c>
      <c r="GN32" s="116">
        <v>0</v>
      </c>
      <c r="GO32" s="116">
        <v>0</v>
      </c>
      <c r="GP32" s="115">
        <v>0</v>
      </c>
      <c r="GQ32" s="118">
        <v>122108</v>
      </c>
      <c r="GR32" s="112">
        <v>0</v>
      </c>
      <c r="GS32" s="116">
        <v>107800</v>
      </c>
      <c r="GT32" s="115">
        <v>107800</v>
      </c>
      <c r="GU32" s="112">
        <v>0</v>
      </c>
      <c r="GV32" s="116">
        <v>0</v>
      </c>
      <c r="GW32" s="116">
        <v>0</v>
      </c>
      <c r="GX32" s="116">
        <v>0</v>
      </c>
      <c r="GY32" s="116">
        <v>0</v>
      </c>
      <c r="GZ32" s="116">
        <v>0</v>
      </c>
      <c r="HA32" s="114">
        <v>0</v>
      </c>
      <c r="HB32" s="118">
        <v>107800</v>
      </c>
      <c r="HC32" s="112">
        <v>46354</v>
      </c>
      <c r="HD32" s="116">
        <v>169096</v>
      </c>
      <c r="HE32" s="114">
        <v>215450</v>
      </c>
      <c r="HF32" s="113">
        <v>0</v>
      </c>
      <c r="HG32" s="116">
        <v>696443</v>
      </c>
      <c r="HH32" s="116">
        <v>152334</v>
      </c>
      <c r="HI32" s="116">
        <v>693359</v>
      </c>
      <c r="HJ32" s="116">
        <v>577560</v>
      </c>
      <c r="HK32" s="116">
        <v>205368</v>
      </c>
      <c r="HL32" s="115">
        <v>2325064</v>
      </c>
      <c r="HM32" s="111">
        <v>2540514</v>
      </c>
      <c r="HN32" s="370"/>
      <c r="HO32" s="371"/>
      <c r="HP32" s="372"/>
      <c r="HQ32" s="373"/>
      <c r="HR32" s="371"/>
      <c r="HS32" s="371"/>
      <c r="HT32" s="371"/>
      <c r="HU32" s="371"/>
      <c r="HV32" s="371"/>
      <c r="HW32" s="374"/>
      <c r="HX32" s="375"/>
      <c r="HY32" s="167">
        <v>0</v>
      </c>
      <c r="HZ32" s="152">
        <v>0</v>
      </c>
      <c r="IA32" s="167">
        <v>0</v>
      </c>
      <c r="IB32" s="151">
        <v>0</v>
      </c>
      <c r="IC32" s="152">
        <v>57393</v>
      </c>
      <c r="ID32" s="153">
        <v>0</v>
      </c>
      <c r="IE32" s="154">
        <v>19388</v>
      </c>
      <c r="IF32" s="152">
        <v>0</v>
      </c>
      <c r="IG32" s="154">
        <v>10265</v>
      </c>
      <c r="IH32" s="155">
        <v>87046</v>
      </c>
      <c r="II32" s="167">
        <v>87046</v>
      </c>
      <c r="IJ32" s="261">
        <v>0</v>
      </c>
      <c r="IK32" s="268">
        <v>0</v>
      </c>
      <c r="IL32" s="269">
        <v>0</v>
      </c>
      <c r="IM32" s="157"/>
      <c r="IN32" s="122">
        <v>0</v>
      </c>
      <c r="IO32" s="122">
        <v>0</v>
      </c>
      <c r="IP32" s="122">
        <v>0</v>
      </c>
      <c r="IQ32" s="122">
        <v>0</v>
      </c>
      <c r="IR32" s="122">
        <v>0</v>
      </c>
      <c r="IS32" s="158">
        <v>0</v>
      </c>
      <c r="IT32" s="357">
        <v>0</v>
      </c>
      <c r="IU32" s="159">
        <v>0</v>
      </c>
      <c r="IV32" s="122">
        <v>0</v>
      </c>
      <c r="IW32" s="123">
        <v>0</v>
      </c>
      <c r="IX32" s="161"/>
      <c r="IY32" s="122">
        <v>0</v>
      </c>
      <c r="IZ32" s="122">
        <v>0</v>
      </c>
      <c r="JA32" s="122">
        <v>0</v>
      </c>
      <c r="JB32" s="122">
        <v>0</v>
      </c>
      <c r="JC32" s="122">
        <v>0</v>
      </c>
      <c r="JD32" s="123">
        <v>0</v>
      </c>
      <c r="JE32" s="124">
        <v>0</v>
      </c>
      <c r="JF32" s="159">
        <v>0</v>
      </c>
      <c r="JG32" s="122">
        <v>0</v>
      </c>
      <c r="JH32" s="158">
        <v>0</v>
      </c>
      <c r="JI32" s="121">
        <v>0</v>
      </c>
      <c r="JJ32" s="122">
        <v>0</v>
      </c>
      <c r="JK32" s="122">
        <v>0</v>
      </c>
      <c r="JL32" s="122">
        <v>19388</v>
      </c>
      <c r="JM32" s="122">
        <v>0</v>
      </c>
      <c r="JN32" s="122">
        <v>10265</v>
      </c>
      <c r="JO32" s="123">
        <v>29653</v>
      </c>
      <c r="JP32" s="357">
        <v>29653</v>
      </c>
      <c r="JQ32" s="159">
        <v>0</v>
      </c>
      <c r="JR32" s="122">
        <v>0</v>
      </c>
      <c r="JS32" s="158">
        <v>0</v>
      </c>
      <c r="JT32" s="121">
        <v>0</v>
      </c>
      <c r="JU32" s="122">
        <v>57393</v>
      </c>
      <c r="JV32" s="122">
        <v>0</v>
      </c>
      <c r="JW32" s="122">
        <v>0</v>
      </c>
      <c r="JX32" s="122">
        <v>0</v>
      </c>
      <c r="JY32" s="122">
        <v>0</v>
      </c>
      <c r="JZ32" s="123">
        <v>57393</v>
      </c>
      <c r="KA32" s="357">
        <v>57393</v>
      </c>
      <c r="KB32" s="264">
        <v>0</v>
      </c>
      <c r="KC32" s="258">
        <v>0</v>
      </c>
      <c r="KD32" s="123">
        <v>0</v>
      </c>
      <c r="KE32" s="121">
        <v>0</v>
      </c>
      <c r="KF32" s="122">
        <v>0</v>
      </c>
      <c r="KG32" s="122">
        <v>0</v>
      </c>
      <c r="KH32" s="122">
        <v>0</v>
      </c>
      <c r="KI32" s="122">
        <v>0</v>
      </c>
      <c r="KJ32" s="122">
        <v>0</v>
      </c>
      <c r="KK32" s="123">
        <v>0</v>
      </c>
      <c r="KL32" s="160">
        <v>0</v>
      </c>
      <c r="KM32" s="261">
        <v>0</v>
      </c>
      <c r="KN32" s="268">
        <v>0</v>
      </c>
      <c r="KO32" s="269">
        <v>0</v>
      </c>
      <c r="KP32" s="157"/>
      <c r="KQ32" s="122">
        <v>0</v>
      </c>
      <c r="KR32" s="122">
        <v>0</v>
      </c>
      <c r="KS32" s="122">
        <v>0</v>
      </c>
      <c r="KT32" s="122">
        <v>0</v>
      </c>
      <c r="KU32" s="122">
        <v>0</v>
      </c>
      <c r="KV32" s="123">
        <v>0</v>
      </c>
      <c r="KW32" s="357">
        <v>0</v>
      </c>
      <c r="KX32" s="159">
        <v>0</v>
      </c>
      <c r="KY32" s="122">
        <v>0</v>
      </c>
      <c r="KZ32" s="123">
        <v>0</v>
      </c>
      <c r="LA32" s="162"/>
      <c r="LB32" s="122">
        <v>0</v>
      </c>
      <c r="LC32" s="122">
        <v>0</v>
      </c>
      <c r="LD32" s="122">
        <v>0</v>
      </c>
      <c r="LE32" s="122">
        <v>0</v>
      </c>
      <c r="LF32" s="122">
        <v>0</v>
      </c>
      <c r="LG32" s="123">
        <v>0</v>
      </c>
      <c r="LH32" s="124">
        <v>0</v>
      </c>
      <c r="LI32" s="159">
        <v>0</v>
      </c>
      <c r="LJ32" s="122">
        <v>0</v>
      </c>
      <c r="LK32" s="123">
        <v>0</v>
      </c>
      <c r="LL32" s="162"/>
      <c r="LM32" s="122">
        <v>0</v>
      </c>
      <c r="LN32" s="122">
        <v>0</v>
      </c>
      <c r="LO32" s="122">
        <v>0</v>
      </c>
      <c r="LP32" s="122">
        <v>0</v>
      </c>
      <c r="LQ32" s="122">
        <v>0</v>
      </c>
      <c r="LR32" s="123">
        <v>0</v>
      </c>
      <c r="LS32" s="357">
        <v>0</v>
      </c>
      <c r="LT32" s="159">
        <v>0</v>
      </c>
      <c r="LU32" s="122">
        <v>0</v>
      </c>
      <c r="LV32" s="123">
        <v>0</v>
      </c>
      <c r="LW32" s="162"/>
      <c r="LX32" s="122">
        <v>0</v>
      </c>
      <c r="LY32" s="122">
        <v>0</v>
      </c>
      <c r="LZ32" s="122">
        <v>0</v>
      </c>
      <c r="MA32" s="122">
        <v>0</v>
      </c>
      <c r="MB32" s="122">
        <v>0</v>
      </c>
      <c r="MC32" s="123">
        <v>0</v>
      </c>
      <c r="MD32" s="124">
        <v>0</v>
      </c>
      <c r="ME32" s="159">
        <v>0</v>
      </c>
      <c r="MF32" s="122">
        <v>0</v>
      </c>
      <c r="MG32" s="123">
        <v>0</v>
      </c>
      <c r="MH32" s="162"/>
      <c r="MI32" s="122">
        <v>0</v>
      </c>
      <c r="MJ32" s="122">
        <v>0</v>
      </c>
      <c r="MK32" s="122">
        <v>621918</v>
      </c>
      <c r="ML32" s="122">
        <v>460840</v>
      </c>
      <c r="MM32" s="122">
        <v>0</v>
      </c>
      <c r="MN32" s="123">
        <v>1082758</v>
      </c>
      <c r="MO32" s="160">
        <v>1082758</v>
      </c>
      <c r="MP32" s="159">
        <v>0</v>
      </c>
      <c r="MQ32" s="122">
        <v>0</v>
      </c>
      <c r="MR32" s="123">
        <v>0</v>
      </c>
      <c r="MS32" s="162"/>
      <c r="MT32" s="122">
        <v>0</v>
      </c>
      <c r="MU32" s="122">
        <v>0</v>
      </c>
      <c r="MV32" s="122">
        <v>374524</v>
      </c>
      <c r="MW32" s="122">
        <v>237301</v>
      </c>
      <c r="MX32" s="122">
        <v>0</v>
      </c>
      <c r="MY32" s="123">
        <v>611825</v>
      </c>
      <c r="MZ32" s="160">
        <v>611825</v>
      </c>
      <c r="NA32" s="159">
        <v>0</v>
      </c>
      <c r="NB32" s="122">
        <v>0</v>
      </c>
      <c r="NC32" s="123">
        <v>0</v>
      </c>
      <c r="ND32" s="162"/>
      <c r="NE32" s="122">
        <v>0</v>
      </c>
      <c r="NF32" s="122">
        <v>0</v>
      </c>
      <c r="NG32" s="122">
        <v>247394</v>
      </c>
      <c r="NH32" s="122">
        <v>247802</v>
      </c>
      <c r="NI32" s="122">
        <v>0</v>
      </c>
      <c r="NJ32" s="123">
        <v>495196</v>
      </c>
      <c r="NK32" s="357">
        <v>495196</v>
      </c>
      <c r="NL32" s="159">
        <v>0</v>
      </c>
      <c r="NM32" s="122">
        <v>0</v>
      </c>
      <c r="NN32" s="123">
        <v>0</v>
      </c>
      <c r="NO32" s="162"/>
      <c r="NP32" s="122">
        <v>0</v>
      </c>
      <c r="NQ32" s="122">
        <v>0</v>
      </c>
      <c r="NR32" s="122">
        <v>0</v>
      </c>
      <c r="NS32" s="122">
        <v>0</v>
      </c>
      <c r="NT32" s="122">
        <v>0</v>
      </c>
      <c r="NU32" s="123">
        <v>0</v>
      </c>
      <c r="NV32" s="124">
        <v>0</v>
      </c>
      <c r="NW32" s="159">
        <v>0</v>
      </c>
      <c r="NX32" s="122">
        <v>0</v>
      </c>
      <c r="NY32" s="123">
        <v>0</v>
      </c>
      <c r="NZ32" s="162"/>
      <c r="OA32" s="122">
        <v>0</v>
      </c>
      <c r="OB32" s="122">
        <v>0</v>
      </c>
      <c r="OC32" s="122">
        <v>0</v>
      </c>
      <c r="OD32" s="122">
        <v>-24263</v>
      </c>
      <c r="OE32" s="122">
        <v>0</v>
      </c>
      <c r="OF32" s="123">
        <v>-24263</v>
      </c>
      <c r="OG32" s="124">
        <v>-24263</v>
      </c>
      <c r="OH32" s="159">
        <v>240995</v>
      </c>
      <c r="OI32" s="122">
        <v>476190</v>
      </c>
      <c r="OJ32" s="158">
        <v>717185</v>
      </c>
      <c r="OK32" s="121">
        <v>0</v>
      </c>
      <c r="OL32" s="122">
        <v>1111927</v>
      </c>
      <c r="OM32" s="122">
        <v>504171</v>
      </c>
      <c r="ON32" s="122">
        <v>2073042</v>
      </c>
      <c r="OO32" s="122">
        <v>1238239</v>
      </c>
      <c r="OP32" s="122">
        <v>760566</v>
      </c>
      <c r="OQ32" s="123">
        <v>5687945</v>
      </c>
      <c r="OR32" s="160">
        <v>95204.867688378406</v>
      </c>
    </row>
    <row r="33" spans="1:408" ht="20.25" customHeight="1" x14ac:dyDescent="0.2">
      <c r="A33" s="129" t="s">
        <v>28</v>
      </c>
      <c r="B33" s="112">
        <v>0</v>
      </c>
      <c r="C33" s="116">
        <v>47467</v>
      </c>
      <c r="D33" s="115">
        <v>47467</v>
      </c>
      <c r="E33" s="111">
        <v>0</v>
      </c>
      <c r="F33" s="116">
        <v>362566</v>
      </c>
      <c r="G33" s="116">
        <v>311240</v>
      </c>
      <c r="H33" s="116">
        <v>224992</v>
      </c>
      <c r="I33" s="116">
        <v>215586</v>
      </c>
      <c r="J33" s="116">
        <v>294241</v>
      </c>
      <c r="K33" s="200">
        <v>1408625</v>
      </c>
      <c r="L33" s="118">
        <v>1456092</v>
      </c>
      <c r="M33" s="112">
        <v>0</v>
      </c>
      <c r="N33" s="116">
        <v>0</v>
      </c>
      <c r="O33" s="115">
        <v>0</v>
      </c>
      <c r="P33" s="112">
        <v>0</v>
      </c>
      <c r="Q33" s="116">
        <v>102822</v>
      </c>
      <c r="R33" s="116">
        <v>129736</v>
      </c>
      <c r="S33" s="116">
        <v>28679</v>
      </c>
      <c r="T33" s="116">
        <v>214186</v>
      </c>
      <c r="U33" s="116">
        <v>8778</v>
      </c>
      <c r="V33" s="115">
        <v>484201</v>
      </c>
      <c r="W33" s="118">
        <v>484201</v>
      </c>
      <c r="X33" s="112">
        <v>0</v>
      </c>
      <c r="Y33" s="116">
        <v>0</v>
      </c>
      <c r="Z33" s="115">
        <v>0</v>
      </c>
      <c r="AA33" s="112">
        <v>0</v>
      </c>
      <c r="AB33" s="116">
        <v>34346</v>
      </c>
      <c r="AC33" s="116">
        <v>84909</v>
      </c>
      <c r="AD33" s="116">
        <v>0</v>
      </c>
      <c r="AE33" s="116">
        <v>214186</v>
      </c>
      <c r="AF33" s="116">
        <v>0</v>
      </c>
      <c r="AG33" s="115">
        <v>333441</v>
      </c>
      <c r="AH33" s="118">
        <v>333441</v>
      </c>
      <c r="AI33" s="112">
        <v>0</v>
      </c>
      <c r="AJ33" s="116">
        <v>0</v>
      </c>
      <c r="AK33" s="115">
        <v>0</v>
      </c>
      <c r="AL33" s="112">
        <v>0</v>
      </c>
      <c r="AM33" s="116">
        <v>0</v>
      </c>
      <c r="AN33" s="116">
        <v>0</v>
      </c>
      <c r="AO33" s="116">
        <v>0</v>
      </c>
      <c r="AP33" s="116">
        <v>0</v>
      </c>
      <c r="AQ33" s="116">
        <v>0</v>
      </c>
      <c r="AR33" s="115">
        <v>0</v>
      </c>
      <c r="AS33" s="118">
        <v>0</v>
      </c>
      <c r="AT33" s="112">
        <v>0</v>
      </c>
      <c r="AU33" s="116">
        <v>0</v>
      </c>
      <c r="AV33" s="115">
        <v>0</v>
      </c>
      <c r="AW33" s="112">
        <v>0</v>
      </c>
      <c r="AX33" s="116">
        <v>0</v>
      </c>
      <c r="AY33" s="116">
        <v>25696</v>
      </c>
      <c r="AZ33" s="116">
        <v>10682</v>
      </c>
      <c r="BA33" s="116">
        <v>0</v>
      </c>
      <c r="BB33" s="116">
        <v>0</v>
      </c>
      <c r="BC33" s="115">
        <v>36378</v>
      </c>
      <c r="BD33" s="118">
        <v>36378</v>
      </c>
      <c r="BE33" s="112">
        <v>0</v>
      </c>
      <c r="BF33" s="116">
        <v>0</v>
      </c>
      <c r="BG33" s="114">
        <v>0</v>
      </c>
      <c r="BH33" s="113">
        <v>0</v>
      </c>
      <c r="BI33" s="116">
        <v>55302</v>
      </c>
      <c r="BJ33" s="116">
        <v>0</v>
      </c>
      <c r="BK33" s="116">
        <v>0</v>
      </c>
      <c r="BL33" s="116">
        <v>0</v>
      </c>
      <c r="BM33" s="116">
        <v>0</v>
      </c>
      <c r="BN33" s="115">
        <v>55302</v>
      </c>
      <c r="BO33" s="118">
        <v>55302</v>
      </c>
      <c r="BP33" s="112">
        <v>0</v>
      </c>
      <c r="BQ33" s="116">
        <v>0</v>
      </c>
      <c r="BR33" s="115">
        <v>0</v>
      </c>
      <c r="BS33" s="112">
        <v>0</v>
      </c>
      <c r="BT33" s="116">
        <v>13174</v>
      </c>
      <c r="BU33" s="116">
        <v>19131</v>
      </c>
      <c r="BV33" s="116">
        <v>17997</v>
      </c>
      <c r="BW33" s="116">
        <v>0</v>
      </c>
      <c r="BX33" s="116">
        <v>8778</v>
      </c>
      <c r="BY33" s="115">
        <v>59080</v>
      </c>
      <c r="BZ33" s="118">
        <v>59080</v>
      </c>
      <c r="CA33" s="112">
        <v>0</v>
      </c>
      <c r="CB33" s="116">
        <v>34867</v>
      </c>
      <c r="CC33" s="115">
        <v>34867</v>
      </c>
      <c r="CD33" s="112">
        <v>0</v>
      </c>
      <c r="CE33" s="116">
        <v>103583</v>
      </c>
      <c r="CF33" s="116">
        <v>133932</v>
      </c>
      <c r="CG33" s="116">
        <v>8029</v>
      </c>
      <c r="CH33" s="116">
        <v>0</v>
      </c>
      <c r="CI33" s="116">
        <v>30352</v>
      </c>
      <c r="CJ33" s="115">
        <v>275896</v>
      </c>
      <c r="CK33" s="118">
        <v>310763</v>
      </c>
      <c r="CL33" s="112">
        <v>0</v>
      </c>
      <c r="CM33" s="116">
        <v>0</v>
      </c>
      <c r="CN33" s="115">
        <v>0</v>
      </c>
      <c r="CO33" s="113">
        <v>0</v>
      </c>
      <c r="CP33" s="116">
        <v>39886</v>
      </c>
      <c r="CQ33" s="116">
        <v>107301</v>
      </c>
      <c r="CR33" s="116">
        <v>0</v>
      </c>
      <c r="CS33" s="116">
        <v>0</v>
      </c>
      <c r="CT33" s="116">
        <v>0</v>
      </c>
      <c r="CU33" s="115">
        <v>147187</v>
      </c>
      <c r="CV33" s="118">
        <v>147187</v>
      </c>
      <c r="CW33" s="112">
        <v>0</v>
      </c>
      <c r="CX33" s="116">
        <v>34867</v>
      </c>
      <c r="CY33" s="115">
        <v>34867</v>
      </c>
      <c r="CZ33" s="112">
        <v>0</v>
      </c>
      <c r="DA33" s="116">
        <v>63697</v>
      </c>
      <c r="DB33" s="116">
        <v>26631</v>
      </c>
      <c r="DC33" s="116">
        <v>8029</v>
      </c>
      <c r="DD33" s="116">
        <v>0</v>
      </c>
      <c r="DE33" s="116">
        <v>30352</v>
      </c>
      <c r="DF33" s="115">
        <v>128709</v>
      </c>
      <c r="DG33" s="118">
        <v>163576</v>
      </c>
      <c r="DH33" s="112">
        <v>0</v>
      </c>
      <c r="DI33" s="116">
        <v>0</v>
      </c>
      <c r="DJ33" s="114">
        <v>0</v>
      </c>
      <c r="DK33" s="113">
        <v>0</v>
      </c>
      <c r="DL33" s="116">
        <v>0</v>
      </c>
      <c r="DM33" s="116">
        <v>0</v>
      </c>
      <c r="DN33" s="116">
        <v>13223</v>
      </c>
      <c r="DO33" s="116">
        <v>0</v>
      </c>
      <c r="DP33" s="116">
        <v>0</v>
      </c>
      <c r="DQ33" s="115">
        <v>13223</v>
      </c>
      <c r="DR33" s="118">
        <v>13223</v>
      </c>
      <c r="DS33" s="112">
        <v>0</v>
      </c>
      <c r="DT33" s="116">
        <v>0</v>
      </c>
      <c r="DU33" s="115">
        <v>0</v>
      </c>
      <c r="DV33" s="112">
        <v>0</v>
      </c>
      <c r="DW33" s="116">
        <v>0</v>
      </c>
      <c r="DX33" s="116">
        <v>0</v>
      </c>
      <c r="DY33" s="116">
        <v>13223</v>
      </c>
      <c r="DZ33" s="116">
        <v>0</v>
      </c>
      <c r="EA33" s="116">
        <v>0</v>
      </c>
      <c r="EB33" s="115">
        <v>13223</v>
      </c>
      <c r="EC33" s="118">
        <v>13223</v>
      </c>
      <c r="ED33" s="112">
        <v>0</v>
      </c>
      <c r="EE33" s="114">
        <v>0</v>
      </c>
      <c r="EF33" s="115">
        <v>0</v>
      </c>
      <c r="EG33" s="112">
        <v>0</v>
      </c>
      <c r="EH33" s="116">
        <v>0</v>
      </c>
      <c r="EI33" s="116">
        <v>0</v>
      </c>
      <c r="EJ33" s="116">
        <v>0</v>
      </c>
      <c r="EK33" s="116">
        <v>0</v>
      </c>
      <c r="EL33" s="116">
        <v>0</v>
      </c>
      <c r="EM33" s="114">
        <v>0</v>
      </c>
      <c r="EN33" s="118">
        <v>0</v>
      </c>
      <c r="EO33" s="112">
        <v>0</v>
      </c>
      <c r="EP33" s="116">
        <v>0</v>
      </c>
      <c r="EQ33" s="114">
        <v>0</v>
      </c>
      <c r="ER33" s="113">
        <v>0</v>
      </c>
      <c r="ES33" s="116">
        <v>0</v>
      </c>
      <c r="ET33" s="116">
        <v>0</v>
      </c>
      <c r="EU33" s="116">
        <v>0</v>
      </c>
      <c r="EV33" s="116">
        <v>0</v>
      </c>
      <c r="EW33" s="116">
        <v>0</v>
      </c>
      <c r="EX33" s="115">
        <v>0</v>
      </c>
      <c r="EY33" s="118">
        <v>0</v>
      </c>
      <c r="EZ33" s="112">
        <v>0</v>
      </c>
      <c r="FA33" s="116">
        <v>0</v>
      </c>
      <c r="FB33" s="114">
        <v>0</v>
      </c>
      <c r="FC33" s="390"/>
      <c r="FD33" s="116">
        <v>0</v>
      </c>
      <c r="FE33" s="116">
        <v>0</v>
      </c>
      <c r="FF33" s="116">
        <v>0</v>
      </c>
      <c r="FG33" s="116">
        <v>0</v>
      </c>
      <c r="FH33" s="116">
        <v>0</v>
      </c>
      <c r="FI33" s="115">
        <v>0</v>
      </c>
      <c r="FJ33" s="118">
        <v>0</v>
      </c>
      <c r="FK33" s="112">
        <v>0</v>
      </c>
      <c r="FL33" s="116">
        <v>12600</v>
      </c>
      <c r="FM33" s="115">
        <v>12600</v>
      </c>
      <c r="FN33" s="112">
        <v>0</v>
      </c>
      <c r="FO33" s="116">
        <v>17850</v>
      </c>
      <c r="FP33" s="116">
        <v>47572</v>
      </c>
      <c r="FQ33" s="116">
        <v>7350</v>
      </c>
      <c r="FR33" s="116">
        <v>1400</v>
      </c>
      <c r="FS33" s="116">
        <v>45150</v>
      </c>
      <c r="FT33" s="115">
        <v>119322</v>
      </c>
      <c r="FU33" s="118">
        <v>131922</v>
      </c>
      <c r="FV33" s="117">
        <v>0</v>
      </c>
      <c r="FW33" s="116">
        <v>12600</v>
      </c>
      <c r="FX33" s="114">
        <v>12600</v>
      </c>
      <c r="FY33" s="113">
        <v>0</v>
      </c>
      <c r="FZ33" s="116">
        <v>17850</v>
      </c>
      <c r="GA33" s="116">
        <v>47572</v>
      </c>
      <c r="GB33" s="116">
        <v>7350</v>
      </c>
      <c r="GC33" s="116">
        <v>1400</v>
      </c>
      <c r="GD33" s="116">
        <v>45150</v>
      </c>
      <c r="GE33" s="115">
        <v>119322</v>
      </c>
      <c r="GF33" s="354">
        <v>131922</v>
      </c>
      <c r="GG33" s="117">
        <v>0</v>
      </c>
      <c r="GH33" s="116">
        <v>0</v>
      </c>
      <c r="GI33" s="114">
        <v>0</v>
      </c>
      <c r="GJ33" s="113">
        <v>0</v>
      </c>
      <c r="GK33" s="116">
        <v>0</v>
      </c>
      <c r="GL33" s="116">
        <v>0</v>
      </c>
      <c r="GM33" s="116">
        <v>0</v>
      </c>
      <c r="GN33" s="116">
        <v>0</v>
      </c>
      <c r="GO33" s="116">
        <v>0</v>
      </c>
      <c r="GP33" s="115">
        <v>0</v>
      </c>
      <c r="GQ33" s="118">
        <v>0</v>
      </c>
      <c r="GR33" s="112">
        <v>0</v>
      </c>
      <c r="GS33" s="116">
        <v>0</v>
      </c>
      <c r="GT33" s="115">
        <v>0</v>
      </c>
      <c r="GU33" s="112">
        <v>0</v>
      </c>
      <c r="GV33" s="116">
        <v>0</v>
      </c>
      <c r="GW33" s="116">
        <v>0</v>
      </c>
      <c r="GX33" s="116">
        <v>0</v>
      </c>
      <c r="GY33" s="116">
        <v>0</v>
      </c>
      <c r="GZ33" s="116">
        <v>0</v>
      </c>
      <c r="HA33" s="114">
        <v>0</v>
      </c>
      <c r="HB33" s="118">
        <v>0</v>
      </c>
      <c r="HC33" s="112">
        <v>0</v>
      </c>
      <c r="HD33" s="116">
        <v>0</v>
      </c>
      <c r="HE33" s="114">
        <v>0</v>
      </c>
      <c r="HF33" s="113">
        <v>0</v>
      </c>
      <c r="HG33" s="116">
        <v>138311</v>
      </c>
      <c r="HH33" s="116">
        <v>0</v>
      </c>
      <c r="HI33" s="116">
        <v>167711</v>
      </c>
      <c r="HJ33" s="116">
        <v>0</v>
      </c>
      <c r="HK33" s="116">
        <v>209961</v>
      </c>
      <c r="HL33" s="115">
        <v>515983</v>
      </c>
      <c r="HM33" s="111">
        <v>515983</v>
      </c>
      <c r="HN33" s="370"/>
      <c r="HO33" s="371"/>
      <c r="HP33" s="372"/>
      <c r="HQ33" s="373"/>
      <c r="HR33" s="371"/>
      <c r="HS33" s="371"/>
      <c r="HT33" s="371"/>
      <c r="HU33" s="371"/>
      <c r="HV33" s="371"/>
      <c r="HW33" s="374"/>
      <c r="HX33" s="375"/>
      <c r="HY33" s="148">
        <v>0</v>
      </c>
      <c r="HZ33" s="149">
        <v>0</v>
      </c>
      <c r="IA33" s="150">
        <v>0</v>
      </c>
      <c r="IB33" s="163">
        <v>0</v>
      </c>
      <c r="IC33" s="149">
        <v>59605</v>
      </c>
      <c r="ID33" s="164">
        <v>32648</v>
      </c>
      <c r="IE33" s="150">
        <v>5355</v>
      </c>
      <c r="IF33" s="149">
        <v>0</v>
      </c>
      <c r="IG33" s="150">
        <v>0</v>
      </c>
      <c r="IH33" s="165">
        <v>97608</v>
      </c>
      <c r="II33" s="156">
        <v>97608</v>
      </c>
      <c r="IJ33" s="261">
        <v>0</v>
      </c>
      <c r="IK33" s="268">
        <v>0</v>
      </c>
      <c r="IL33" s="269">
        <v>0</v>
      </c>
      <c r="IM33" s="157"/>
      <c r="IN33" s="122">
        <v>0</v>
      </c>
      <c r="IO33" s="122">
        <v>0</v>
      </c>
      <c r="IP33" s="122">
        <v>0</v>
      </c>
      <c r="IQ33" s="122">
        <v>0</v>
      </c>
      <c r="IR33" s="122">
        <v>0</v>
      </c>
      <c r="IS33" s="158">
        <v>0</v>
      </c>
      <c r="IT33" s="357">
        <v>0</v>
      </c>
      <c r="IU33" s="159">
        <v>0</v>
      </c>
      <c r="IV33" s="122">
        <v>0</v>
      </c>
      <c r="IW33" s="123">
        <v>0</v>
      </c>
      <c r="IX33" s="161"/>
      <c r="IY33" s="122">
        <v>0</v>
      </c>
      <c r="IZ33" s="122">
        <v>0</v>
      </c>
      <c r="JA33" s="122">
        <v>0</v>
      </c>
      <c r="JB33" s="122">
        <v>0</v>
      </c>
      <c r="JC33" s="122">
        <v>0</v>
      </c>
      <c r="JD33" s="123">
        <v>0</v>
      </c>
      <c r="JE33" s="124">
        <v>0</v>
      </c>
      <c r="JF33" s="159">
        <v>0</v>
      </c>
      <c r="JG33" s="122">
        <v>0</v>
      </c>
      <c r="JH33" s="158">
        <v>0</v>
      </c>
      <c r="JI33" s="121">
        <v>0</v>
      </c>
      <c r="JJ33" s="122">
        <v>59605</v>
      </c>
      <c r="JK33" s="122">
        <v>32648</v>
      </c>
      <c r="JL33" s="122">
        <v>0</v>
      </c>
      <c r="JM33" s="122">
        <v>0</v>
      </c>
      <c r="JN33" s="122">
        <v>0</v>
      </c>
      <c r="JO33" s="123">
        <v>92253</v>
      </c>
      <c r="JP33" s="357">
        <v>92253</v>
      </c>
      <c r="JQ33" s="159">
        <v>0</v>
      </c>
      <c r="JR33" s="122">
        <v>0</v>
      </c>
      <c r="JS33" s="158">
        <v>0</v>
      </c>
      <c r="JT33" s="121">
        <v>0</v>
      </c>
      <c r="JU33" s="122">
        <v>0</v>
      </c>
      <c r="JV33" s="122">
        <v>0</v>
      </c>
      <c r="JW33" s="122">
        <v>5355</v>
      </c>
      <c r="JX33" s="122">
        <v>0</v>
      </c>
      <c r="JY33" s="122">
        <v>0</v>
      </c>
      <c r="JZ33" s="123">
        <v>5355</v>
      </c>
      <c r="KA33" s="357">
        <v>5355</v>
      </c>
      <c r="KB33" s="264">
        <v>0</v>
      </c>
      <c r="KC33" s="258">
        <v>0</v>
      </c>
      <c r="KD33" s="123">
        <v>0</v>
      </c>
      <c r="KE33" s="121">
        <v>0</v>
      </c>
      <c r="KF33" s="122">
        <v>0</v>
      </c>
      <c r="KG33" s="122">
        <v>0</v>
      </c>
      <c r="KH33" s="122">
        <v>0</v>
      </c>
      <c r="KI33" s="122">
        <v>0</v>
      </c>
      <c r="KJ33" s="122">
        <v>0</v>
      </c>
      <c r="KK33" s="123">
        <v>0</v>
      </c>
      <c r="KL33" s="160">
        <v>0</v>
      </c>
      <c r="KM33" s="261">
        <v>0</v>
      </c>
      <c r="KN33" s="268">
        <v>0</v>
      </c>
      <c r="KO33" s="269">
        <v>0</v>
      </c>
      <c r="KP33" s="157"/>
      <c r="KQ33" s="122">
        <v>0</v>
      </c>
      <c r="KR33" s="122">
        <v>0</v>
      </c>
      <c r="KS33" s="122">
        <v>0</v>
      </c>
      <c r="KT33" s="122">
        <v>0</v>
      </c>
      <c r="KU33" s="122">
        <v>0</v>
      </c>
      <c r="KV33" s="123">
        <v>0</v>
      </c>
      <c r="KW33" s="357">
        <v>0</v>
      </c>
      <c r="KX33" s="159">
        <v>0</v>
      </c>
      <c r="KY33" s="122">
        <v>0</v>
      </c>
      <c r="KZ33" s="123">
        <v>0</v>
      </c>
      <c r="LA33" s="162"/>
      <c r="LB33" s="122">
        <v>0</v>
      </c>
      <c r="LC33" s="122">
        <v>0</v>
      </c>
      <c r="LD33" s="122">
        <v>0</v>
      </c>
      <c r="LE33" s="122">
        <v>0</v>
      </c>
      <c r="LF33" s="122">
        <v>0</v>
      </c>
      <c r="LG33" s="123">
        <v>0</v>
      </c>
      <c r="LH33" s="124">
        <v>0</v>
      </c>
      <c r="LI33" s="159">
        <v>0</v>
      </c>
      <c r="LJ33" s="122">
        <v>0</v>
      </c>
      <c r="LK33" s="123">
        <v>0</v>
      </c>
      <c r="LL33" s="162"/>
      <c r="LM33" s="122">
        <v>0</v>
      </c>
      <c r="LN33" s="122">
        <v>0</v>
      </c>
      <c r="LO33" s="122">
        <v>0</v>
      </c>
      <c r="LP33" s="122">
        <v>0</v>
      </c>
      <c r="LQ33" s="122">
        <v>0</v>
      </c>
      <c r="LR33" s="123">
        <v>0</v>
      </c>
      <c r="LS33" s="357">
        <v>0</v>
      </c>
      <c r="LT33" s="159">
        <v>0</v>
      </c>
      <c r="LU33" s="122">
        <v>0</v>
      </c>
      <c r="LV33" s="123">
        <v>0</v>
      </c>
      <c r="LW33" s="162"/>
      <c r="LX33" s="122">
        <v>0</v>
      </c>
      <c r="LY33" s="122">
        <v>0</v>
      </c>
      <c r="LZ33" s="122">
        <v>0</v>
      </c>
      <c r="MA33" s="122">
        <v>0</v>
      </c>
      <c r="MB33" s="122">
        <v>0</v>
      </c>
      <c r="MC33" s="123">
        <v>0</v>
      </c>
      <c r="MD33" s="124">
        <v>0</v>
      </c>
      <c r="ME33" s="159">
        <v>0</v>
      </c>
      <c r="MF33" s="122">
        <v>0</v>
      </c>
      <c r="MG33" s="123">
        <v>0</v>
      </c>
      <c r="MH33" s="162"/>
      <c r="MI33" s="122">
        <v>0</v>
      </c>
      <c r="MJ33" s="122">
        <v>0</v>
      </c>
      <c r="MK33" s="122">
        <v>273613</v>
      </c>
      <c r="ML33" s="122">
        <v>216675</v>
      </c>
      <c r="MM33" s="122">
        <v>257257</v>
      </c>
      <c r="MN33" s="123">
        <v>747545</v>
      </c>
      <c r="MO33" s="160">
        <v>747545</v>
      </c>
      <c r="MP33" s="159">
        <v>0</v>
      </c>
      <c r="MQ33" s="122">
        <v>0</v>
      </c>
      <c r="MR33" s="123">
        <v>0</v>
      </c>
      <c r="MS33" s="162"/>
      <c r="MT33" s="122">
        <v>0</v>
      </c>
      <c r="MU33" s="122">
        <v>0</v>
      </c>
      <c r="MV33" s="122">
        <v>0</v>
      </c>
      <c r="MW33" s="122">
        <v>216675</v>
      </c>
      <c r="MX33" s="122">
        <v>0</v>
      </c>
      <c r="MY33" s="123">
        <v>216675</v>
      </c>
      <c r="MZ33" s="160">
        <v>216675</v>
      </c>
      <c r="NA33" s="159">
        <v>0</v>
      </c>
      <c r="NB33" s="122">
        <v>0</v>
      </c>
      <c r="NC33" s="123">
        <v>0</v>
      </c>
      <c r="ND33" s="162"/>
      <c r="NE33" s="122">
        <v>0</v>
      </c>
      <c r="NF33" s="122">
        <v>0</v>
      </c>
      <c r="NG33" s="122">
        <v>273613</v>
      </c>
      <c r="NH33" s="122">
        <v>0</v>
      </c>
      <c r="NI33" s="122">
        <v>257257</v>
      </c>
      <c r="NJ33" s="123">
        <v>530870</v>
      </c>
      <c r="NK33" s="357">
        <v>530870</v>
      </c>
      <c r="NL33" s="159">
        <v>0</v>
      </c>
      <c r="NM33" s="122">
        <v>0</v>
      </c>
      <c r="NN33" s="123">
        <v>0</v>
      </c>
      <c r="NO33" s="162"/>
      <c r="NP33" s="122">
        <v>0</v>
      </c>
      <c r="NQ33" s="122">
        <v>0</v>
      </c>
      <c r="NR33" s="122">
        <v>0</v>
      </c>
      <c r="NS33" s="122">
        <v>0</v>
      </c>
      <c r="NT33" s="122">
        <v>0</v>
      </c>
      <c r="NU33" s="123">
        <v>0</v>
      </c>
      <c r="NV33" s="124">
        <v>0</v>
      </c>
      <c r="NW33" s="159">
        <v>0</v>
      </c>
      <c r="NX33" s="122">
        <v>0</v>
      </c>
      <c r="NY33" s="123">
        <v>0</v>
      </c>
      <c r="NZ33" s="162"/>
      <c r="OA33" s="122">
        <v>0</v>
      </c>
      <c r="OB33" s="122">
        <v>0</v>
      </c>
      <c r="OC33" s="122">
        <v>0</v>
      </c>
      <c r="OD33" s="122">
        <v>0</v>
      </c>
      <c r="OE33" s="122">
        <v>0</v>
      </c>
      <c r="OF33" s="123">
        <v>0</v>
      </c>
      <c r="OG33" s="124">
        <v>0</v>
      </c>
      <c r="OH33" s="159">
        <v>0</v>
      </c>
      <c r="OI33" s="122">
        <v>47467</v>
      </c>
      <c r="OJ33" s="158">
        <v>47467</v>
      </c>
      <c r="OK33" s="121">
        <v>0</v>
      </c>
      <c r="OL33" s="122">
        <v>422171</v>
      </c>
      <c r="OM33" s="122">
        <v>343888</v>
      </c>
      <c r="ON33" s="122">
        <v>503960</v>
      </c>
      <c r="OO33" s="122">
        <v>432261</v>
      </c>
      <c r="OP33" s="122">
        <v>551498</v>
      </c>
      <c r="OQ33" s="123">
        <v>2253778</v>
      </c>
      <c r="OR33" s="160">
        <v>56020.231709542102</v>
      </c>
    </row>
    <row r="34" spans="1:408" ht="20.25" customHeight="1" x14ac:dyDescent="0.2">
      <c r="A34" s="129" t="s">
        <v>29</v>
      </c>
      <c r="B34" s="112">
        <v>15463</v>
      </c>
      <c r="C34" s="116">
        <v>5250</v>
      </c>
      <c r="D34" s="115">
        <v>20713</v>
      </c>
      <c r="E34" s="111">
        <v>0</v>
      </c>
      <c r="F34" s="116">
        <v>309018</v>
      </c>
      <c r="G34" s="116">
        <v>393397</v>
      </c>
      <c r="H34" s="116">
        <v>520169</v>
      </c>
      <c r="I34" s="116">
        <v>206571</v>
      </c>
      <c r="J34" s="116">
        <v>0</v>
      </c>
      <c r="K34" s="200">
        <v>1429155</v>
      </c>
      <c r="L34" s="118">
        <v>1449868</v>
      </c>
      <c r="M34" s="112">
        <v>12138</v>
      </c>
      <c r="N34" s="116">
        <v>0</v>
      </c>
      <c r="O34" s="115">
        <v>12138</v>
      </c>
      <c r="P34" s="112">
        <v>0</v>
      </c>
      <c r="Q34" s="116">
        <v>60648</v>
      </c>
      <c r="R34" s="116">
        <v>183722</v>
      </c>
      <c r="S34" s="116">
        <v>153727</v>
      </c>
      <c r="T34" s="116">
        <v>23170</v>
      </c>
      <c r="U34" s="116">
        <v>0</v>
      </c>
      <c r="V34" s="115">
        <v>421267</v>
      </c>
      <c r="W34" s="118">
        <v>433405</v>
      </c>
      <c r="X34" s="112">
        <v>0</v>
      </c>
      <c r="Y34" s="116">
        <v>0</v>
      </c>
      <c r="Z34" s="115">
        <v>0</v>
      </c>
      <c r="AA34" s="112">
        <v>0</v>
      </c>
      <c r="AB34" s="116">
        <v>12222</v>
      </c>
      <c r="AC34" s="116">
        <v>85323</v>
      </c>
      <c r="AD34" s="116">
        <v>0</v>
      </c>
      <c r="AE34" s="116">
        <v>0</v>
      </c>
      <c r="AF34" s="116">
        <v>0</v>
      </c>
      <c r="AG34" s="115">
        <v>97545</v>
      </c>
      <c r="AH34" s="118">
        <v>97545</v>
      </c>
      <c r="AI34" s="112">
        <v>0</v>
      </c>
      <c r="AJ34" s="116">
        <v>0</v>
      </c>
      <c r="AK34" s="115">
        <v>0</v>
      </c>
      <c r="AL34" s="112">
        <v>0</v>
      </c>
      <c r="AM34" s="116">
        <v>0</v>
      </c>
      <c r="AN34" s="116">
        <v>0</v>
      </c>
      <c r="AO34" s="116">
        <v>37856</v>
      </c>
      <c r="AP34" s="116">
        <v>0</v>
      </c>
      <c r="AQ34" s="116">
        <v>0</v>
      </c>
      <c r="AR34" s="115">
        <v>37856</v>
      </c>
      <c r="AS34" s="118">
        <v>37856</v>
      </c>
      <c r="AT34" s="112">
        <v>12138</v>
      </c>
      <c r="AU34" s="116">
        <v>0</v>
      </c>
      <c r="AV34" s="115">
        <v>12138</v>
      </c>
      <c r="AW34" s="112">
        <v>0</v>
      </c>
      <c r="AX34" s="116">
        <v>40026</v>
      </c>
      <c r="AY34" s="116">
        <v>35777</v>
      </c>
      <c r="AZ34" s="116">
        <v>112245</v>
      </c>
      <c r="BA34" s="116">
        <v>0</v>
      </c>
      <c r="BB34" s="116">
        <v>0</v>
      </c>
      <c r="BC34" s="115">
        <v>188048</v>
      </c>
      <c r="BD34" s="118">
        <v>200186</v>
      </c>
      <c r="BE34" s="112">
        <v>0</v>
      </c>
      <c r="BF34" s="116">
        <v>0</v>
      </c>
      <c r="BG34" s="114">
        <v>0</v>
      </c>
      <c r="BH34" s="113">
        <v>0</v>
      </c>
      <c r="BI34" s="116">
        <v>0</v>
      </c>
      <c r="BJ34" s="116">
        <v>20076</v>
      </c>
      <c r="BK34" s="116">
        <v>0</v>
      </c>
      <c r="BL34" s="116">
        <v>0</v>
      </c>
      <c r="BM34" s="116">
        <v>0</v>
      </c>
      <c r="BN34" s="115">
        <v>20076</v>
      </c>
      <c r="BO34" s="118">
        <v>20076</v>
      </c>
      <c r="BP34" s="112">
        <v>0</v>
      </c>
      <c r="BQ34" s="116">
        <v>0</v>
      </c>
      <c r="BR34" s="115">
        <v>0</v>
      </c>
      <c r="BS34" s="112">
        <v>0</v>
      </c>
      <c r="BT34" s="116">
        <v>8400</v>
      </c>
      <c r="BU34" s="116">
        <v>42546</v>
      </c>
      <c r="BV34" s="116">
        <v>3626</v>
      </c>
      <c r="BW34" s="116">
        <v>23170</v>
      </c>
      <c r="BX34" s="116">
        <v>0</v>
      </c>
      <c r="BY34" s="115">
        <v>77742</v>
      </c>
      <c r="BZ34" s="118">
        <v>77742</v>
      </c>
      <c r="CA34" s="112">
        <v>0</v>
      </c>
      <c r="CB34" s="116">
        <v>0</v>
      </c>
      <c r="CC34" s="115">
        <v>0</v>
      </c>
      <c r="CD34" s="112">
        <v>0</v>
      </c>
      <c r="CE34" s="116">
        <v>0</v>
      </c>
      <c r="CF34" s="116">
        <v>25802</v>
      </c>
      <c r="CG34" s="116">
        <v>109932</v>
      </c>
      <c r="CH34" s="116">
        <v>0</v>
      </c>
      <c r="CI34" s="116">
        <v>0</v>
      </c>
      <c r="CJ34" s="115">
        <v>135734</v>
      </c>
      <c r="CK34" s="118">
        <v>135734</v>
      </c>
      <c r="CL34" s="112">
        <v>0</v>
      </c>
      <c r="CM34" s="116">
        <v>0</v>
      </c>
      <c r="CN34" s="115">
        <v>0</v>
      </c>
      <c r="CO34" s="113">
        <v>0</v>
      </c>
      <c r="CP34" s="116">
        <v>0</v>
      </c>
      <c r="CQ34" s="116">
        <v>0</v>
      </c>
      <c r="CR34" s="116">
        <v>31423</v>
      </c>
      <c r="CS34" s="116">
        <v>0</v>
      </c>
      <c r="CT34" s="116">
        <v>0</v>
      </c>
      <c r="CU34" s="115">
        <v>31423</v>
      </c>
      <c r="CV34" s="118">
        <v>31423</v>
      </c>
      <c r="CW34" s="112">
        <v>0</v>
      </c>
      <c r="CX34" s="116">
        <v>0</v>
      </c>
      <c r="CY34" s="115">
        <v>0</v>
      </c>
      <c r="CZ34" s="112">
        <v>0</v>
      </c>
      <c r="DA34" s="116">
        <v>0</v>
      </c>
      <c r="DB34" s="116">
        <v>25802</v>
      </c>
      <c r="DC34" s="116">
        <v>78509</v>
      </c>
      <c r="DD34" s="116">
        <v>0</v>
      </c>
      <c r="DE34" s="116">
        <v>0</v>
      </c>
      <c r="DF34" s="115">
        <v>104311</v>
      </c>
      <c r="DG34" s="118">
        <v>104311</v>
      </c>
      <c r="DH34" s="112">
        <v>0</v>
      </c>
      <c r="DI34" s="116">
        <v>0</v>
      </c>
      <c r="DJ34" s="114">
        <v>0</v>
      </c>
      <c r="DK34" s="113">
        <v>0</v>
      </c>
      <c r="DL34" s="116">
        <v>0</v>
      </c>
      <c r="DM34" s="116">
        <v>0</v>
      </c>
      <c r="DN34" s="116">
        <v>15869</v>
      </c>
      <c r="DO34" s="116">
        <v>0</v>
      </c>
      <c r="DP34" s="116">
        <v>0</v>
      </c>
      <c r="DQ34" s="115">
        <v>15869</v>
      </c>
      <c r="DR34" s="118">
        <v>15869</v>
      </c>
      <c r="DS34" s="112">
        <v>0</v>
      </c>
      <c r="DT34" s="116">
        <v>0</v>
      </c>
      <c r="DU34" s="115">
        <v>0</v>
      </c>
      <c r="DV34" s="112">
        <v>0</v>
      </c>
      <c r="DW34" s="116">
        <v>0</v>
      </c>
      <c r="DX34" s="116">
        <v>0</v>
      </c>
      <c r="DY34" s="116">
        <v>15869</v>
      </c>
      <c r="DZ34" s="116">
        <v>0</v>
      </c>
      <c r="EA34" s="116">
        <v>0</v>
      </c>
      <c r="EB34" s="115">
        <v>15869</v>
      </c>
      <c r="EC34" s="118">
        <v>15869</v>
      </c>
      <c r="ED34" s="112">
        <v>0</v>
      </c>
      <c r="EE34" s="114">
        <v>0</v>
      </c>
      <c r="EF34" s="115">
        <v>0</v>
      </c>
      <c r="EG34" s="112">
        <v>0</v>
      </c>
      <c r="EH34" s="116">
        <v>0</v>
      </c>
      <c r="EI34" s="116">
        <v>0</v>
      </c>
      <c r="EJ34" s="116">
        <v>0</v>
      </c>
      <c r="EK34" s="116">
        <v>0</v>
      </c>
      <c r="EL34" s="116">
        <v>0</v>
      </c>
      <c r="EM34" s="114">
        <v>0</v>
      </c>
      <c r="EN34" s="118">
        <v>0</v>
      </c>
      <c r="EO34" s="112">
        <v>0</v>
      </c>
      <c r="EP34" s="116">
        <v>0</v>
      </c>
      <c r="EQ34" s="114">
        <v>0</v>
      </c>
      <c r="ER34" s="113">
        <v>0</v>
      </c>
      <c r="ES34" s="116">
        <v>0</v>
      </c>
      <c r="ET34" s="116">
        <v>0</v>
      </c>
      <c r="EU34" s="116">
        <v>0</v>
      </c>
      <c r="EV34" s="116">
        <v>0</v>
      </c>
      <c r="EW34" s="116">
        <v>0</v>
      </c>
      <c r="EX34" s="115">
        <v>0</v>
      </c>
      <c r="EY34" s="118">
        <v>0</v>
      </c>
      <c r="EZ34" s="112">
        <v>0</v>
      </c>
      <c r="FA34" s="116">
        <v>0</v>
      </c>
      <c r="FB34" s="114">
        <v>0</v>
      </c>
      <c r="FC34" s="390"/>
      <c r="FD34" s="116">
        <v>0</v>
      </c>
      <c r="FE34" s="116">
        <v>0</v>
      </c>
      <c r="FF34" s="116">
        <v>0</v>
      </c>
      <c r="FG34" s="116">
        <v>0</v>
      </c>
      <c r="FH34" s="116">
        <v>0</v>
      </c>
      <c r="FI34" s="115">
        <v>0</v>
      </c>
      <c r="FJ34" s="118">
        <v>0</v>
      </c>
      <c r="FK34" s="112">
        <v>3325</v>
      </c>
      <c r="FL34" s="116">
        <v>5250</v>
      </c>
      <c r="FM34" s="115">
        <v>8575</v>
      </c>
      <c r="FN34" s="112">
        <v>0</v>
      </c>
      <c r="FO34" s="116">
        <v>119210</v>
      </c>
      <c r="FP34" s="116">
        <v>33075</v>
      </c>
      <c r="FQ34" s="116">
        <v>68271</v>
      </c>
      <c r="FR34" s="116">
        <v>0</v>
      </c>
      <c r="FS34" s="116">
        <v>0</v>
      </c>
      <c r="FT34" s="115">
        <v>220556</v>
      </c>
      <c r="FU34" s="118">
        <v>229131</v>
      </c>
      <c r="FV34" s="117">
        <v>3325</v>
      </c>
      <c r="FW34" s="116">
        <v>5250</v>
      </c>
      <c r="FX34" s="114">
        <v>8575</v>
      </c>
      <c r="FY34" s="113">
        <v>0</v>
      </c>
      <c r="FZ34" s="116">
        <v>24500</v>
      </c>
      <c r="GA34" s="116">
        <v>33075</v>
      </c>
      <c r="GB34" s="116">
        <v>53795</v>
      </c>
      <c r="GC34" s="116">
        <v>0</v>
      </c>
      <c r="GD34" s="116">
        <v>0</v>
      </c>
      <c r="GE34" s="115">
        <v>111370</v>
      </c>
      <c r="GF34" s="354">
        <v>119945</v>
      </c>
      <c r="GG34" s="117">
        <v>0</v>
      </c>
      <c r="GH34" s="116">
        <v>0</v>
      </c>
      <c r="GI34" s="114">
        <v>0</v>
      </c>
      <c r="GJ34" s="113">
        <v>0</v>
      </c>
      <c r="GK34" s="116">
        <v>0</v>
      </c>
      <c r="GL34" s="116">
        <v>0</v>
      </c>
      <c r="GM34" s="116">
        <v>14476</v>
      </c>
      <c r="GN34" s="116">
        <v>0</v>
      </c>
      <c r="GO34" s="116">
        <v>0</v>
      </c>
      <c r="GP34" s="115">
        <v>14476</v>
      </c>
      <c r="GQ34" s="118">
        <v>14476</v>
      </c>
      <c r="GR34" s="112">
        <v>0</v>
      </c>
      <c r="GS34" s="116">
        <v>0</v>
      </c>
      <c r="GT34" s="115">
        <v>0</v>
      </c>
      <c r="GU34" s="112">
        <v>0</v>
      </c>
      <c r="GV34" s="116">
        <v>94710</v>
      </c>
      <c r="GW34" s="116">
        <v>0</v>
      </c>
      <c r="GX34" s="116">
        <v>0</v>
      </c>
      <c r="GY34" s="116">
        <v>0</v>
      </c>
      <c r="GZ34" s="116">
        <v>0</v>
      </c>
      <c r="HA34" s="114">
        <v>94710</v>
      </c>
      <c r="HB34" s="118">
        <v>94710</v>
      </c>
      <c r="HC34" s="112">
        <v>0</v>
      </c>
      <c r="HD34" s="116">
        <v>0</v>
      </c>
      <c r="HE34" s="114">
        <v>0</v>
      </c>
      <c r="HF34" s="113">
        <v>0</v>
      </c>
      <c r="HG34" s="116">
        <v>129160</v>
      </c>
      <c r="HH34" s="116">
        <v>150798</v>
      </c>
      <c r="HI34" s="116">
        <v>172370</v>
      </c>
      <c r="HJ34" s="116">
        <v>183401</v>
      </c>
      <c r="HK34" s="116">
        <v>0</v>
      </c>
      <c r="HL34" s="115">
        <v>635729</v>
      </c>
      <c r="HM34" s="111">
        <v>635729</v>
      </c>
      <c r="HN34" s="370"/>
      <c r="HO34" s="371"/>
      <c r="HP34" s="372"/>
      <c r="HQ34" s="373"/>
      <c r="HR34" s="371"/>
      <c r="HS34" s="371"/>
      <c r="HT34" s="371"/>
      <c r="HU34" s="371"/>
      <c r="HV34" s="371"/>
      <c r="HW34" s="374"/>
      <c r="HX34" s="375"/>
      <c r="HY34" s="167">
        <v>0</v>
      </c>
      <c r="HZ34" s="152">
        <v>0</v>
      </c>
      <c r="IA34" s="167">
        <v>0</v>
      </c>
      <c r="IB34" s="151">
        <v>0</v>
      </c>
      <c r="IC34" s="152">
        <v>101087</v>
      </c>
      <c r="ID34" s="153">
        <v>12362</v>
      </c>
      <c r="IE34" s="154">
        <v>79576</v>
      </c>
      <c r="IF34" s="152">
        <v>0</v>
      </c>
      <c r="IG34" s="154">
        <v>0</v>
      </c>
      <c r="IH34" s="155">
        <v>193025</v>
      </c>
      <c r="II34" s="167">
        <v>193025</v>
      </c>
      <c r="IJ34" s="261">
        <v>0</v>
      </c>
      <c r="IK34" s="268">
        <v>0</v>
      </c>
      <c r="IL34" s="269">
        <v>0</v>
      </c>
      <c r="IM34" s="157"/>
      <c r="IN34" s="122">
        <v>0</v>
      </c>
      <c r="IO34" s="122">
        <v>0</v>
      </c>
      <c r="IP34" s="122">
        <v>0</v>
      </c>
      <c r="IQ34" s="122">
        <v>0</v>
      </c>
      <c r="IR34" s="122">
        <v>0</v>
      </c>
      <c r="IS34" s="158">
        <v>0</v>
      </c>
      <c r="IT34" s="357">
        <v>0</v>
      </c>
      <c r="IU34" s="159">
        <v>0</v>
      </c>
      <c r="IV34" s="122">
        <v>0</v>
      </c>
      <c r="IW34" s="123">
        <v>0</v>
      </c>
      <c r="IX34" s="161"/>
      <c r="IY34" s="122">
        <v>0</v>
      </c>
      <c r="IZ34" s="122">
        <v>0</v>
      </c>
      <c r="JA34" s="122">
        <v>0</v>
      </c>
      <c r="JB34" s="122">
        <v>0</v>
      </c>
      <c r="JC34" s="122">
        <v>0</v>
      </c>
      <c r="JD34" s="123">
        <v>0</v>
      </c>
      <c r="JE34" s="124">
        <v>0</v>
      </c>
      <c r="JF34" s="159">
        <v>0</v>
      </c>
      <c r="JG34" s="122">
        <v>0</v>
      </c>
      <c r="JH34" s="158">
        <v>0</v>
      </c>
      <c r="JI34" s="121">
        <v>0</v>
      </c>
      <c r="JJ34" s="122">
        <v>0</v>
      </c>
      <c r="JK34" s="122">
        <v>12362</v>
      </c>
      <c r="JL34" s="122">
        <v>0</v>
      </c>
      <c r="JM34" s="122">
        <v>0</v>
      </c>
      <c r="JN34" s="122">
        <v>0</v>
      </c>
      <c r="JO34" s="123">
        <v>12362</v>
      </c>
      <c r="JP34" s="357">
        <v>12362</v>
      </c>
      <c r="JQ34" s="159">
        <v>0</v>
      </c>
      <c r="JR34" s="122">
        <v>0</v>
      </c>
      <c r="JS34" s="158">
        <v>0</v>
      </c>
      <c r="JT34" s="121">
        <v>0</v>
      </c>
      <c r="JU34" s="122">
        <v>0</v>
      </c>
      <c r="JV34" s="122">
        <v>0</v>
      </c>
      <c r="JW34" s="122">
        <v>79576</v>
      </c>
      <c r="JX34" s="122">
        <v>0</v>
      </c>
      <c r="JY34" s="122">
        <v>0</v>
      </c>
      <c r="JZ34" s="123">
        <v>79576</v>
      </c>
      <c r="KA34" s="357">
        <v>79576</v>
      </c>
      <c r="KB34" s="264">
        <v>0</v>
      </c>
      <c r="KC34" s="258">
        <v>0</v>
      </c>
      <c r="KD34" s="123">
        <v>0</v>
      </c>
      <c r="KE34" s="121">
        <v>0</v>
      </c>
      <c r="KF34" s="122">
        <v>101087</v>
      </c>
      <c r="KG34" s="122">
        <v>0</v>
      </c>
      <c r="KH34" s="122">
        <v>0</v>
      </c>
      <c r="KI34" s="122">
        <v>0</v>
      </c>
      <c r="KJ34" s="122">
        <v>0</v>
      </c>
      <c r="KK34" s="123">
        <v>101087</v>
      </c>
      <c r="KL34" s="160">
        <v>101087</v>
      </c>
      <c r="KM34" s="261">
        <v>0</v>
      </c>
      <c r="KN34" s="268">
        <v>0</v>
      </c>
      <c r="KO34" s="269">
        <v>0</v>
      </c>
      <c r="KP34" s="157"/>
      <c r="KQ34" s="122">
        <v>0</v>
      </c>
      <c r="KR34" s="122">
        <v>0</v>
      </c>
      <c r="KS34" s="122">
        <v>0</v>
      </c>
      <c r="KT34" s="122">
        <v>0</v>
      </c>
      <c r="KU34" s="122">
        <v>0</v>
      </c>
      <c r="KV34" s="123">
        <v>0</v>
      </c>
      <c r="KW34" s="357">
        <v>0</v>
      </c>
      <c r="KX34" s="159">
        <v>0</v>
      </c>
      <c r="KY34" s="122">
        <v>0</v>
      </c>
      <c r="KZ34" s="123">
        <v>0</v>
      </c>
      <c r="LA34" s="162"/>
      <c r="LB34" s="122">
        <v>0</v>
      </c>
      <c r="LC34" s="122">
        <v>0</v>
      </c>
      <c r="LD34" s="122">
        <v>0</v>
      </c>
      <c r="LE34" s="122">
        <v>0</v>
      </c>
      <c r="LF34" s="122">
        <v>0</v>
      </c>
      <c r="LG34" s="123">
        <v>0</v>
      </c>
      <c r="LH34" s="124">
        <v>0</v>
      </c>
      <c r="LI34" s="159">
        <v>0</v>
      </c>
      <c r="LJ34" s="122">
        <v>0</v>
      </c>
      <c r="LK34" s="123">
        <v>0</v>
      </c>
      <c r="LL34" s="162"/>
      <c r="LM34" s="122">
        <v>0</v>
      </c>
      <c r="LN34" s="122">
        <v>0</v>
      </c>
      <c r="LO34" s="122">
        <v>0</v>
      </c>
      <c r="LP34" s="122">
        <v>0</v>
      </c>
      <c r="LQ34" s="122">
        <v>0</v>
      </c>
      <c r="LR34" s="123">
        <v>0</v>
      </c>
      <c r="LS34" s="357">
        <v>0</v>
      </c>
      <c r="LT34" s="159">
        <v>0</v>
      </c>
      <c r="LU34" s="122">
        <v>0</v>
      </c>
      <c r="LV34" s="123">
        <v>0</v>
      </c>
      <c r="LW34" s="162"/>
      <c r="LX34" s="122">
        <v>0</v>
      </c>
      <c r="LY34" s="122">
        <v>0</v>
      </c>
      <c r="LZ34" s="122">
        <v>0</v>
      </c>
      <c r="MA34" s="122">
        <v>0</v>
      </c>
      <c r="MB34" s="122">
        <v>0</v>
      </c>
      <c r="MC34" s="123">
        <v>0</v>
      </c>
      <c r="MD34" s="124">
        <v>0</v>
      </c>
      <c r="ME34" s="159">
        <v>0</v>
      </c>
      <c r="MF34" s="122">
        <v>0</v>
      </c>
      <c r="MG34" s="123">
        <v>0</v>
      </c>
      <c r="MH34" s="162"/>
      <c r="MI34" s="122">
        <v>0</v>
      </c>
      <c r="MJ34" s="122">
        <v>0</v>
      </c>
      <c r="MK34" s="122">
        <v>427655</v>
      </c>
      <c r="ML34" s="122">
        <v>0</v>
      </c>
      <c r="MM34" s="122">
        <v>226926</v>
      </c>
      <c r="MN34" s="123">
        <v>654581</v>
      </c>
      <c r="MO34" s="160">
        <v>654581</v>
      </c>
      <c r="MP34" s="159">
        <v>0</v>
      </c>
      <c r="MQ34" s="122">
        <v>0</v>
      </c>
      <c r="MR34" s="123">
        <v>0</v>
      </c>
      <c r="MS34" s="162"/>
      <c r="MT34" s="122">
        <v>0</v>
      </c>
      <c r="MU34" s="122">
        <v>0</v>
      </c>
      <c r="MV34" s="122">
        <v>210525</v>
      </c>
      <c r="MW34" s="122">
        <v>0</v>
      </c>
      <c r="MX34" s="122">
        <v>0</v>
      </c>
      <c r="MY34" s="123">
        <v>210525</v>
      </c>
      <c r="MZ34" s="160">
        <v>210525</v>
      </c>
      <c r="NA34" s="159">
        <v>0</v>
      </c>
      <c r="NB34" s="122">
        <v>0</v>
      </c>
      <c r="NC34" s="123">
        <v>0</v>
      </c>
      <c r="ND34" s="162"/>
      <c r="NE34" s="122">
        <v>0</v>
      </c>
      <c r="NF34" s="122">
        <v>0</v>
      </c>
      <c r="NG34" s="122">
        <v>217130</v>
      </c>
      <c r="NH34" s="122">
        <v>0</v>
      </c>
      <c r="NI34" s="122">
        <v>226926</v>
      </c>
      <c r="NJ34" s="123">
        <v>444056</v>
      </c>
      <c r="NK34" s="357">
        <v>444056</v>
      </c>
      <c r="NL34" s="159">
        <v>0</v>
      </c>
      <c r="NM34" s="122">
        <v>0</v>
      </c>
      <c r="NN34" s="123">
        <v>0</v>
      </c>
      <c r="NO34" s="162"/>
      <c r="NP34" s="122">
        <v>0</v>
      </c>
      <c r="NQ34" s="122">
        <v>0</v>
      </c>
      <c r="NR34" s="122">
        <v>0</v>
      </c>
      <c r="NS34" s="122">
        <v>0</v>
      </c>
      <c r="NT34" s="122">
        <v>0</v>
      </c>
      <c r="NU34" s="123">
        <v>0</v>
      </c>
      <c r="NV34" s="124">
        <v>0</v>
      </c>
      <c r="NW34" s="159">
        <v>0</v>
      </c>
      <c r="NX34" s="122">
        <v>0</v>
      </c>
      <c r="NY34" s="123">
        <v>0</v>
      </c>
      <c r="NZ34" s="162"/>
      <c r="OA34" s="122">
        <v>0</v>
      </c>
      <c r="OB34" s="122">
        <v>0</v>
      </c>
      <c r="OC34" s="122">
        <v>0</v>
      </c>
      <c r="OD34" s="122">
        <v>0</v>
      </c>
      <c r="OE34" s="122">
        <v>0</v>
      </c>
      <c r="OF34" s="123">
        <v>0</v>
      </c>
      <c r="OG34" s="124">
        <v>0</v>
      </c>
      <c r="OH34" s="159">
        <v>15463</v>
      </c>
      <c r="OI34" s="122">
        <v>5250</v>
      </c>
      <c r="OJ34" s="158">
        <v>20713</v>
      </c>
      <c r="OK34" s="121">
        <v>0</v>
      </c>
      <c r="OL34" s="122">
        <v>410105</v>
      </c>
      <c r="OM34" s="122">
        <v>405759</v>
      </c>
      <c r="ON34" s="122">
        <v>1027400</v>
      </c>
      <c r="OO34" s="122">
        <v>206571</v>
      </c>
      <c r="OP34" s="122">
        <v>226926</v>
      </c>
      <c r="OQ34" s="123">
        <v>2276761</v>
      </c>
      <c r="OR34" s="160">
        <v>59748.3598613391</v>
      </c>
    </row>
    <row r="35" spans="1:408" ht="20.25" customHeight="1" x14ac:dyDescent="0.2">
      <c r="A35" s="129" t="s">
        <v>30</v>
      </c>
      <c r="B35" s="112">
        <v>3850</v>
      </c>
      <c r="C35" s="116">
        <v>2100</v>
      </c>
      <c r="D35" s="201">
        <v>5950</v>
      </c>
      <c r="E35" s="202">
        <v>0</v>
      </c>
      <c r="F35" s="203">
        <v>291830</v>
      </c>
      <c r="G35" s="203">
        <v>296222</v>
      </c>
      <c r="H35" s="203">
        <v>557717</v>
      </c>
      <c r="I35" s="203">
        <v>675578</v>
      </c>
      <c r="J35" s="203">
        <v>0</v>
      </c>
      <c r="K35" s="204">
        <v>1821347</v>
      </c>
      <c r="L35" s="118">
        <v>1827297</v>
      </c>
      <c r="M35" s="112">
        <v>0</v>
      </c>
      <c r="N35" s="116">
        <v>0</v>
      </c>
      <c r="O35" s="115">
        <v>0</v>
      </c>
      <c r="P35" s="112">
        <v>0</v>
      </c>
      <c r="Q35" s="116">
        <v>9296</v>
      </c>
      <c r="R35" s="116">
        <v>58072</v>
      </c>
      <c r="S35" s="116">
        <v>193185</v>
      </c>
      <c r="T35" s="116">
        <v>314588</v>
      </c>
      <c r="U35" s="116">
        <v>0</v>
      </c>
      <c r="V35" s="115">
        <v>575141</v>
      </c>
      <c r="W35" s="118">
        <v>575141</v>
      </c>
      <c r="X35" s="112">
        <v>0</v>
      </c>
      <c r="Y35" s="116">
        <v>0</v>
      </c>
      <c r="Z35" s="115">
        <v>0</v>
      </c>
      <c r="AA35" s="112">
        <v>0</v>
      </c>
      <c r="AB35" s="116">
        <v>0</v>
      </c>
      <c r="AC35" s="116">
        <v>15757</v>
      </c>
      <c r="AD35" s="116">
        <v>184785</v>
      </c>
      <c r="AE35" s="116">
        <v>165318</v>
      </c>
      <c r="AF35" s="116">
        <v>0</v>
      </c>
      <c r="AG35" s="115">
        <v>365860</v>
      </c>
      <c r="AH35" s="118">
        <v>365860</v>
      </c>
      <c r="AI35" s="112">
        <v>0</v>
      </c>
      <c r="AJ35" s="116">
        <v>0</v>
      </c>
      <c r="AK35" s="115">
        <v>0</v>
      </c>
      <c r="AL35" s="112">
        <v>0</v>
      </c>
      <c r="AM35" s="116">
        <v>0</v>
      </c>
      <c r="AN35" s="116">
        <v>0</v>
      </c>
      <c r="AO35" s="116">
        <v>0</v>
      </c>
      <c r="AP35" s="116">
        <v>47320</v>
      </c>
      <c r="AQ35" s="116">
        <v>0</v>
      </c>
      <c r="AR35" s="115">
        <v>47320</v>
      </c>
      <c r="AS35" s="118">
        <v>47320</v>
      </c>
      <c r="AT35" s="112">
        <v>0</v>
      </c>
      <c r="AU35" s="116">
        <v>0</v>
      </c>
      <c r="AV35" s="115">
        <v>0</v>
      </c>
      <c r="AW35" s="112">
        <v>0</v>
      </c>
      <c r="AX35" s="116">
        <v>0</v>
      </c>
      <c r="AY35" s="116">
        <v>34524</v>
      </c>
      <c r="AZ35" s="116">
        <v>0</v>
      </c>
      <c r="BA35" s="116">
        <v>28924</v>
      </c>
      <c r="BB35" s="116">
        <v>0</v>
      </c>
      <c r="BC35" s="115">
        <v>63448</v>
      </c>
      <c r="BD35" s="118">
        <v>63448</v>
      </c>
      <c r="BE35" s="112">
        <v>0</v>
      </c>
      <c r="BF35" s="116">
        <v>0</v>
      </c>
      <c r="BG35" s="114">
        <v>0</v>
      </c>
      <c r="BH35" s="113">
        <v>0</v>
      </c>
      <c r="BI35" s="116">
        <v>0</v>
      </c>
      <c r="BJ35" s="116">
        <v>0</v>
      </c>
      <c r="BK35" s="116">
        <v>0</v>
      </c>
      <c r="BL35" s="116">
        <v>55302</v>
      </c>
      <c r="BM35" s="116">
        <v>0</v>
      </c>
      <c r="BN35" s="115">
        <v>55302</v>
      </c>
      <c r="BO35" s="118">
        <v>55302</v>
      </c>
      <c r="BP35" s="112">
        <v>0</v>
      </c>
      <c r="BQ35" s="116">
        <v>0</v>
      </c>
      <c r="BR35" s="115">
        <v>0</v>
      </c>
      <c r="BS35" s="112">
        <v>0</v>
      </c>
      <c r="BT35" s="116">
        <v>9296</v>
      </c>
      <c r="BU35" s="116">
        <v>7791</v>
      </c>
      <c r="BV35" s="116">
        <v>8400</v>
      </c>
      <c r="BW35" s="116">
        <v>17724</v>
      </c>
      <c r="BX35" s="116">
        <v>0</v>
      </c>
      <c r="BY35" s="115">
        <v>43211</v>
      </c>
      <c r="BZ35" s="118">
        <v>43211</v>
      </c>
      <c r="CA35" s="112">
        <v>0</v>
      </c>
      <c r="CB35" s="116">
        <v>0</v>
      </c>
      <c r="CC35" s="115">
        <v>0</v>
      </c>
      <c r="CD35" s="112">
        <v>0</v>
      </c>
      <c r="CE35" s="116">
        <v>0</v>
      </c>
      <c r="CF35" s="116">
        <v>176938</v>
      </c>
      <c r="CG35" s="116">
        <v>81109</v>
      </c>
      <c r="CH35" s="116">
        <v>0</v>
      </c>
      <c r="CI35" s="116">
        <v>0</v>
      </c>
      <c r="CJ35" s="115">
        <v>258047</v>
      </c>
      <c r="CK35" s="118">
        <v>258047</v>
      </c>
      <c r="CL35" s="112">
        <v>0</v>
      </c>
      <c r="CM35" s="116">
        <v>0</v>
      </c>
      <c r="CN35" s="115">
        <v>0</v>
      </c>
      <c r="CO35" s="113">
        <v>0</v>
      </c>
      <c r="CP35" s="116">
        <v>0</v>
      </c>
      <c r="CQ35" s="116">
        <v>74085</v>
      </c>
      <c r="CR35" s="116">
        <v>81109</v>
      </c>
      <c r="CS35" s="116">
        <v>0</v>
      </c>
      <c r="CT35" s="116">
        <v>0</v>
      </c>
      <c r="CU35" s="115">
        <v>155194</v>
      </c>
      <c r="CV35" s="118">
        <v>155194</v>
      </c>
      <c r="CW35" s="112">
        <v>0</v>
      </c>
      <c r="CX35" s="116">
        <v>0</v>
      </c>
      <c r="CY35" s="115">
        <v>0</v>
      </c>
      <c r="CZ35" s="112">
        <v>0</v>
      </c>
      <c r="DA35" s="116">
        <v>0</v>
      </c>
      <c r="DB35" s="116">
        <v>102853</v>
      </c>
      <c r="DC35" s="116">
        <v>0</v>
      </c>
      <c r="DD35" s="116">
        <v>0</v>
      </c>
      <c r="DE35" s="116">
        <v>0</v>
      </c>
      <c r="DF35" s="115">
        <v>102853</v>
      </c>
      <c r="DG35" s="118">
        <v>102853</v>
      </c>
      <c r="DH35" s="112">
        <v>0</v>
      </c>
      <c r="DI35" s="116">
        <v>0</v>
      </c>
      <c r="DJ35" s="114">
        <v>0</v>
      </c>
      <c r="DK35" s="113">
        <v>0</v>
      </c>
      <c r="DL35" s="116">
        <v>0</v>
      </c>
      <c r="DM35" s="116">
        <v>14900</v>
      </c>
      <c r="DN35" s="116">
        <v>255633</v>
      </c>
      <c r="DO35" s="116">
        <v>0</v>
      </c>
      <c r="DP35" s="116">
        <v>0</v>
      </c>
      <c r="DQ35" s="115">
        <v>270533</v>
      </c>
      <c r="DR35" s="118">
        <v>270533</v>
      </c>
      <c r="DS35" s="112">
        <v>0</v>
      </c>
      <c r="DT35" s="116">
        <v>0</v>
      </c>
      <c r="DU35" s="115">
        <v>0</v>
      </c>
      <c r="DV35" s="112">
        <v>0</v>
      </c>
      <c r="DW35" s="116">
        <v>0</v>
      </c>
      <c r="DX35" s="116">
        <v>0</v>
      </c>
      <c r="DY35" s="116">
        <v>255633</v>
      </c>
      <c r="DZ35" s="116">
        <v>0</v>
      </c>
      <c r="EA35" s="116">
        <v>0</v>
      </c>
      <c r="EB35" s="115">
        <v>255633</v>
      </c>
      <c r="EC35" s="118">
        <v>255633</v>
      </c>
      <c r="ED35" s="112">
        <v>0</v>
      </c>
      <c r="EE35" s="114">
        <v>0</v>
      </c>
      <c r="EF35" s="115">
        <v>0</v>
      </c>
      <c r="EG35" s="112">
        <v>0</v>
      </c>
      <c r="EH35" s="116">
        <v>0</v>
      </c>
      <c r="EI35" s="116">
        <v>14900</v>
      </c>
      <c r="EJ35" s="116">
        <v>0</v>
      </c>
      <c r="EK35" s="116">
        <v>0</v>
      </c>
      <c r="EL35" s="116">
        <v>0</v>
      </c>
      <c r="EM35" s="114">
        <v>14900</v>
      </c>
      <c r="EN35" s="118">
        <v>14900</v>
      </c>
      <c r="EO35" s="112">
        <v>0</v>
      </c>
      <c r="EP35" s="116">
        <v>0</v>
      </c>
      <c r="EQ35" s="114">
        <v>0</v>
      </c>
      <c r="ER35" s="113">
        <v>0</v>
      </c>
      <c r="ES35" s="116">
        <v>0</v>
      </c>
      <c r="ET35" s="116">
        <v>0</v>
      </c>
      <c r="EU35" s="116">
        <v>0</v>
      </c>
      <c r="EV35" s="116">
        <v>0</v>
      </c>
      <c r="EW35" s="116">
        <v>0</v>
      </c>
      <c r="EX35" s="115">
        <v>0</v>
      </c>
      <c r="EY35" s="118">
        <v>0</v>
      </c>
      <c r="EZ35" s="112">
        <v>0</v>
      </c>
      <c r="FA35" s="116">
        <v>0</v>
      </c>
      <c r="FB35" s="114">
        <v>0</v>
      </c>
      <c r="FC35" s="390"/>
      <c r="FD35" s="116">
        <v>0</v>
      </c>
      <c r="FE35" s="116">
        <v>0</v>
      </c>
      <c r="FF35" s="116">
        <v>0</v>
      </c>
      <c r="FG35" s="116">
        <v>0</v>
      </c>
      <c r="FH35" s="116">
        <v>0</v>
      </c>
      <c r="FI35" s="115">
        <v>0</v>
      </c>
      <c r="FJ35" s="118">
        <v>0</v>
      </c>
      <c r="FK35" s="112">
        <v>3850</v>
      </c>
      <c r="FL35" s="116">
        <v>2100</v>
      </c>
      <c r="FM35" s="115">
        <v>5950</v>
      </c>
      <c r="FN35" s="112">
        <v>0</v>
      </c>
      <c r="FO35" s="116">
        <v>0</v>
      </c>
      <c r="FP35" s="116">
        <v>46312</v>
      </c>
      <c r="FQ35" s="116">
        <v>27790</v>
      </c>
      <c r="FR35" s="116">
        <v>167944</v>
      </c>
      <c r="FS35" s="116">
        <v>0</v>
      </c>
      <c r="FT35" s="115">
        <v>242046</v>
      </c>
      <c r="FU35" s="118">
        <v>247996</v>
      </c>
      <c r="FV35" s="117">
        <v>3850</v>
      </c>
      <c r="FW35" s="116">
        <v>2100</v>
      </c>
      <c r="FX35" s="114">
        <v>5950</v>
      </c>
      <c r="FY35" s="113">
        <v>0</v>
      </c>
      <c r="FZ35" s="116">
        <v>0</v>
      </c>
      <c r="GA35" s="116">
        <v>46312</v>
      </c>
      <c r="GB35" s="116">
        <v>27790</v>
      </c>
      <c r="GC35" s="116">
        <v>27944</v>
      </c>
      <c r="GD35" s="116">
        <v>0</v>
      </c>
      <c r="GE35" s="115">
        <v>102046</v>
      </c>
      <c r="GF35" s="354">
        <v>107996</v>
      </c>
      <c r="GG35" s="117">
        <v>0</v>
      </c>
      <c r="GH35" s="116">
        <v>0</v>
      </c>
      <c r="GI35" s="114">
        <v>0</v>
      </c>
      <c r="GJ35" s="113">
        <v>0</v>
      </c>
      <c r="GK35" s="116">
        <v>0</v>
      </c>
      <c r="GL35" s="116">
        <v>0</v>
      </c>
      <c r="GM35" s="116">
        <v>0</v>
      </c>
      <c r="GN35" s="116">
        <v>0</v>
      </c>
      <c r="GO35" s="116">
        <v>0</v>
      </c>
      <c r="GP35" s="115">
        <v>0</v>
      </c>
      <c r="GQ35" s="118">
        <v>0</v>
      </c>
      <c r="GR35" s="112">
        <v>0</v>
      </c>
      <c r="GS35" s="116">
        <v>0</v>
      </c>
      <c r="GT35" s="115">
        <v>0</v>
      </c>
      <c r="GU35" s="112">
        <v>0</v>
      </c>
      <c r="GV35" s="116">
        <v>0</v>
      </c>
      <c r="GW35" s="116">
        <v>0</v>
      </c>
      <c r="GX35" s="116">
        <v>0</v>
      </c>
      <c r="GY35" s="116">
        <v>140000</v>
      </c>
      <c r="GZ35" s="116">
        <v>0</v>
      </c>
      <c r="HA35" s="114">
        <v>140000</v>
      </c>
      <c r="HB35" s="118">
        <v>140000</v>
      </c>
      <c r="HC35" s="112">
        <v>0</v>
      </c>
      <c r="HD35" s="116">
        <v>0</v>
      </c>
      <c r="HE35" s="114">
        <v>0</v>
      </c>
      <c r="HF35" s="113">
        <v>0</v>
      </c>
      <c r="HG35" s="116">
        <v>282534</v>
      </c>
      <c r="HH35" s="116">
        <v>0</v>
      </c>
      <c r="HI35" s="116">
        <v>0</v>
      </c>
      <c r="HJ35" s="116">
        <v>193046</v>
      </c>
      <c r="HK35" s="116">
        <v>0</v>
      </c>
      <c r="HL35" s="115">
        <v>475580</v>
      </c>
      <c r="HM35" s="111">
        <v>475580</v>
      </c>
      <c r="HN35" s="370"/>
      <c r="HO35" s="371"/>
      <c r="HP35" s="372"/>
      <c r="HQ35" s="373"/>
      <c r="HR35" s="371"/>
      <c r="HS35" s="371"/>
      <c r="HT35" s="371"/>
      <c r="HU35" s="371"/>
      <c r="HV35" s="371"/>
      <c r="HW35" s="374"/>
      <c r="HX35" s="375"/>
      <c r="HY35" s="148">
        <v>0</v>
      </c>
      <c r="HZ35" s="149">
        <v>0</v>
      </c>
      <c r="IA35" s="150">
        <v>0</v>
      </c>
      <c r="IB35" s="163">
        <v>0</v>
      </c>
      <c r="IC35" s="149">
        <v>264096</v>
      </c>
      <c r="ID35" s="164">
        <v>46158</v>
      </c>
      <c r="IE35" s="150">
        <v>0</v>
      </c>
      <c r="IF35" s="149">
        <v>0</v>
      </c>
      <c r="IG35" s="150">
        <v>0</v>
      </c>
      <c r="IH35" s="165">
        <v>310254</v>
      </c>
      <c r="II35" s="156">
        <v>310254</v>
      </c>
      <c r="IJ35" s="261">
        <v>0</v>
      </c>
      <c r="IK35" s="268">
        <v>0</v>
      </c>
      <c r="IL35" s="269">
        <v>0</v>
      </c>
      <c r="IM35" s="157"/>
      <c r="IN35" s="122">
        <v>0</v>
      </c>
      <c r="IO35" s="122">
        <v>0</v>
      </c>
      <c r="IP35" s="122">
        <v>0</v>
      </c>
      <c r="IQ35" s="122">
        <v>0</v>
      </c>
      <c r="IR35" s="122">
        <v>0</v>
      </c>
      <c r="IS35" s="158">
        <v>0</v>
      </c>
      <c r="IT35" s="357">
        <v>0</v>
      </c>
      <c r="IU35" s="159">
        <v>0</v>
      </c>
      <c r="IV35" s="122">
        <v>0</v>
      </c>
      <c r="IW35" s="123">
        <v>0</v>
      </c>
      <c r="IX35" s="161"/>
      <c r="IY35" s="122">
        <v>0</v>
      </c>
      <c r="IZ35" s="122">
        <v>0</v>
      </c>
      <c r="JA35" s="122">
        <v>0</v>
      </c>
      <c r="JB35" s="122">
        <v>0</v>
      </c>
      <c r="JC35" s="122">
        <v>0</v>
      </c>
      <c r="JD35" s="123">
        <v>0</v>
      </c>
      <c r="JE35" s="124">
        <v>0</v>
      </c>
      <c r="JF35" s="159">
        <v>0</v>
      </c>
      <c r="JG35" s="122">
        <v>0</v>
      </c>
      <c r="JH35" s="158">
        <v>0</v>
      </c>
      <c r="JI35" s="121">
        <v>0</v>
      </c>
      <c r="JJ35" s="122">
        <v>98308</v>
      </c>
      <c r="JK35" s="122">
        <v>0</v>
      </c>
      <c r="JL35" s="122">
        <v>0</v>
      </c>
      <c r="JM35" s="122">
        <v>0</v>
      </c>
      <c r="JN35" s="122">
        <v>0</v>
      </c>
      <c r="JO35" s="123">
        <v>98308</v>
      </c>
      <c r="JP35" s="357">
        <v>98308</v>
      </c>
      <c r="JQ35" s="159">
        <v>0</v>
      </c>
      <c r="JR35" s="122">
        <v>0</v>
      </c>
      <c r="JS35" s="158">
        <v>0</v>
      </c>
      <c r="JT35" s="121">
        <v>0</v>
      </c>
      <c r="JU35" s="122">
        <v>0</v>
      </c>
      <c r="JV35" s="122">
        <v>46158</v>
      </c>
      <c r="JW35" s="122">
        <v>0</v>
      </c>
      <c r="JX35" s="122">
        <v>0</v>
      </c>
      <c r="JY35" s="122">
        <v>0</v>
      </c>
      <c r="JZ35" s="123">
        <v>46158</v>
      </c>
      <c r="KA35" s="357">
        <v>46158</v>
      </c>
      <c r="KB35" s="264">
        <v>0</v>
      </c>
      <c r="KC35" s="258">
        <v>0</v>
      </c>
      <c r="KD35" s="123">
        <v>0</v>
      </c>
      <c r="KE35" s="121">
        <v>0</v>
      </c>
      <c r="KF35" s="122">
        <v>0</v>
      </c>
      <c r="KG35" s="122">
        <v>0</v>
      </c>
      <c r="KH35" s="122">
        <v>0</v>
      </c>
      <c r="KI35" s="122">
        <v>0</v>
      </c>
      <c r="KJ35" s="122">
        <v>0</v>
      </c>
      <c r="KK35" s="123">
        <v>0</v>
      </c>
      <c r="KL35" s="160">
        <v>0</v>
      </c>
      <c r="KM35" s="261">
        <v>0</v>
      </c>
      <c r="KN35" s="268">
        <v>0</v>
      </c>
      <c r="KO35" s="269">
        <v>0</v>
      </c>
      <c r="KP35" s="157"/>
      <c r="KQ35" s="122">
        <v>165788</v>
      </c>
      <c r="KR35" s="122">
        <v>0</v>
      </c>
      <c r="KS35" s="122">
        <v>0</v>
      </c>
      <c r="KT35" s="122">
        <v>0</v>
      </c>
      <c r="KU35" s="122">
        <v>0</v>
      </c>
      <c r="KV35" s="123">
        <v>165788</v>
      </c>
      <c r="KW35" s="357">
        <v>165788</v>
      </c>
      <c r="KX35" s="159">
        <v>0</v>
      </c>
      <c r="KY35" s="122">
        <v>0</v>
      </c>
      <c r="KZ35" s="123">
        <v>0</v>
      </c>
      <c r="LA35" s="162"/>
      <c r="LB35" s="122">
        <v>0</v>
      </c>
      <c r="LC35" s="122">
        <v>0</v>
      </c>
      <c r="LD35" s="122">
        <v>0</v>
      </c>
      <c r="LE35" s="122">
        <v>0</v>
      </c>
      <c r="LF35" s="122">
        <v>0</v>
      </c>
      <c r="LG35" s="123">
        <v>0</v>
      </c>
      <c r="LH35" s="124">
        <v>0</v>
      </c>
      <c r="LI35" s="159">
        <v>0</v>
      </c>
      <c r="LJ35" s="122">
        <v>0</v>
      </c>
      <c r="LK35" s="123">
        <v>0</v>
      </c>
      <c r="LL35" s="162"/>
      <c r="LM35" s="122">
        <v>0</v>
      </c>
      <c r="LN35" s="122">
        <v>0</v>
      </c>
      <c r="LO35" s="122">
        <v>0</v>
      </c>
      <c r="LP35" s="122">
        <v>0</v>
      </c>
      <c r="LQ35" s="122">
        <v>0</v>
      </c>
      <c r="LR35" s="123">
        <v>0</v>
      </c>
      <c r="LS35" s="357">
        <v>0</v>
      </c>
      <c r="LT35" s="159">
        <v>0</v>
      </c>
      <c r="LU35" s="122">
        <v>0</v>
      </c>
      <c r="LV35" s="123">
        <v>0</v>
      </c>
      <c r="LW35" s="162"/>
      <c r="LX35" s="122">
        <v>0</v>
      </c>
      <c r="LY35" s="122">
        <v>0</v>
      </c>
      <c r="LZ35" s="122">
        <v>0</v>
      </c>
      <c r="MA35" s="122">
        <v>0</v>
      </c>
      <c r="MB35" s="122">
        <v>0</v>
      </c>
      <c r="MC35" s="123">
        <v>0</v>
      </c>
      <c r="MD35" s="124">
        <v>0</v>
      </c>
      <c r="ME35" s="159">
        <v>0</v>
      </c>
      <c r="MF35" s="122">
        <v>0</v>
      </c>
      <c r="MG35" s="123">
        <v>0</v>
      </c>
      <c r="MH35" s="162"/>
      <c r="MI35" s="122">
        <v>0</v>
      </c>
      <c r="MJ35" s="122">
        <v>198550</v>
      </c>
      <c r="MK35" s="122">
        <v>0</v>
      </c>
      <c r="ML35" s="122">
        <v>0</v>
      </c>
      <c r="MM35" s="122">
        <v>255512</v>
      </c>
      <c r="MN35" s="123">
        <v>454062</v>
      </c>
      <c r="MO35" s="160">
        <v>454062</v>
      </c>
      <c r="MP35" s="159">
        <v>0</v>
      </c>
      <c r="MQ35" s="122">
        <v>0</v>
      </c>
      <c r="MR35" s="123">
        <v>0</v>
      </c>
      <c r="MS35" s="162"/>
      <c r="MT35" s="122">
        <v>0</v>
      </c>
      <c r="MU35" s="122">
        <v>0</v>
      </c>
      <c r="MV35" s="122">
        <v>0</v>
      </c>
      <c r="MW35" s="122">
        <v>0</v>
      </c>
      <c r="MX35" s="122">
        <v>0</v>
      </c>
      <c r="MY35" s="123">
        <v>0</v>
      </c>
      <c r="MZ35" s="160">
        <v>0</v>
      </c>
      <c r="NA35" s="159">
        <v>0</v>
      </c>
      <c r="NB35" s="122">
        <v>0</v>
      </c>
      <c r="NC35" s="123">
        <v>0</v>
      </c>
      <c r="ND35" s="162"/>
      <c r="NE35" s="122">
        <v>0</v>
      </c>
      <c r="NF35" s="122">
        <v>198550</v>
      </c>
      <c r="NG35" s="122">
        <v>0</v>
      </c>
      <c r="NH35" s="122">
        <v>0</v>
      </c>
      <c r="NI35" s="122">
        <v>255512</v>
      </c>
      <c r="NJ35" s="123">
        <v>454062</v>
      </c>
      <c r="NK35" s="357">
        <v>454062</v>
      </c>
      <c r="NL35" s="159">
        <v>0</v>
      </c>
      <c r="NM35" s="122">
        <v>0</v>
      </c>
      <c r="NN35" s="123">
        <v>0</v>
      </c>
      <c r="NO35" s="162"/>
      <c r="NP35" s="122">
        <v>0</v>
      </c>
      <c r="NQ35" s="122">
        <v>0</v>
      </c>
      <c r="NR35" s="122">
        <v>0</v>
      </c>
      <c r="NS35" s="122">
        <v>0</v>
      </c>
      <c r="NT35" s="122">
        <v>0</v>
      </c>
      <c r="NU35" s="123">
        <v>0</v>
      </c>
      <c r="NV35" s="124">
        <v>0</v>
      </c>
      <c r="NW35" s="159">
        <v>0</v>
      </c>
      <c r="NX35" s="122">
        <v>0</v>
      </c>
      <c r="NY35" s="123">
        <v>0</v>
      </c>
      <c r="NZ35" s="162"/>
      <c r="OA35" s="122">
        <v>0</v>
      </c>
      <c r="OB35" s="122">
        <v>0</v>
      </c>
      <c r="OC35" s="122">
        <v>0</v>
      </c>
      <c r="OD35" s="122">
        <v>0</v>
      </c>
      <c r="OE35" s="122">
        <v>0</v>
      </c>
      <c r="OF35" s="123">
        <v>0</v>
      </c>
      <c r="OG35" s="124">
        <v>0</v>
      </c>
      <c r="OH35" s="159">
        <v>3850</v>
      </c>
      <c r="OI35" s="122">
        <v>2100</v>
      </c>
      <c r="OJ35" s="158">
        <v>5950</v>
      </c>
      <c r="OK35" s="121">
        <v>0</v>
      </c>
      <c r="OL35" s="122">
        <v>555926</v>
      </c>
      <c r="OM35" s="122">
        <v>540930</v>
      </c>
      <c r="ON35" s="122">
        <v>557717</v>
      </c>
      <c r="OO35" s="122">
        <v>675578</v>
      </c>
      <c r="OP35" s="122">
        <v>255512</v>
      </c>
      <c r="OQ35" s="123">
        <v>2585663</v>
      </c>
      <c r="OR35" s="160">
        <v>47386.3261083744</v>
      </c>
    </row>
    <row r="36" spans="1:408" ht="20.25" customHeight="1" x14ac:dyDescent="0.2">
      <c r="A36" s="129" t="s">
        <v>31</v>
      </c>
      <c r="B36" s="112">
        <v>6384</v>
      </c>
      <c r="C36" s="116">
        <v>0</v>
      </c>
      <c r="D36" s="115">
        <v>6384</v>
      </c>
      <c r="E36" s="111">
        <v>0</v>
      </c>
      <c r="F36" s="116">
        <v>264387</v>
      </c>
      <c r="G36" s="116">
        <v>64862</v>
      </c>
      <c r="H36" s="116">
        <v>193788</v>
      </c>
      <c r="I36" s="116">
        <v>430043</v>
      </c>
      <c r="J36" s="116">
        <v>421292</v>
      </c>
      <c r="K36" s="200">
        <v>1374372</v>
      </c>
      <c r="L36" s="118">
        <v>1380756</v>
      </c>
      <c r="M36" s="112">
        <v>6384</v>
      </c>
      <c r="N36" s="116">
        <v>0</v>
      </c>
      <c r="O36" s="115">
        <v>6384</v>
      </c>
      <c r="P36" s="112">
        <v>0</v>
      </c>
      <c r="Q36" s="116">
        <v>79373</v>
      </c>
      <c r="R36" s="116">
        <v>31283</v>
      </c>
      <c r="S36" s="116">
        <v>42980</v>
      </c>
      <c r="T36" s="116">
        <v>238278</v>
      </c>
      <c r="U36" s="116">
        <v>181178</v>
      </c>
      <c r="V36" s="115">
        <v>573092</v>
      </c>
      <c r="W36" s="118">
        <v>579476</v>
      </c>
      <c r="X36" s="112">
        <v>0</v>
      </c>
      <c r="Y36" s="116">
        <v>0</v>
      </c>
      <c r="Z36" s="115">
        <v>0</v>
      </c>
      <c r="AA36" s="112">
        <v>0</v>
      </c>
      <c r="AB36" s="116">
        <v>24990</v>
      </c>
      <c r="AC36" s="116">
        <v>0</v>
      </c>
      <c r="AD36" s="116">
        <v>0</v>
      </c>
      <c r="AE36" s="116">
        <v>176374</v>
      </c>
      <c r="AF36" s="116">
        <v>0</v>
      </c>
      <c r="AG36" s="115">
        <v>201364</v>
      </c>
      <c r="AH36" s="118">
        <v>201364</v>
      </c>
      <c r="AI36" s="112">
        <v>0</v>
      </c>
      <c r="AJ36" s="116">
        <v>0</v>
      </c>
      <c r="AK36" s="115">
        <v>0</v>
      </c>
      <c r="AL36" s="112">
        <v>0</v>
      </c>
      <c r="AM36" s="116">
        <v>0</v>
      </c>
      <c r="AN36" s="116">
        <v>0</v>
      </c>
      <c r="AO36" s="116">
        <v>0</v>
      </c>
      <c r="AP36" s="116">
        <v>0</v>
      </c>
      <c r="AQ36" s="116">
        <v>108476</v>
      </c>
      <c r="AR36" s="115">
        <v>108476</v>
      </c>
      <c r="AS36" s="118">
        <v>108476</v>
      </c>
      <c r="AT36" s="112">
        <v>6384</v>
      </c>
      <c r="AU36" s="116">
        <v>0</v>
      </c>
      <c r="AV36" s="115">
        <v>6384</v>
      </c>
      <c r="AW36" s="112">
        <v>0</v>
      </c>
      <c r="AX36" s="116">
        <v>48370</v>
      </c>
      <c r="AY36" s="116">
        <v>22883</v>
      </c>
      <c r="AZ36" s="116">
        <v>0</v>
      </c>
      <c r="BA36" s="116">
        <v>61904</v>
      </c>
      <c r="BB36" s="116">
        <v>60956</v>
      </c>
      <c r="BC36" s="115">
        <v>194113</v>
      </c>
      <c r="BD36" s="118">
        <v>200497</v>
      </c>
      <c r="BE36" s="112">
        <v>0</v>
      </c>
      <c r="BF36" s="116">
        <v>0</v>
      </c>
      <c r="BG36" s="114">
        <v>0</v>
      </c>
      <c r="BH36" s="113">
        <v>0</v>
      </c>
      <c r="BI36" s="116">
        <v>0</v>
      </c>
      <c r="BJ36" s="116">
        <v>0</v>
      </c>
      <c r="BK36" s="116">
        <v>42980</v>
      </c>
      <c r="BL36" s="116">
        <v>0</v>
      </c>
      <c r="BM36" s="116">
        <v>0</v>
      </c>
      <c r="BN36" s="115">
        <v>42980</v>
      </c>
      <c r="BO36" s="118">
        <v>42980</v>
      </c>
      <c r="BP36" s="112">
        <v>0</v>
      </c>
      <c r="BQ36" s="116">
        <v>0</v>
      </c>
      <c r="BR36" s="115">
        <v>0</v>
      </c>
      <c r="BS36" s="112">
        <v>0</v>
      </c>
      <c r="BT36" s="116">
        <v>6013</v>
      </c>
      <c r="BU36" s="116">
        <v>8400</v>
      </c>
      <c r="BV36" s="116">
        <v>0</v>
      </c>
      <c r="BW36" s="116">
        <v>0</v>
      </c>
      <c r="BX36" s="116">
        <v>11746</v>
      </c>
      <c r="BY36" s="115">
        <v>26159</v>
      </c>
      <c r="BZ36" s="118">
        <v>26159</v>
      </c>
      <c r="CA36" s="112">
        <v>0</v>
      </c>
      <c r="CB36" s="116">
        <v>0</v>
      </c>
      <c r="CC36" s="115">
        <v>0</v>
      </c>
      <c r="CD36" s="112">
        <v>0</v>
      </c>
      <c r="CE36" s="116">
        <v>0</v>
      </c>
      <c r="CF36" s="116">
        <v>19229</v>
      </c>
      <c r="CG36" s="116">
        <v>123333</v>
      </c>
      <c r="CH36" s="116">
        <v>94325</v>
      </c>
      <c r="CI36" s="116">
        <v>0</v>
      </c>
      <c r="CJ36" s="115">
        <v>236887</v>
      </c>
      <c r="CK36" s="118">
        <v>236887</v>
      </c>
      <c r="CL36" s="112">
        <v>0</v>
      </c>
      <c r="CM36" s="116">
        <v>0</v>
      </c>
      <c r="CN36" s="115">
        <v>0</v>
      </c>
      <c r="CO36" s="113">
        <v>0</v>
      </c>
      <c r="CP36" s="116">
        <v>0</v>
      </c>
      <c r="CQ36" s="116">
        <v>19229</v>
      </c>
      <c r="CR36" s="116">
        <v>123333</v>
      </c>
      <c r="CS36" s="116">
        <v>94325</v>
      </c>
      <c r="CT36" s="116">
        <v>0</v>
      </c>
      <c r="CU36" s="115">
        <v>236887</v>
      </c>
      <c r="CV36" s="118">
        <v>236887</v>
      </c>
      <c r="CW36" s="112">
        <v>0</v>
      </c>
      <c r="CX36" s="116">
        <v>0</v>
      </c>
      <c r="CY36" s="115">
        <v>0</v>
      </c>
      <c r="CZ36" s="112">
        <v>0</v>
      </c>
      <c r="DA36" s="116">
        <v>0</v>
      </c>
      <c r="DB36" s="116">
        <v>0</v>
      </c>
      <c r="DC36" s="116">
        <v>0</v>
      </c>
      <c r="DD36" s="116">
        <v>0</v>
      </c>
      <c r="DE36" s="116">
        <v>0</v>
      </c>
      <c r="DF36" s="115">
        <v>0</v>
      </c>
      <c r="DG36" s="118">
        <v>0</v>
      </c>
      <c r="DH36" s="112">
        <v>0</v>
      </c>
      <c r="DI36" s="116">
        <v>0</v>
      </c>
      <c r="DJ36" s="114">
        <v>0</v>
      </c>
      <c r="DK36" s="113">
        <v>0</v>
      </c>
      <c r="DL36" s="116">
        <v>0</v>
      </c>
      <c r="DM36" s="116">
        <v>0</v>
      </c>
      <c r="DN36" s="116">
        <v>0</v>
      </c>
      <c r="DO36" s="116">
        <v>72954</v>
      </c>
      <c r="DP36" s="116">
        <v>0</v>
      </c>
      <c r="DQ36" s="115">
        <v>72954</v>
      </c>
      <c r="DR36" s="118">
        <v>72954</v>
      </c>
      <c r="DS36" s="112">
        <v>0</v>
      </c>
      <c r="DT36" s="116">
        <v>0</v>
      </c>
      <c r="DU36" s="115">
        <v>0</v>
      </c>
      <c r="DV36" s="112">
        <v>0</v>
      </c>
      <c r="DW36" s="116">
        <v>0</v>
      </c>
      <c r="DX36" s="116">
        <v>0</v>
      </c>
      <c r="DY36" s="116">
        <v>0</v>
      </c>
      <c r="DZ36" s="116">
        <v>72954</v>
      </c>
      <c r="EA36" s="116">
        <v>0</v>
      </c>
      <c r="EB36" s="115">
        <v>72954</v>
      </c>
      <c r="EC36" s="118">
        <v>72954</v>
      </c>
      <c r="ED36" s="112">
        <v>0</v>
      </c>
      <c r="EE36" s="114">
        <v>0</v>
      </c>
      <c r="EF36" s="115">
        <v>0</v>
      </c>
      <c r="EG36" s="112">
        <v>0</v>
      </c>
      <c r="EH36" s="116">
        <v>0</v>
      </c>
      <c r="EI36" s="116">
        <v>0</v>
      </c>
      <c r="EJ36" s="116">
        <v>0</v>
      </c>
      <c r="EK36" s="116">
        <v>0</v>
      </c>
      <c r="EL36" s="116">
        <v>0</v>
      </c>
      <c r="EM36" s="114">
        <v>0</v>
      </c>
      <c r="EN36" s="118">
        <v>0</v>
      </c>
      <c r="EO36" s="112">
        <v>0</v>
      </c>
      <c r="EP36" s="116">
        <v>0</v>
      </c>
      <c r="EQ36" s="114">
        <v>0</v>
      </c>
      <c r="ER36" s="113">
        <v>0</v>
      </c>
      <c r="ES36" s="116">
        <v>0</v>
      </c>
      <c r="ET36" s="116">
        <v>0</v>
      </c>
      <c r="EU36" s="116">
        <v>0</v>
      </c>
      <c r="EV36" s="116">
        <v>0</v>
      </c>
      <c r="EW36" s="116">
        <v>0</v>
      </c>
      <c r="EX36" s="115">
        <v>0</v>
      </c>
      <c r="EY36" s="118">
        <v>0</v>
      </c>
      <c r="EZ36" s="112">
        <v>0</v>
      </c>
      <c r="FA36" s="116">
        <v>0</v>
      </c>
      <c r="FB36" s="114">
        <v>0</v>
      </c>
      <c r="FC36" s="390"/>
      <c r="FD36" s="116">
        <v>0</v>
      </c>
      <c r="FE36" s="116">
        <v>0</v>
      </c>
      <c r="FF36" s="116">
        <v>0</v>
      </c>
      <c r="FG36" s="116">
        <v>0</v>
      </c>
      <c r="FH36" s="116">
        <v>0</v>
      </c>
      <c r="FI36" s="115">
        <v>0</v>
      </c>
      <c r="FJ36" s="118">
        <v>0</v>
      </c>
      <c r="FK36" s="112">
        <v>0</v>
      </c>
      <c r="FL36" s="116">
        <v>0</v>
      </c>
      <c r="FM36" s="115">
        <v>0</v>
      </c>
      <c r="FN36" s="112">
        <v>0</v>
      </c>
      <c r="FO36" s="116">
        <v>43960</v>
      </c>
      <c r="FP36" s="116">
        <v>14350</v>
      </c>
      <c r="FQ36" s="116">
        <v>27475</v>
      </c>
      <c r="FR36" s="116">
        <v>24486</v>
      </c>
      <c r="FS36" s="116">
        <v>31850</v>
      </c>
      <c r="FT36" s="115">
        <v>142121</v>
      </c>
      <c r="FU36" s="118">
        <v>142121</v>
      </c>
      <c r="FV36" s="117">
        <v>0</v>
      </c>
      <c r="FW36" s="116">
        <v>0</v>
      </c>
      <c r="FX36" s="114">
        <v>0</v>
      </c>
      <c r="FY36" s="113">
        <v>0</v>
      </c>
      <c r="FZ36" s="116">
        <v>43960</v>
      </c>
      <c r="GA36" s="116">
        <v>14350</v>
      </c>
      <c r="GB36" s="116">
        <v>27475</v>
      </c>
      <c r="GC36" s="116">
        <v>24486</v>
      </c>
      <c r="GD36" s="116">
        <v>31850</v>
      </c>
      <c r="GE36" s="115">
        <v>142121</v>
      </c>
      <c r="GF36" s="354">
        <v>142121</v>
      </c>
      <c r="GG36" s="117">
        <v>0</v>
      </c>
      <c r="GH36" s="116">
        <v>0</v>
      </c>
      <c r="GI36" s="114">
        <v>0</v>
      </c>
      <c r="GJ36" s="113">
        <v>0</v>
      </c>
      <c r="GK36" s="116">
        <v>0</v>
      </c>
      <c r="GL36" s="116">
        <v>0</v>
      </c>
      <c r="GM36" s="116">
        <v>0</v>
      </c>
      <c r="GN36" s="116">
        <v>0</v>
      </c>
      <c r="GO36" s="116">
        <v>0</v>
      </c>
      <c r="GP36" s="115">
        <v>0</v>
      </c>
      <c r="GQ36" s="118">
        <v>0</v>
      </c>
      <c r="GR36" s="112">
        <v>0</v>
      </c>
      <c r="GS36" s="116">
        <v>0</v>
      </c>
      <c r="GT36" s="115">
        <v>0</v>
      </c>
      <c r="GU36" s="112">
        <v>0</v>
      </c>
      <c r="GV36" s="116">
        <v>0</v>
      </c>
      <c r="GW36" s="116">
        <v>0</v>
      </c>
      <c r="GX36" s="116">
        <v>0</v>
      </c>
      <c r="GY36" s="116">
        <v>0</v>
      </c>
      <c r="GZ36" s="116">
        <v>0</v>
      </c>
      <c r="HA36" s="114">
        <v>0</v>
      </c>
      <c r="HB36" s="118">
        <v>0</v>
      </c>
      <c r="HC36" s="112">
        <v>0</v>
      </c>
      <c r="HD36" s="116">
        <v>0</v>
      </c>
      <c r="HE36" s="114">
        <v>0</v>
      </c>
      <c r="HF36" s="113">
        <v>0</v>
      </c>
      <c r="HG36" s="116">
        <v>141054</v>
      </c>
      <c r="HH36" s="116">
        <v>0</v>
      </c>
      <c r="HI36" s="116">
        <v>0</v>
      </c>
      <c r="HJ36" s="116">
        <v>0</v>
      </c>
      <c r="HK36" s="116">
        <v>208264</v>
      </c>
      <c r="HL36" s="115">
        <v>349318</v>
      </c>
      <c r="HM36" s="111">
        <v>349318</v>
      </c>
      <c r="HN36" s="370"/>
      <c r="HO36" s="371"/>
      <c r="HP36" s="372"/>
      <c r="HQ36" s="373"/>
      <c r="HR36" s="371"/>
      <c r="HS36" s="371"/>
      <c r="HT36" s="371"/>
      <c r="HU36" s="371"/>
      <c r="HV36" s="371"/>
      <c r="HW36" s="374"/>
      <c r="HX36" s="375"/>
      <c r="HY36" s="167">
        <v>0</v>
      </c>
      <c r="HZ36" s="152">
        <v>0</v>
      </c>
      <c r="IA36" s="167">
        <v>0</v>
      </c>
      <c r="IB36" s="151">
        <v>0</v>
      </c>
      <c r="IC36" s="152">
        <v>156657</v>
      </c>
      <c r="ID36" s="153">
        <v>116637</v>
      </c>
      <c r="IE36" s="154">
        <v>69391</v>
      </c>
      <c r="IF36" s="152">
        <v>0</v>
      </c>
      <c r="IG36" s="154">
        <v>220648</v>
      </c>
      <c r="IH36" s="155">
        <v>563333</v>
      </c>
      <c r="II36" s="167">
        <v>563333</v>
      </c>
      <c r="IJ36" s="261">
        <v>0</v>
      </c>
      <c r="IK36" s="268">
        <v>0</v>
      </c>
      <c r="IL36" s="269">
        <v>0</v>
      </c>
      <c r="IM36" s="157"/>
      <c r="IN36" s="122">
        <v>0</v>
      </c>
      <c r="IO36" s="122">
        <v>87619</v>
      </c>
      <c r="IP36" s="122">
        <v>0</v>
      </c>
      <c r="IQ36" s="122">
        <v>0</v>
      </c>
      <c r="IR36" s="122">
        <v>0</v>
      </c>
      <c r="IS36" s="158">
        <v>87619</v>
      </c>
      <c r="IT36" s="357">
        <v>87619</v>
      </c>
      <c r="IU36" s="159">
        <v>0</v>
      </c>
      <c r="IV36" s="122">
        <v>0</v>
      </c>
      <c r="IW36" s="123">
        <v>0</v>
      </c>
      <c r="IX36" s="161"/>
      <c r="IY36" s="122">
        <v>0</v>
      </c>
      <c r="IZ36" s="122">
        <v>0</v>
      </c>
      <c r="JA36" s="122">
        <v>0</v>
      </c>
      <c r="JB36" s="122">
        <v>0</v>
      </c>
      <c r="JC36" s="122">
        <v>0</v>
      </c>
      <c r="JD36" s="123">
        <v>0</v>
      </c>
      <c r="JE36" s="124">
        <v>0</v>
      </c>
      <c r="JF36" s="159">
        <v>0</v>
      </c>
      <c r="JG36" s="122">
        <v>0</v>
      </c>
      <c r="JH36" s="158">
        <v>0</v>
      </c>
      <c r="JI36" s="121">
        <v>0</v>
      </c>
      <c r="JJ36" s="122">
        <v>38945</v>
      </c>
      <c r="JK36" s="122">
        <v>29018</v>
      </c>
      <c r="JL36" s="122">
        <v>69391</v>
      </c>
      <c r="JM36" s="122">
        <v>0</v>
      </c>
      <c r="JN36" s="122">
        <v>0</v>
      </c>
      <c r="JO36" s="123">
        <v>137354</v>
      </c>
      <c r="JP36" s="357">
        <v>137354</v>
      </c>
      <c r="JQ36" s="159">
        <v>0</v>
      </c>
      <c r="JR36" s="122">
        <v>0</v>
      </c>
      <c r="JS36" s="158">
        <v>0</v>
      </c>
      <c r="JT36" s="121">
        <v>0</v>
      </c>
      <c r="JU36" s="122">
        <v>0</v>
      </c>
      <c r="JV36" s="122">
        <v>0</v>
      </c>
      <c r="JW36" s="122">
        <v>0</v>
      </c>
      <c r="JX36" s="122">
        <v>0</v>
      </c>
      <c r="JY36" s="122">
        <v>0</v>
      </c>
      <c r="JZ36" s="123">
        <v>0</v>
      </c>
      <c r="KA36" s="357">
        <v>0</v>
      </c>
      <c r="KB36" s="264">
        <v>0</v>
      </c>
      <c r="KC36" s="258">
        <v>0</v>
      </c>
      <c r="KD36" s="123">
        <v>0</v>
      </c>
      <c r="KE36" s="121">
        <v>0</v>
      </c>
      <c r="KF36" s="122">
        <v>117712</v>
      </c>
      <c r="KG36" s="122">
        <v>0</v>
      </c>
      <c r="KH36" s="122">
        <v>0</v>
      </c>
      <c r="KI36" s="122">
        <v>0</v>
      </c>
      <c r="KJ36" s="122">
        <v>0</v>
      </c>
      <c r="KK36" s="123">
        <v>117712</v>
      </c>
      <c r="KL36" s="160">
        <v>117712</v>
      </c>
      <c r="KM36" s="261">
        <v>0</v>
      </c>
      <c r="KN36" s="268">
        <v>0</v>
      </c>
      <c r="KO36" s="269">
        <v>0</v>
      </c>
      <c r="KP36" s="157"/>
      <c r="KQ36" s="122">
        <v>0</v>
      </c>
      <c r="KR36" s="122">
        <v>0</v>
      </c>
      <c r="KS36" s="122">
        <v>0</v>
      </c>
      <c r="KT36" s="122">
        <v>0</v>
      </c>
      <c r="KU36" s="122">
        <v>220648</v>
      </c>
      <c r="KV36" s="123">
        <v>220648</v>
      </c>
      <c r="KW36" s="357">
        <v>220648</v>
      </c>
      <c r="KX36" s="159">
        <v>0</v>
      </c>
      <c r="KY36" s="122">
        <v>0</v>
      </c>
      <c r="KZ36" s="123">
        <v>0</v>
      </c>
      <c r="LA36" s="162"/>
      <c r="LB36" s="122">
        <v>0</v>
      </c>
      <c r="LC36" s="122">
        <v>0</v>
      </c>
      <c r="LD36" s="122">
        <v>0</v>
      </c>
      <c r="LE36" s="122">
        <v>0</v>
      </c>
      <c r="LF36" s="122">
        <v>0</v>
      </c>
      <c r="LG36" s="123">
        <v>0</v>
      </c>
      <c r="LH36" s="124">
        <v>0</v>
      </c>
      <c r="LI36" s="159">
        <v>0</v>
      </c>
      <c r="LJ36" s="122">
        <v>0</v>
      </c>
      <c r="LK36" s="123">
        <v>0</v>
      </c>
      <c r="LL36" s="162"/>
      <c r="LM36" s="122">
        <v>0</v>
      </c>
      <c r="LN36" s="122">
        <v>0</v>
      </c>
      <c r="LO36" s="122">
        <v>0</v>
      </c>
      <c r="LP36" s="122">
        <v>0</v>
      </c>
      <c r="LQ36" s="122">
        <v>0</v>
      </c>
      <c r="LR36" s="123">
        <v>0</v>
      </c>
      <c r="LS36" s="357">
        <v>0</v>
      </c>
      <c r="LT36" s="159">
        <v>0</v>
      </c>
      <c r="LU36" s="122">
        <v>0</v>
      </c>
      <c r="LV36" s="123">
        <v>0</v>
      </c>
      <c r="LW36" s="162"/>
      <c r="LX36" s="122">
        <v>0</v>
      </c>
      <c r="LY36" s="122">
        <v>0</v>
      </c>
      <c r="LZ36" s="122">
        <v>0</v>
      </c>
      <c r="MA36" s="122">
        <v>0</v>
      </c>
      <c r="MB36" s="122">
        <v>0</v>
      </c>
      <c r="MC36" s="123">
        <v>0</v>
      </c>
      <c r="MD36" s="124">
        <v>0</v>
      </c>
      <c r="ME36" s="159">
        <v>0</v>
      </c>
      <c r="MF36" s="122">
        <v>0</v>
      </c>
      <c r="MG36" s="123">
        <v>0</v>
      </c>
      <c r="MH36" s="162"/>
      <c r="MI36" s="122">
        <v>0</v>
      </c>
      <c r="MJ36" s="122">
        <v>213122</v>
      </c>
      <c r="MK36" s="122">
        <v>397513</v>
      </c>
      <c r="ML36" s="122">
        <v>260919</v>
      </c>
      <c r="MM36" s="122">
        <v>271425</v>
      </c>
      <c r="MN36" s="123">
        <v>1142979</v>
      </c>
      <c r="MO36" s="160">
        <v>1142979</v>
      </c>
      <c r="MP36" s="159">
        <v>0</v>
      </c>
      <c r="MQ36" s="122">
        <v>0</v>
      </c>
      <c r="MR36" s="123">
        <v>0</v>
      </c>
      <c r="MS36" s="162"/>
      <c r="MT36" s="122">
        <v>0</v>
      </c>
      <c r="MU36" s="122">
        <v>0</v>
      </c>
      <c r="MV36" s="122">
        <v>397513</v>
      </c>
      <c r="MW36" s="122">
        <v>141625</v>
      </c>
      <c r="MX36" s="122">
        <v>0</v>
      </c>
      <c r="MY36" s="123">
        <v>539138</v>
      </c>
      <c r="MZ36" s="160">
        <v>539138</v>
      </c>
      <c r="NA36" s="159">
        <v>0</v>
      </c>
      <c r="NB36" s="122">
        <v>0</v>
      </c>
      <c r="NC36" s="123">
        <v>0</v>
      </c>
      <c r="ND36" s="162"/>
      <c r="NE36" s="122">
        <v>0</v>
      </c>
      <c r="NF36" s="122">
        <v>213122</v>
      </c>
      <c r="NG36" s="122">
        <v>0</v>
      </c>
      <c r="NH36" s="122">
        <v>119294</v>
      </c>
      <c r="NI36" s="122">
        <v>271425</v>
      </c>
      <c r="NJ36" s="123">
        <v>603841</v>
      </c>
      <c r="NK36" s="357">
        <v>603841</v>
      </c>
      <c r="NL36" s="159">
        <v>0</v>
      </c>
      <c r="NM36" s="122">
        <v>0</v>
      </c>
      <c r="NN36" s="123">
        <v>0</v>
      </c>
      <c r="NO36" s="162"/>
      <c r="NP36" s="122">
        <v>0</v>
      </c>
      <c r="NQ36" s="122">
        <v>0</v>
      </c>
      <c r="NR36" s="122">
        <v>0</v>
      </c>
      <c r="NS36" s="122">
        <v>0</v>
      </c>
      <c r="NT36" s="122">
        <v>0</v>
      </c>
      <c r="NU36" s="123">
        <v>0</v>
      </c>
      <c r="NV36" s="124">
        <v>0</v>
      </c>
      <c r="NW36" s="159">
        <v>0</v>
      </c>
      <c r="NX36" s="122">
        <v>0</v>
      </c>
      <c r="NY36" s="123">
        <v>0</v>
      </c>
      <c r="NZ36" s="162"/>
      <c r="OA36" s="122">
        <v>0</v>
      </c>
      <c r="OB36" s="122">
        <v>0</v>
      </c>
      <c r="OC36" s="122">
        <v>0</v>
      </c>
      <c r="OD36" s="122">
        <v>0</v>
      </c>
      <c r="OE36" s="122">
        <v>0</v>
      </c>
      <c r="OF36" s="123">
        <v>0</v>
      </c>
      <c r="OG36" s="124">
        <v>0</v>
      </c>
      <c r="OH36" s="159">
        <v>6384</v>
      </c>
      <c r="OI36" s="122">
        <v>0</v>
      </c>
      <c r="OJ36" s="158">
        <v>6384</v>
      </c>
      <c r="OK36" s="121">
        <v>0</v>
      </c>
      <c r="OL36" s="122">
        <v>421044</v>
      </c>
      <c r="OM36" s="122">
        <v>394621</v>
      </c>
      <c r="ON36" s="122">
        <v>660692</v>
      </c>
      <c r="OO36" s="122">
        <v>690962</v>
      </c>
      <c r="OP36" s="122">
        <v>913365</v>
      </c>
      <c r="OQ36" s="123">
        <v>3080684</v>
      </c>
      <c r="OR36" s="160">
        <v>101965.693669038</v>
      </c>
    </row>
    <row r="37" spans="1:408" ht="20.25" customHeight="1" x14ac:dyDescent="0.2">
      <c r="A37" s="129" t="s">
        <v>32</v>
      </c>
      <c r="B37" s="112">
        <v>0</v>
      </c>
      <c r="C37" s="116">
        <v>93226</v>
      </c>
      <c r="D37" s="201">
        <v>93226</v>
      </c>
      <c r="E37" s="202">
        <v>0</v>
      </c>
      <c r="F37" s="203">
        <v>439477</v>
      </c>
      <c r="G37" s="203">
        <v>315243</v>
      </c>
      <c r="H37" s="203">
        <v>141173</v>
      </c>
      <c r="I37" s="203">
        <v>212193</v>
      </c>
      <c r="J37" s="203">
        <v>158606</v>
      </c>
      <c r="K37" s="204">
        <v>1266692</v>
      </c>
      <c r="L37" s="118">
        <v>1359918</v>
      </c>
      <c r="M37" s="112">
        <v>0</v>
      </c>
      <c r="N37" s="116">
        <v>8400</v>
      </c>
      <c r="O37" s="115">
        <v>8400</v>
      </c>
      <c r="P37" s="112">
        <v>0</v>
      </c>
      <c r="Q37" s="116">
        <v>78558</v>
      </c>
      <c r="R37" s="116">
        <v>25333</v>
      </c>
      <c r="S37" s="116">
        <v>18676</v>
      </c>
      <c r="T37" s="116">
        <v>199824</v>
      </c>
      <c r="U37" s="116">
        <v>13692</v>
      </c>
      <c r="V37" s="115">
        <v>336083</v>
      </c>
      <c r="W37" s="118">
        <v>344483</v>
      </c>
      <c r="X37" s="112">
        <v>0</v>
      </c>
      <c r="Y37" s="116">
        <v>0</v>
      </c>
      <c r="Z37" s="115">
        <v>0</v>
      </c>
      <c r="AA37" s="112">
        <v>0</v>
      </c>
      <c r="AB37" s="116">
        <v>36488</v>
      </c>
      <c r="AC37" s="116">
        <v>12005</v>
      </c>
      <c r="AD37" s="116">
        <v>0</v>
      </c>
      <c r="AE37" s="116">
        <v>170058</v>
      </c>
      <c r="AF37" s="116">
        <v>0</v>
      </c>
      <c r="AG37" s="115">
        <v>218551</v>
      </c>
      <c r="AH37" s="118">
        <v>218551</v>
      </c>
      <c r="AI37" s="112">
        <v>0</v>
      </c>
      <c r="AJ37" s="116">
        <v>0</v>
      </c>
      <c r="AK37" s="115">
        <v>0</v>
      </c>
      <c r="AL37" s="112">
        <v>0</v>
      </c>
      <c r="AM37" s="116">
        <v>0</v>
      </c>
      <c r="AN37" s="116">
        <v>0</v>
      </c>
      <c r="AO37" s="116">
        <v>0</v>
      </c>
      <c r="AP37" s="116">
        <v>0</v>
      </c>
      <c r="AQ37" s="116">
        <v>0</v>
      </c>
      <c r="AR37" s="115">
        <v>0</v>
      </c>
      <c r="AS37" s="118">
        <v>0</v>
      </c>
      <c r="AT37" s="112">
        <v>0</v>
      </c>
      <c r="AU37" s="116">
        <v>0</v>
      </c>
      <c r="AV37" s="115">
        <v>0</v>
      </c>
      <c r="AW37" s="112">
        <v>0</v>
      </c>
      <c r="AX37" s="116">
        <v>22883</v>
      </c>
      <c r="AY37" s="116">
        <v>13328</v>
      </c>
      <c r="AZ37" s="116">
        <v>0</v>
      </c>
      <c r="BA37" s="116">
        <v>14170</v>
      </c>
      <c r="BB37" s="116">
        <v>0</v>
      </c>
      <c r="BC37" s="115">
        <v>50381</v>
      </c>
      <c r="BD37" s="118">
        <v>50381</v>
      </c>
      <c r="BE37" s="112">
        <v>0</v>
      </c>
      <c r="BF37" s="116">
        <v>0</v>
      </c>
      <c r="BG37" s="114">
        <v>0</v>
      </c>
      <c r="BH37" s="113">
        <v>0</v>
      </c>
      <c r="BI37" s="116">
        <v>0</v>
      </c>
      <c r="BJ37" s="116">
        <v>0</v>
      </c>
      <c r="BK37" s="116">
        <v>13384</v>
      </c>
      <c r="BL37" s="116">
        <v>0</v>
      </c>
      <c r="BM37" s="116">
        <v>0</v>
      </c>
      <c r="BN37" s="115">
        <v>13384</v>
      </c>
      <c r="BO37" s="118">
        <v>13384</v>
      </c>
      <c r="BP37" s="112">
        <v>0</v>
      </c>
      <c r="BQ37" s="116">
        <v>8400</v>
      </c>
      <c r="BR37" s="115">
        <v>8400</v>
      </c>
      <c r="BS37" s="112">
        <v>0</v>
      </c>
      <c r="BT37" s="116">
        <v>19187</v>
      </c>
      <c r="BU37" s="116">
        <v>0</v>
      </c>
      <c r="BV37" s="116">
        <v>5292</v>
      </c>
      <c r="BW37" s="116">
        <v>15596</v>
      </c>
      <c r="BX37" s="116">
        <v>13692</v>
      </c>
      <c r="BY37" s="115">
        <v>53767</v>
      </c>
      <c r="BZ37" s="118">
        <v>62167</v>
      </c>
      <c r="CA37" s="112">
        <v>0</v>
      </c>
      <c r="CB37" s="116">
        <v>0</v>
      </c>
      <c r="CC37" s="115">
        <v>0</v>
      </c>
      <c r="CD37" s="112">
        <v>0</v>
      </c>
      <c r="CE37" s="116">
        <v>97064</v>
      </c>
      <c r="CF37" s="116">
        <v>77924</v>
      </c>
      <c r="CG37" s="116">
        <v>57364</v>
      </c>
      <c r="CH37" s="116">
        <v>0</v>
      </c>
      <c r="CI37" s="116">
        <v>0</v>
      </c>
      <c r="CJ37" s="115">
        <v>232352</v>
      </c>
      <c r="CK37" s="118">
        <v>232352</v>
      </c>
      <c r="CL37" s="112">
        <v>0</v>
      </c>
      <c r="CM37" s="116">
        <v>0</v>
      </c>
      <c r="CN37" s="115">
        <v>0</v>
      </c>
      <c r="CO37" s="113">
        <v>0</v>
      </c>
      <c r="CP37" s="116">
        <v>97064</v>
      </c>
      <c r="CQ37" s="116">
        <v>0</v>
      </c>
      <c r="CR37" s="116">
        <v>0</v>
      </c>
      <c r="CS37" s="116">
        <v>0</v>
      </c>
      <c r="CT37" s="116">
        <v>0</v>
      </c>
      <c r="CU37" s="115">
        <v>97064</v>
      </c>
      <c r="CV37" s="118">
        <v>97064</v>
      </c>
      <c r="CW37" s="112">
        <v>0</v>
      </c>
      <c r="CX37" s="116">
        <v>0</v>
      </c>
      <c r="CY37" s="115">
        <v>0</v>
      </c>
      <c r="CZ37" s="112">
        <v>0</v>
      </c>
      <c r="DA37" s="116">
        <v>0</v>
      </c>
      <c r="DB37" s="116">
        <v>77924</v>
      </c>
      <c r="DC37" s="116">
        <v>57364</v>
      </c>
      <c r="DD37" s="116">
        <v>0</v>
      </c>
      <c r="DE37" s="116">
        <v>0</v>
      </c>
      <c r="DF37" s="115">
        <v>135288</v>
      </c>
      <c r="DG37" s="118">
        <v>135288</v>
      </c>
      <c r="DH37" s="112">
        <v>0</v>
      </c>
      <c r="DI37" s="116">
        <v>0</v>
      </c>
      <c r="DJ37" s="114">
        <v>0</v>
      </c>
      <c r="DK37" s="113">
        <v>0</v>
      </c>
      <c r="DL37" s="116">
        <v>103124</v>
      </c>
      <c r="DM37" s="116">
        <v>46891</v>
      </c>
      <c r="DN37" s="116">
        <v>21103</v>
      </c>
      <c r="DO37" s="116">
        <v>0</v>
      </c>
      <c r="DP37" s="116">
        <v>0</v>
      </c>
      <c r="DQ37" s="115">
        <v>171118</v>
      </c>
      <c r="DR37" s="118">
        <v>171118</v>
      </c>
      <c r="DS37" s="112">
        <v>0</v>
      </c>
      <c r="DT37" s="116">
        <v>0</v>
      </c>
      <c r="DU37" s="115">
        <v>0</v>
      </c>
      <c r="DV37" s="112">
        <v>0</v>
      </c>
      <c r="DW37" s="116">
        <v>103124</v>
      </c>
      <c r="DX37" s="116">
        <v>18890</v>
      </c>
      <c r="DY37" s="116">
        <v>0</v>
      </c>
      <c r="DZ37" s="116">
        <v>0</v>
      </c>
      <c r="EA37" s="116">
        <v>0</v>
      </c>
      <c r="EB37" s="115">
        <v>122014</v>
      </c>
      <c r="EC37" s="118">
        <v>122014</v>
      </c>
      <c r="ED37" s="112">
        <v>0</v>
      </c>
      <c r="EE37" s="114">
        <v>0</v>
      </c>
      <c r="EF37" s="115">
        <v>0</v>
      </c>
      <c r="EG37" s="112">
        <v>0</v>
      </c>
      <c r="EH37" s="116">
        <v>0</v>
      </c>
      <c r="EI37" s="116">
        <v>28001</v>
      </c>
      <c r="EJ37" s="116">
        <v>21103</v>
      </c>
      <c r="EK37" s="116">
        <v>0</v>
      </c>
      <c r="EL37" s="116">
        <v>0</v>
      </c>
      <c r="EM37" s="114">
        <v>49104</v>
      </c>
      <c r="EN37" s="118">
        <v>49104</v>
      </c>
      <c r="EO37" s="112">
        <v>0</v>
      </c>
      <c r="EP37" s="116">
        <v>0</v>
      </c>
      <c r="EQ37" s="114">
        <v>0</v>
      </c>
      <c r="ER37" s="113">
        <v>0</v>
      </c>
      <c r="ES37" s="116">
        <v>0</v>
      </c>
      <c r="ET37" s="116">
        <v>0</v>
      </c>
      <c r="EU37" s="116">
        <v>0</v>
      </c>
      <c r="EV37" s="116">
        <v>0</v>
      </c>
      <c r="EW37" s="116">
        <v>0</v>
      </c>
      <c r="EX37" s="115">
        <v>0</v>
      </c>
      <c r="EY37" s="118">
        <v>0</v>
      </c>
      <c r="EZ37" s="112">
        <v>0</v>
      </c>
      <c r="FA37" s="116">
        <v>0</v>
      </c>
      <c r="FB37" s="114">
        <v>0</v>
      </c>
      <c r="FC37" s="390"/>
      <c r="FD37" s="116">
        <v>0</v>
      </c>
      <c r="FE37" s="116">
        <v>0</v>
      </c>
      <c r="FF37" s="116">
        <v>0</v>
      </c>
      <c r="FG37" s="116">
        <v>0</v>
      </c>
      <c r="FH37" s="116">
        <v>0</v>
      </c>
      <c r="FI37" s="115">
        <v>0</v>
      </c>
      <c r="FJ37" s="118">
        <v>0</v>
      </c>
      <c r="FK37" s="112">
        <v>0</v>
      </c>
      <c r="FL37" s="116">
        <v>8960</v>
      </c>
      <c r="FM37" s="115">
        <v>8960</v>
      </c>
      <c r="FN37" s="112">
        <v>0</v>
      </c>
      <c r="FO37" s="116">
        <v>20370</v>
      </c>
      <c r="FP37" s="116">
        <v>26250</v>
      </c>
      <c r="FQ37" s="116">
        <v>44030</v>
      </c>
      <c r="FR37" s="116">
        <v>12985</v>
      </c>
      <c r="FS37" s="116">
        <v>0</v>
      </c>
      <c r="FT37" s="115">
        <v>103635</v>
      </c>
      <c r="FU37" s="118">
        <v>112595</v>
      </c>
      <c r="FV37" s="117">
        <v>0</v>
      </c>
      <c r="FW37" s="116">
        <v>8960</v>
      </c>
      <c r="FX37" s="114">
        <v>8960</v>
      </c>
      <c r="FY37" s="113">
        <v>0</v>
      </c>
      <c r="FZ37" s="116">
        <v>20370</v>
      </c>
      <c r="GA37" s="116">
        <v>8050</v>
      </c>
      <c r="GB37" s="116">
        <v>44030</v>
      </c>
      <c r="GC37" s="116">
        <v>12985</v>
      </c>
      <c r="GD37" s="116">
        <v>0</v>
      </c>
      <c r="GE37" s="115">
        <v>85435</v>
      </c>
      <c r="GF37" s="354">
        <v>94395</v>
      </c>
      <c r="GG37" s="117">
        <v>0</v>
      </c>
      <c r="GH37" s="116">
        <v>0</v>
      </c>
      <c r="GI37" s="114">
        <v>0</v>
      </c>
      <c r="GJ37" s="113">
        <v>0</v>
      </c>
      <c r="GK37" s="116">
        <v>0</v>
      </c>
      <c r="GL37" s="116">
        <v>18200</v>
      </c>
      <c r="GM37" s="116">
        <v>0</v>
      </c>
      <c r="GN37" s="116">
        <v>0</v>
      </c>
      <c r="GO37" s="116">
        <v>0</v>
      </c>
      <c r="GP37" s="115">
        <v>18200</v>
      </c>
      <c r="GQ37" s="118">
        <v>18200</v>
      </c>
      <c r="GR37" s="112">
        <v>0</v>
      </c>
      <c r="GS37" s="116">
        <v>0</v>
      </c>
      <c r="GT37" s="115">
        <v>0</v>
      </c>
      <c r="GU37" s="112">
        <v>0</v>
      </c>
      <c r="GV37" s="116">
        <v>0</v>
      </c>
      <c r="GW37" s="116">
        <v>0</v>
      </c>
      <c r="GX37" s="116">
        <v>0</v>
      </c>
      <c r="GY37" s="116">
        <v>0</v>
      </c>
      <c r="GZ37" s="116">
        <v>0</v>
      </c>
      <c r="HA37" s="114">
        <v>0</v>
      </c>
      <c r="HB37" s="118">
        <v>0</v>
      </c>
      <c r="HC37" s="112">
        <v>0</v>
      </c>
      <c r="HD37" s="116">
        <v>75866</v>
      </c>
      <c r="HE37" s="114">
        <v>75866</v>
      </c>
      <c r="HF37" s="113">
        <v>0</v>
      </c>
      <c r="HG37" s="116">
        <v>140361</v>
      </c>
      <c r="HH37" s="116">
        <v>138845</v>
      </c>
      <c r="HI37" s="116">
        <v>0</v>
      </c>
      <c r="HJ37" s="116">
        <v>-616</v>
      </c>
      <c r="HK37" s="116">
        <v>144914</v>
      </c>
      <c r="HL37" s="115">
        <v>423504</v>
      </c>
      <c r="HM37" s="111">
        <v>499370</v>
      </c>
      <c r="HN37" s="370"/>
      <c r="HO37" s="371"/>
      <c r="HP37" s="372"/>
      <c r="HQ37" s="373"/>
      <c r="HR37" s="371"/>
      <c r="HS37" s="371"/>
      <c r="HT37" s="371"/>
      <c r="HU37" s="371"/>
      <c r="HV37" s="371"/>
      <c r="HW37" s="374"/>
      <c r="HX37" s="375"/>
      <c r="HY37" s="148">
        <v>0</v>
      </c>
      <c r="HZ37" s="149">
        <v>0</v>
      </c>
      <c r="IA37" s="150">
        <v>0</v>
      </c>
      <c r="IB37" s="163">
        <v>0</v>
      </c>
      <c r="IC37" s="149">
        <v>104766</v>
      </c>
      <c r="ID37" s="164">
        <v>194061</v>
      </c>
      <c r="IE37" s="150">
        <v>249379</v>
      </c>
      <c r="IF37" s="149">
        <v>0</v>
      </c>
      <c r="IG37" s="150">
        <v>224273</v>
      </c>
      <c r="IH37" s="165">
        <v>772479</v>
      </c>
      <c r="II37" s="156">
        <v>772479</v>
      </c>
      <c r="IJ37" s="261">
        <v>0</v>
      </c>
      <c r="IK37" s="268">
        <v>0</v>
      </c>
      <c r="IL37" s="269">
        <v>0</v>
      </c>
      <c r="IM37" s="157"/>
      <c r="IN37" s="122">
        <v>50344</v>
      </c>
      <c r="IO37" s="122">
        <v>0</v>
      </c>
      <c r="IP37" s="122">
        <v>0</v>
      </c>
      <c r="IQ37" s="122">
        <v>0</v>
      </c>
      <c r="IR37" s="122">
        <v>0</v>
      </c>
      <c r="IS37" s="158">
        <v>50344</v>
      </c>
      <c r="IT37" s="357">
        <v>50344</v>
      </c>
      <c r="IU37" s="159">
        <v>0</v>
      </c>
      <c r="IV37" s="122">
        <v>0</v>
      </c>
      <c r="IW37" s="123">
        <v>0</v>
      </c>
      <c r="IX37" s="161"/>
      <c r="IY37" s="122">
        <v>0</v>
      </c>
      <c r="IZ37" s="122">
        <v>0</v>
      </c>
      <c r="JA37" s="122">
        <v>0</v>
      </c>
      <c r="JB37" s="122">
        <v>0</v>
      </c>
      <c r="JC37" s="122">
        <v>0</v>
      </c>
      <c r="JD37" s="123">
        <v>0</v>
      </c>
      <c r="JE37" s="124">
        <v>0</v>
      </c>
      <c r="JF37" s="159">
        <v>0</v>
      </c>
      <c r="JG37" s="122">
        <v>0</v>
      </c>
      <c r="JH37" s="158">
        <v>0</v>
      </c>
      <c r="JI37" s="121">
        <v>0</v>
      </c>
      <c r="JJ37" s="122">
        <v>54422</v>
      </c>
      <c r="JK37" s="122">
        <v>36386</v>
      </c>
      <c r="JL37" s="122">
        <v>33282</v>
      </c>
      <c r="JM37" s="122">
        <v>0</v>
      </c>
      <c r="JN37" s="122">
        <v>0</v>
      </c>
      <c r="JO37" s="123">
        <v>124090</v>
      </c>
      <c r="JP37" s="357">
        <v>124090</v>
      </c>
      <c r="JQ37" s="159">
        <v>0</v>
      </c>
      <c r="JR37" s="122">
        <v>0</v>
      </c>
      <c r="JS37" s="158">
        <v>0</v>
      </c>
      <c r="JT37" s="121">
        <v>0</v>
      </c>
      <c r="JU37" s="122">
        <v>0</v>
      </c>
      <c r="JV37" s="122">
        <v>0</v>
      </c>
      <c r="JW37" s="122">
        <v>0</v>
      </c>
      <c r="JX37" s="122">
        <v>0</v>
      </c>
      <c r="JY37" s="122">
        <v>0</v>
      </c>
      <c r="JZ37" s="123">
        <v>0</v>
      </c>
      <c r="KA37" s="357">
        <v>0</v>
      </c>
      <c r="KB37" s="264">
        <v>0</v>
      </c>
      <c r="KC37" s="258">
        <v>0</v>
      </c>
      <c r="KD37" s="123">
        <v>0</v>
      </c>
      <c r="KE37" s="121">
        <v>0</v>
      </c>
      <c r="KF37" s="122">
        <v>0</v>
      </c>
      <c r="KG37" s="122">
        <v>0</v>
      </c>
      <c r="KH37" s="122">
        <v>0</v>
      </c>
      <c r="KI37" s="122">
        <v>0</v>
      </c>
      <c r="KJ37" s="122">
        <v>0</v>
      </c>
      <c r="KK37" s="123">
        <v>0</v>
      </c>
      <c r="KL37" s="160">
        <v>0</v>
      </c>
      <c r="KM37" s="261">
        <v>0</v>
      </c>
      <c r="KN37" s="268">
        <v>0</v>
      </c>
      <c r="KO37" s="269">
        <v>0</v>
      </c>
      <c r="KP37" s="157"/>
      <c r="KQ37" s="122">
        <v>0</v>
      </c>
      <c r="KR37" s="122">
        <v>0</v>
      </c>
      <c r="KS37" s="122">
        <v>216097</v>
      </c>
      <c r="KT37" s="122">
        <v>0</v>
      </c>
      <c r="KU37" s="122">
        <v>224273</v>
      </c>
      <c r="KV37" s="123">
        <v>440370</v>
      </c>
      <c r="KW37" s="357">
        <v>440370</v>
      </c>
      <c r="KX37" s="159">
        <v>0</v>
      </c>
      <c r="KY37" s="122">
        <v>0</v>
      </c>
      <c r="KZ37" s="123">
        <v>0</v>
      </c>
      <c r="LA37" s="162"/>
      <c r="LB37" s="122">
        <v>0</v>
      </c>
      <c r="LC37" s="122">
        <v>0</v>
      </c>
      <c r="LD37" s="122">
        <v>0</v>
      </c>
      <c r="LE37" s="122">
        <v>0</v>
      </c>
      <c r="LF37" s="122">
        <v>0</v>
      </c>
      <c r="LG37" s="123">
        <v>0</v>
      </c>
      <c r="LH37" s="124">
        <v>0</v>
      </c>
      <c r="LI37" s="159">
        <v>0</v>
      </c>
      <c r="LJ37" s="122">
        <v>0</v>
      </c>
      <c r="LK37" s="123">
        <v>0</v>
      </c>
      <c r="LL37" s="162"/>
      <c r="LM37" s="122">
        <v>0</v>
      </c>
      <c r="LN37" s="122">
        <v>157675</v>
      </c>
      <c r="LO37" s="122">
        <v>0</v>
      </c>
      <c r="LP37" s="122">
        <v>0</v>
      </c>
      <c r="LQ37" s="122">
        <v>0</v>
      </c>
      <c r="LR37" s="123">
        <v>157675</v>
      </c>
      <c r="LS37" s="357">
        <v>157675</v>
      </c>
      <c r="LT37" s="159">
        <v>0</v>
      </c>
      <c r="LU37" s="122">
        <v>0</v>
      </c>
      <c r="LV37" s="123">
        <v>0</v>
      </c>
      <c r="LW37" s="162"/>
      <c r="LX37" s="122">
        <v>0</v>
      </c>
      <c r="LY37" s="122">
        <v>0</v>
      </c>
      <c r="LZ37" s="122">
        <v>0</v>
      </c>
      <c r="MA37" s="122">
        <v>0</v>
      </c>
      <c r="MB37" s="122">
        <v>0</v>
      </c>
      <c r="MC37" s="123">
        <v>0</v>
      </c>
      <c r="MD37" s="124">
        <v>0</v>
      </c>
      <c r="ME37" s="159">
        <v>0</v>
      </c>
      <c r="MF37" s="122">
        <v>0</v>
      </c>
      <c r="MG37" s="123">
        <v>0</v>
      </c>
      <c r="MH37" s="162"/>
      <c r="MI37" s="122">
        <v>0</v>
      </c>
      <c r="MJ37" s="122">
        <v>0</v>
      </c>
      <c r="MK37" s="122">
        <v>0</v>
      </c>
      <c r="ML37" s="122">
        <v>0</v>
      </c>
      <c r="MM37" s="122">
        <v>255234</v>
      </c>
      <c r="MN37" s="123">
        <v>255234</v>
      </c>
      <c r="MO37" s="160">
        <v>255234</v>
      </c>
      <c r="MP37" s="159">
        <v>0</v>
      </c>
      <c r="MQ37" s="122">
        <v>0</v>
      </c>
      <c r="MR37" s="123">
        <v>0</v>
      </c>
      <c r="MS37" s="162"/>
      <c r="MT37" s="122">
        <v>0</v>
      </c>
      <c r="MU37" s="122">
        <v>0</v>
      </c>
      <c r="MV37" s="122">
        <v>0</v>
      </c>
      <c r="MW37" s="122">
        <v>0</v>
      </c>
      <c r="MX37" s="122">
        <v>255234</v>
      </c>
      <c r="MY37" s="123">
        <v>255234</v>
      </c>
      <c r="MZ37" s="160">
        <v>255234</v>
      </c>
      <c r="NA37" s="159">
        <v>0</v>
      </c>
      <c r="NB37" s="122">
        <v>0</v>
      </c>
      <c r="NC37" s="123">
        <v>0</v>
      </c>
      <c r="ND37" s="162"/>
      <c r="NE37" s="122">
        <v>0</v>
      </c>
      <c r="NF37" s="122">
        <v>0</v>
      </c>
      <c r="NG37" s="122">
        <v>0</v>
      </c>
      <c r="NH37" s="122">
        <v>0</v>
      </c>
      <c r="NI37" s="122">
        <v>0</v>
      </c>
      <c r="NJ37" s="123">
        <v>0</v>
      </c>
      <c r="NK37" s="357">
        <v>0</v>
      </c>
      <c r="NL37" s="159">
        <v>0</v>
      </c>
      <c r="NM37" s="122">
        <v>0</v>
      </c>
      <c r="NN37" s="123">
        <v>0</v>
      </c>
      <c r="NO37" s="162"/>
      <c r="NP37" s="122">
        <v>0</v>
      </c>
      <c r="NQ37" s="122">
        <v>0</v>
      </c>
      <c r="NR37" s="122">
        <v>0</v>
      </c>
      <c r="NS37" s="122">
        <v>0</v>
      </c>
      <c r="NT37" s="122">
        <v>0</v>
      </c>
      <c r="NU37" s="123">
        <v>0</v>
      </c>
      <c r="NV37" s="124">
        <v>0</v>
      </c>
      <c r="NW37" s="159">
        <v>0</v>
      </c>
      <c r="NX37" s="122">
        <v>0</v>
      </c>
      <c r="NY37" s="123">
        <v>0</v>
      </c>
      <c r="NZ37" s="162"/>
      <c r="OA37" s="122">
        <v>0</v>
      </c>
      <c r="OB37" s="122">
        <v>0</v>
      </c>
      <c r="OC37" s="122">
        <v>0</v>
      </c>
      <c r="OD37" s="122">
        <v>0</v>
      </c>
      <c r="OE37" s="122">
        <v>0</v>
      </c>
      <c r="OF37" s="123">
        <v>0</v>
      </c>
      <c r="OG37" s="124">
        <v>0</v>
      </c>
      <c r="OH37" s="159">
        <v>0</v>
      </c>
      <c r="OI37" s="122">
        <v>93226</v>
      </c>
      <c r="OJ37" s="158">
        <v>93226</v>
      </c>
      <c r="OK37" s="121">
        <v>0</v>
      </c>
      <c r="OL37" s="122">
        <v>544243</v>
      </c>
      <c r="OM37" s="122">
        <v>509304</v>
      </c>
      <c r="ON37" s="122">
        <v>390552</v>
      </c>
      <c r="OO37" s="122">
        <v>212193</v>
      </c>
      <c r="OP37" s="122">
        <v>638113</v>
      </c>
      <c r="OQ37" s="123">
        <v>2294405</v>
      </c>
      <c r="OR37" s="160">
        <v>58226.980149607698</v>
      </c>
    </row>
    <row r="38" spans="1:408" ht="20.25" customHeight="1" x14ac:dyDescent="0.2">
      <c r="A38" s="129" t="s">
        <v>33</v>
      </c>
      <c r="B38" s="112">
        <v>55677</v>
      </c>
      <c r="C38" s="116">
        <v>37392</v>
      </c>
      <c r="D38" s="115">
        <v>93069</v>
      </c>
      <c r="E38" s="111">
        <v>0</v>
      </c>
      <c r="F38" s="116">
        <v>273099</v>
      </c>
      <c r="G38" s="116">
        <v>158630</v>
      </c>
      <c r="H38" s="116">
        <v>798422</v>
      </c>
      <c r="I38" s="116">
        <v>0</v>
      </c>
      <c r="J38" s="116">
        <v>176537</v>
      </c>
      <c r="K38" s="200">
        <v>1406688</v>
      </c>
      <c r="L38" s="118">
        <v>1499757</v>
      </c>
      <c r="M38" s="112">
        <v>7539</v>
      </c>
      <c r="N38" s="116">
        <v>27592</v>
      </c>
      <c r="O38" s="115">
        <v>35131</v>
      </c>
      <c r="P38" s="112">
        <v>0</v>
      </c>
      <c r="Q38" s="116">
        <v>78784</v>
      </c>
      <c r="R38" s="116">
        <v>3626</v>
      </c>
      <c r="S38" s="116">
        <v>212762</v>
      </c>
      <c r="T38" s="116">
        <v>0</v>
      </c>
      <c r="U38" s="116">
        <v>125843</v>
      </c>
      <c r="V38" s="115">
        <v>421015</v>
      </c>
      <c r="W38" s="118">
        <v>456146</v>
      </c>
      <c r="X38" s="112">
        <v>0</v>
      </c>
      <c r="Y38" s="116">
        <v>0</v>
      </c>
      <c r="Z38" s="115">
        <v>0</v>
      </c>
      <c r="AA38" s="112">
        <v>0</v>
      </c>
      <c r="AB38" s="116">
        <v>17445</v>
      </c>
      <c r="AC38" s="116">
        <v>0</v>
      </c>
      <c r="AD38" s="116">
        <v>70228</v>
      </c>
      <c r="AE38" s="116">
        <v>0</v>
      </c>
      <c r="AF38" s="116">
        <v>0</v>
      </c>
      <c r="AG38" s="115">
        <v>87673</v>
      </c>
      <c r="AH38" s="118">
        <v>87673</v>
      </c>
      <c r="AI38" s="112">
        <v>0</v>
      </c>
      <c r="AJ38" s="116">
        <v>0</v>
      </c>
      <c r="AK38" s="115">
        <v>0</v>
      </c>
      <c r="AL38" s="112">
        <v>0</v>
      </c>
      <c r="AM38" s="116">
        <v>0</v>
      </c>
      <c r="AN38" s="116">
        <v>0</v>
      </c>
      <c r="AO38" s="116">
        <v>0</v>
      </c>
      <c r="AP38" s="116">
        <v>0</v>
      </c>
      <c r="AQ38" s="116">
        <v>0</v>
      </c>
      <c r="AR38" s="115">
        <v>0</v>
      </c>
      <c r="AS38" s="118">
        <v>0</v>
      </c>
      <c r="AT38" s="112">
        <v>0</v>
      </c>
      <c r="AU38" s="116">
        <v>0</v>
      </c>
      <c r="AV38" s="115">
        <v>0</v>
      </c>
      <c r="AW38" s="112">
        <v>0</v>
      </c>
      <c r="AX38" s="116">
        <v>30975</v>
      </c>
      <c r="AY38" s="116">
        <v>0</v>
      </c>
      <c r="AZ38" s="116">
        <v>112765</v>
      </c>
      <c r="BA38" s="116">
        <v>0</v>
      </c>
      <c r="BB38" s="116">
        <v>75432</v>
      </c>
      <c r="BC38" s="115">
        <v>219172</v>
      </c>
      <c r="BD38" s="118">
        <v>219172</v>
      </c>
      <c r="BE38" s="112">
        <v>7539</v>
      </c>
      <c r="BF38" s="116">
        <v>27592</v>
      </c>
      <c r="BG38" s="114">
        <v>35131</v>
      </c>
      <c r="BH38" s="113">
        <v>0</v>
      </c>
      <c r="BI38" s="116">
        <v>26738</v>
      </c>
      <c r="BJ38" s="116">
        <v>0</v>
      </c>
      <c r="BK38" s="116">
        <v>20053</v>
      </c>
      <c r="BL38" s="116">
        <v>0</v>
      </c>
      <c r="BM38" s="116">
        <v>46792</v>
      </c>
      <c r="BN38" s="115">
        <v>93583</v>
      </c>
      <c r="BO38" s="118">
        <v>128714</v>
      </c>
      <c r="BP38" s="112">
        <v>0</v>
      </c>
      <c r="BQ38" s="116">
        <v>0</v>
      </c>
      <c r="BR38" s="115">
        <v>0</v>
      </c>
      <c r="BS38" s="112">
        <v>0</v>
      </c>
      <c r="BT38" s="116">
        <v>3626</v>
      </c>
      <c r="BU38" s="116">
        <v>3626</v>
      </c>
      <c r="BV38" s="116">
        <v>9716</v>
      </c>
      <c r="BW38" s="116">
        <v>0</v>
      </c>
      <c r="BX38" s="116">
        <v>3619</v>
      </c>
      <c r="BY38" s="115">
        <v>20587</v>
      </c>
      <c r="BZ38" s="118">
        <v>20587</v>
      </c>
      <c r="CA38" s="112">
        <v>0</v>
      </c>
      <c r="CB38" s="116">
        <v>0</v>
      </c>
      <c r="CC38" s="115">
        <v>0</v>
      </c>
      <c r="CD38" s="112">
        <v>0</v>
      </c>
      <c r="CE38" s="116">
        <v>53405</v>
      </c>
      <c r="CF38" s="116">
        <v>0</v>
      </c>
      <c r="CG38" s="116">
        <v>0</v>
      </c>
      <c r="CH38" s="116">
        <v>0</v>
      </c>
      <c r="CI38" s="116">
        <v>0</v>
      </c>
      <c r="CJ38" s="115">
        <v>53405</v>
      </c>
      <c r="CK38" s="118">
        <v>53405</v>
      </c>
      <c r="CL38" s="112">
        <v>0</v>
      </c>
      <c r="CM38" s="116">
        <v>0</v>
      </c>
      <c r="CN38" s="115">
        <v>0</v>
      </c>
      <c r="CO38" s="113">
        <v>0</v>
      </c>
      <c r="CP38" s="116">
        <v>53405</v>
      </c>
      <c r="CQ38" s="116">
        <v>0</v>
      </c>
      <c r="CR38" s="116">
        <v>0</v>
      </c>
      <c r="CS38" s="116">
        <v>0</v>
      </c>
      <c r="CT38" s="116">
        <v>0</v>
      </c>
      <c r="CU38" s="115">
        <v>53405</v>
      </c>
      <c r="CV38" s="118">
        <v>53405</v>
      </c>
      <c r="CW38" s="112">
        <v>0</v>
      </c>
      <c r="CX38" s="116">
        <v>0</v>
      </c>
      <c r="CY38" s="115">
        <v>0</v>
      </c>
      <c r="CZ38" s="112">
        <v>0</v>
      </c>
      <c r="DA38" s="116">
        <v>0</v>
      </c>
      <c r="DB38" s="116">
        <v>0</v>
      </c>
      <c r="DC38" s="116">
        <v>0</v>
      </c>
      <c r="DD38" s="116">
        <v>0</v>
      </c>
      <c r="DE38" s="116">
        <v>0</v>
      </c>
      <c r="DF38" s="115">
        <v>0</v>
      </c>
      <c r="DG38" s="118">
        <v>0</v>
      </c>
      <c r="DH38" s="112">
        <v>0</v>
      </c>
      <c r="DI38" s="116">
        <v>0</v>
      </c>
      <c r="DJ38" s="114">
        <v>0</v>
      </c>
      <c r="DK38" s="113">
        <v>0</v>
      </c>
      <c r="DL38" s="116">
        <v>0</v>
      </c>
      <c r="DM38" s="116">
        <v>0</v>
      </c>
      <c r="DN38" s="116">
        <v>21114</v>
      </c>
      <c r="DO38" s="116">
        <v>0</v>
      </c>
      <c r="DP38" s="116">
        <v>0</v>
      </c>
      <c r="DQ38" s="115">
        <v>21114</v>
      </c>
      <c r="DR38" s="118">
        <v>21114</v>
      </c>
      <c r="DS38" s="112">
        <v>0</v>
      </c>
      <c r="DT38" s="116">
        <v>0</v>
      </c>
      <c r="DU38" s="115">
        <v>0</v>
      </c>
      <c r="DV38" s="112">
        <v>0</v>
      </c>
      <c r="DW38" s="116">
        <v>0</v>
      </c>
      <c r="DX38" s="116">
        <v>0</v>
      </c>
      <c r="DY38" s="116">
        <v>21114</v>
      </c>
      <c r="DZ38" s="116">
        <v>0</v>
      </c>
      <c r="EA38" s="116">
        <v>0</v>
      </c>
      <c r="EB38" s="115">
        <v>21114</v>
      </c>
      <c r="EC38" s="118">
        <v>21114</v>
      </c>
      <c r="ED38" s="112">
        <v>0</v>
      </c>
      <c r="EE38" s="114">
        <v>0</v>
      </c>
      <c r="EF38" s="115">
        <v>0</v>
      </c>
      <c r="EG38" s="112">
        <v>0</v>
      </c>
      <c r="EH38" s="116">
        <v>0</v>
      </c>
      <c r="EI38" s="116">
        <v>0</v>
      </c>
      <c r="EJ38" s="116">
        <v>0</v>
      </c>
      <c r="EK38" s="116">
        <v>0</v>
      </c>
      <c r="EL38" s="116">
        <v>0</v>
      </c>
      <c r="EM38" s="114">
        <v>0</v>
      </c>
      <c r="EN38" s="118">
        <v>0</v>
      </c>
      <c r="EO38" s="112">
        <v>0</v>
      </c>
      <c r="EP38" s="116">
        <v>0</v>
      </c>
      <c r="EQ38" s="114">
        <v>0</v>
      </c>
      <c r="ER38" s="113">
        <v>0</v>
      </c>
      <c r="ES38" s="116">
        <v>0</v>
      </c>
      <c r="ET38" s="116">
        <v>0</v>
      </c>
      <c r="EU38" s="116">
        <v>0</v>
      </c>
      <c r="EV38" s="116">
        <v>0</v>
      </c>
      <c r="EW38" s="116">
        <v>0</v>
      </c>
      <c r="EX38" s="115">
        <v>0</v>
      </c>
      <c r="EY38" s="118">
        <v>0</v>
      </c>
      <c r="EZ38" s="112">
        <v>0</v>
      </c>
      <c r="FA38" s="116">
        <v>0</v>
      </c>
      <c r="FB38" s="114">
        <v>0</v>
      </c>
      <c r="FC38" s="390"/>
      <c r="FD38" s="116">
        <v>0</v>
      </c>
      <c r="FE38" s="116">
        <v>0</v>
      </c>
      <c r="FF38" s="116">
        <v>0</v>
      </c>
      <c r="FG38" s="116">
        <v>0</v>
      </c>
      <c r="FH38" s="116">
        <v>0</v>
      </c>
      <c r="FI38" s="115">
        <v>0</v>
      </c>
      <c r="FJ38" s="118">
        <v>0</v>
      </c>
      <c r="FK38" s="112">
        <v>0</v>
      </c>
      <c r="FL38" s="116">
        <v>9800</v>
      </c>
      <c r="FM38" s="115">
        <v>9800</v>
      </c>
      <c r="FN38" s="112">
        <v>0</v>
      </c>
      <c r="FO38" s="116">
        <v>3500</v>
      </c>
      <c r="FP38" s="116">
        <v>0</v>
      </c>
      <c r="FQ38" s="116">
        <v>32046</v>
      </c>
      <c r="FR38" s="116">
        <v>0</v>
      </c>
      <c r="FS38" s="116">
        <v>50694</v>
      </c>
      <c r="FT38" s="115">
        <v>86240</v>
      </c>
      <c r="FU38" s="118">
        <v>96040</v>
      </c>
      <c r="FV38" s="117">
        <v>0</v>
      </c>
      <c r="FW38" s="116">
        <v>9800</v>
      </c>
      <c r="FX38" s="114">
        <v>9800</v>
      </c>
      <c r="FY38" s="113">
        <v>0</v>
      </c>
      <c r="FZ38" s="116">
        <v>3500</v>
      </c>
      <c r="GA38" s="116">
        <v>0</v>
      </c>
      <c r="GB38" s="116">
        <v>32046</v>
      </c>
      <c r="GC38" s="116">
        <v>0</v>
      </c>
      <c r="GD38" s="116">
        <v>50694</v>
      </c>
      <c r="GE38" s="115">
        <v>86240</v>
      </c>
      <c r="GF38" s="354">
        <v>96040</v>
      </c>
      <c r="GG38" s="117">
        <v>0</v>
      </c>
      <c r="GH38" s="116">
        <v>0</v>
      </c>
      <c r="GI38" s="114">
        <v>0</v>
      </c>
      <c r="GJ38" s="113">
        <v>0</v>
      </c>
      <c r="GK38" s="116">
        <v>0</v>
      </c>
      <c r="GL38" s="116">
        <v>0</v>
      </c>
      <c r="GM38" s="116">
        <v>0</v>
      </c>
      <c r="GN38" s="116">
        <v>0</v>
      </c>
      <c r="GO38" s="116">
        <v>0</v>
      </c>
      <c r="GP38" s="115">
        <v>0</v>
      </c>
      <c r="GQ38" s="118">
        <v>0</v>
      </c>
      <c r="GR38" s="112">
        <v>0</v>
      </c>
      <c r="GS38" s="116">
        <v>0</v>
      </c>
      <c r="GT38" s="115">
        <v>0</v>
      </c>
      <c r="GU38" s="112">
        <v>0</v>
      </c>
      <c r="GV38" s="116">
        <v>0</v>
      </c>
      <c r="GW38" s="116">
        <v>0</v>
      </c>
      <c r="GX38" s="116">
        <v>0</v>
      </c>
      <c r="GY38" s="116">
        <v>0</v>
      </c>
      <c r="GZ38" s="116">
        <v>0</v>
      </c>
      <c r="HA38" s="114">
        <v>0</v>
      </c>
      <c r="HB38" s="118">
        <v>0</v>
      </c>
      <c r="HC38" s="112">
        <v>48138</v>
      </c>
      <c r="HD38" s="116">
        <v>0</v>
      </c>
      <c r="HE38" s="114">
        <v>48138</v>
      </c>
      <c r="HF38" s="113">
        <v>0</v>
      </c>
      <c r="HG38" s="116">
        <v>137410</v>
      </c>
      <c r="HH38" s="116">
        <v>155004</v>
      </c>
      <c r="HI38" s="116">
        <v>532500</v>
      </c>
      <c r="HJ38" s="116">
        <v>0</v>
      </c>
      <c r="HK38" s="116">
        <v>0</v>
      </c>
      <c r="HL38" s="115">
        <v>824914</v>
      </c>
      <c r="HM38" s="111">
        <v>873052</v>
      </c>
      <c r="HN38" s="370"/>
      <c r="HO38" s="371"/>
      <c r="HP38" s="372"/>
      <c r="HQ38" s="373"/>
      <c r="HR38" s="371"/>
      <c r="HS38" s="371"/>
      <c r="HT38" s="371"/>
      <c r="HU38" s="371"/>
      <c r="HV38" s="371"/>
      <c r="HW38" s="374"/>
      <c r="HX38" s="375"/>
      <c r="HY38" s="167">
        <v>0</v>
      </c>
      <c r="HZ38" s="152">
        <v>0</v>
      </c>
      <c r="IA38" s="167">
        <v>0</v>
      </c>
      <c r="IB38" s="163">
        <v>0</v>
      </c>
      <c r="IC38" s="149">
        <v>54660</v>
      </c>
      <c r="ID38" s="164">
        <v>0</v>
      </c>
      <c r="IE38" s="150">
        <v>165651</v>
      </c>
      <c r="IF38" s="149">
        <v>0</v>
      </c>
      <c r="IG38" s="150">
        <v>0</v>
      </c>
      <c r="IH38" s="165">
        <v>220311</v>
      </c>
      <c r="II38" s="167">
        <v>220311</v>
      </c>
      <c r="IJ38" s="261">
        <v>0</v>
      </c>
      <c r="IK38" s="268">
        <v>0</v>
      </c>
      <c r="IL38" s="269">
        <v>0</v>
      </c>
      <c r="IM38" s="157"/>
      <c r="IN38" s="122">
        <v>0</v>
      </c>
      <c r="IO38" s="122">
        <v>0</v>
      </c>
      <c r="IP38" s="122">
        <v>0</v>
      </c>
      <c r="IQ38" s="122">
        <v>0</v>
      </c>
      <c r="IR38" s="122">
        <v>0</v>
      </c>
      <c r="IS38" s="158">
        <v>0</v>
      </c>
      <c r="IT38" s="357">
        <v>0</v>
      </c>
      <c r="IU38" s="159">
        <v>0</v>
      </c>
      <c r="IV38" s="122">
        <v>0</v>
      </c>
      <c r="IW38" s="123">
        <v>0</v>
      </c>
      <c r="IX38" s="161"/>
      <c r="IY38" s="122">
        <v>0</v>
      </c>
      <c r="IZ38" s="122">
        <v>0</v>
      </c>
      <c r="JA38" s="122">
        <v>0</v>
      </c>
      <c r="JB38" s="122">
        <v>0</v>
      </c>
      <c r="JC38" s="122">
        <v>0</v>
      </c>
      <c r="JD38" s="123">
        <v>0</v>
      </c>
      <c r="JE38" s="124">
        <v>0</v>
      </c>
      <c r="JF38" s="159">
        <v>0</v>
      </c>
      <c r="JG38" s="122">
        <v>0</v>
      </c>
      <c r="JH38" s="158">
        <v>0</v>
      </c>
      <c r="JI38" s="121">
        <v>0</v>
      </c>
      <c r="JJ38" s="122">
        <v>54660</v>
      </c>
      <c r="JK38" s="122">
        <v>0</v>
      </c>
      <c r="JL38" s="122">
        <v>57571</v>
      </c>
      <c r="JM38" s="122">
        <v>0</v>
      </c>
      <c r="JN38" s="122">
        <v>0</v>
      </c>
      <c r="JO38" s="123">
        <v>112231</v>
      </c>
      <c r="JP38" s="357">
        <v>112231</v>
      </c>
      <c r="JQ38" s="159">
        <v>0</v>
      </c>
      <c r="JR38" s="122">
        <v>0</v>
      </c>
      <c r="JS38" s="158">
        <v>0</v>
      </c>
      <c r="JT38" s="121">
        <v>0</v>
      </c>
      <c r="JU38" s="122">
        <v>0</v>
      </c>
      <c r="JV38" s="122">
        <v>0</v>
      </c>
      <c r="JW38" s="122">
        <v>0</v>
      </c>
      <c r="JX38" s="122">
        <v>0</v>
      </c>
      <c r="JY38" s="122">
        <v>0</v>
      </c>
      <c r="JZ38" s="123">
        <v>0</v>
      </c>
      <c r="KA38" s="357">
        <v>0</v>
      </c>
      <c r="KB38" s="264">
        <v>0</v>
      </c>
      <c r="KC38" s="258">
        <v>0</v>
      </c>
      <c r="KD38" s="123">
        <v>0</v>
      </c>
      <c r="KE38" s="121">
        <v>0</v>
      </c>
      <c r="KF38" s="122">
        <v>0</v>
      </c>
      <c r="KG38" s="122">
        <v>0</v>
      </c>
      <c r="KH38" s="122">
        <v>0</v>
      </c>
      <c r="KI38" s="122">
        <v>0</v>
      </c>
      <c r="KJ38" s="122">
        <v>0</v>
      </c>
      <c r="KK38" s="123">
        <v>0</v>
      </c>
      <c r="KL38" s="160">
        <v>0</v>
      </c>
      <c r="KM38" s="261">
        <v>0</v>
      </c>
      <c r="KN38" s="268">
        <v>0</v>
      </c>
      <c r="KO38" s="269">
        <v>0</v>
      </c>
      <c r="KP38" s="157"/>
      <c r="KQ38" s="122">
        <v>0</v>
      </c>
      <c r="KR38" s="122">
        <v>0</v>
      </c>
      <c r="KS38" s="122">
        <v>0</v>
      </c>
      <c r="KT38" s="122">
        <v>0</v>
      </c>
      <c r="KU38" s="122">
        <v>0</v>
      </c>
      <c r="KV38" s="123">
        <v>0</v>
      </c>
      <c r="KW38" s="357">
        <v>0</v>
      </c>
      <c r="KX38" s="159">
        <v>0</v>
      </c>
      <c r="KY38" s="122">
        <v>0</v>
      </c>
      <c r="KZ38" s="123">
        <v>0</v>
      </c>
      <c r="LA38" s="162"/>
      <c r="LB38" s="122">
        <v>0</v>
      </c>
      <c r="LC38" s="122">
        <v>0</v>
      </c>
      <c r="LD38" s="122">
        <v>0</v>
      </c>
      <c r="LE38" s="122">
        <v>0</v>
      </c>
      <c r="LF38" s="122">
        <v>0</v>
      </c>
      <c r="LG38" s="123">
        <v>0</v>
      </c>
      <c r="LH38" s="124">
        <v>0</v>
      </c>
      <c r="LI38" s="159">
        <v>0</v>
      </c>
      <c r="LJ38" s="122">
        <v>0</v>
      </c>
      <c r="LK38" s="123">
        <v>0</v>
      </c>
      <c r="LL38" s="162"/>
      <c r="LM38" s="122">
        <v>0</v>
      </c>
      <c r="LN38" s="122">
        <v>0</v>
      </c>
      <c r="LO38" s="122">
        <v>0</v>
      </c>
      <c r="LP38" s="122">
        <v>0</v>
      </c>
      <c r="LQ38" s="122">
        <v>0</v>
      </c>
      <c r="LR38" s="123">
        <v>0</v>
      </c>
      <c r="LS38" s="357">
        <v>0</v>
      </c>
      <c r="LT38" s="159">
        <v>0</v>
      </c>
      <c r="LU38" s="122">
        <v>0</v>
      </c>
      <c r="LV38" s="123">
        <v>0</v>
      </c>
      <c r="LW38" s="162"/>
      <c r="LX38" s="122">
        <v>0</v>
      </c>
      <c r="LY38" s="122">
        <v>0</v>
      </c>
      <c r="LZ38" s="122">
        <v>108080</v>
      </c>
      <c r="MA38" s="122">
        <v>0</v>
      </c>
      <c r="MB38" s="122">
        <v>0</v>
      </c>
      <c r="MC38" s="123">
        <v>108080</v>
      </c>
      <c r="MD38" s="124">
        <v>108080</v>
      </c>
      <c r="ME38" s="159">
        <v>0</v>
      </c>
      <c r="MF38" s="122">
        <v>0</v>
      </c>
      <c r="MG38" s="123">
        <v>0</v>
      </c>
      <c r="MH38" s="162"/>
      <c r="MI38" s="122">
        <v>0</v>
      </c>
      <c r="MJ38" s="122">
        <v>209953</v>
      </c>
      <c r="MK38" s="122">
        <v>0</v>
      </c>
      <c r="ML38" s="122">
        <v>238373</v>
      </c>
      <c r="MM38" s="122">
        <v>295603</v>
      </c>
      <c r="MN38" s="123">
        <v>743929</v>
      </c>
      <c r="MO38" s="160">
        <v>743929</v>
      </c>
      <c r="MP38" s="159">
        <v>0</v>
      </c>
      <c r="MQ38" s="122">
        <v>0</v>
      </c>
      <c r="MR38" s="123">
        <v>0</v>
      </c>
      <c r="MS38" s="162"/>
      <c r="MT38" s="122">
        <v>0</v>
      </c>
      <c r="MU38" s="122">
        <v>0</v>
      </c>
      <c r="MV38" s="122">
        <v>0</v>
      </c>
      <c r="MW38" s="122">
        <v>238373</v>
      </c>
      <c r="MX38" s="122">
        <v>0</v>
      </c>
      <c r="MY38" s="123">
        <v>238373</v>
      </c>
      <c r="MZ38" s="160">
        <v>238373</v>
      </c>
      <c r="NA38" s="159">
        <v>0</v>
      </c>
      <c r="NB38" s="122">
        <v>0</v>
      </c>
      <c r="NC38" s="123">
        <v>0</v>
      </c>
      <c r="ND38" s="162"/>
      <c r="NE38" s="122">
        <v>0</v>
      </c>
      <c r="NF38" s="122">
        <v>0</v>
      </c>
      <c r="NG38" s="122">
        <v>0</v>
      </c>
      <c r="NH38" s="122">
        <v>0</v>
      </c>
      <c r="NI38" s="122">
        <v>0</v>
      </c>
      <c r="NJ38" s="123">
        <v>0</v>
      </c>
      <c r="NK38" s="357">
        <v>0</v>
      </c>
      <c r="NL38" s="159">
        <v>0</v>
      </c>
      <c r="NM38" s="122">
        <v>0</v>
      </c>
      <c r="NN38" s="123">
        <v>0</v>
      </c>
      <c r="NO38" s="162"/>
      <c r="NP38" s="122">
        <v>0</v>
      </c>
      <c r="NQ38" s="122">
        <v>0</v>
      </c>
      <c r="NR38" s="122">
        <v>0</v>
      </c>
      <c r="NS38" s="122">
        <v>0</v>
      </c>
      <c r="NT38" s="122">
        <v>0</v>
      </c>
      <c r="NU38" s="123">
        <v>0</v>
      </c>
      <c r="NV38" s="124">
        <v>0</v>
      </c>
      <c r="NW38" s="159">
        <v>0</v>
      </c>
      <c r="NX38" s="122">
        <v>0</v>
      </c>
      <c r="NY38" s="123">
        <v>0</v>
      </c>
      <c r="NZ38" s="162"/>
      <c r="OA38" s="122">
        <v>0</v>
      </c>
      <c r="OB38" s="122">
        <v>209953</v>
      </c>
      <c r="OC38" s="122">
        <v>0</v>
      </c>
      <c r="OD38" s="122">
        <v>0</v>
      </c>
      <c r="OE38" s="122">
        <v>295603</v>
      </c>
      <c r="OF38" s="123">
        <v>505556</v>
      </c>
      <c r="OG38" s="124">
        <v>505556</v>
      </c>
      <c r="OH38" s="159">
        <v>55677</v>
      </c>
      <c r="OI38" s="122">
        <v>37392</v>
      </c>
      <c r="OJ38" s="158">
        <v>93069</v>
      </c>
      <c r="OK38" s="121">
        <v>0</v>
      </c>
      <c r="OL38" s="122">
        <v>327759</v>
      </c>
      <c r="OM38" s="122">
        <v>368583</v>
      </c>
      <c r="ON38" s="122">
        <v>964073</v>
      </c>
      <c r="OO38" s="122">
        <v>238373</v>
      </c>
      <c r="OP38" s="122">
        <v>472140</v>
      </c>
      <c r="OQ38" s="123">
        <v>2370928</v>
      </c>
      <c r="OR38" s="160">
        <v>69911.124101441295</v>
      </c>
    </row>
    <row r="39" spans="1:408" ht="20.25" customHeight="1" x14ac:dyDescent="0.2">
      <c r="A39" s="129" t="s">
        <v>34</v>
      </c>
      <c r="B39" s="112">
        <v>0</v>
      </c>
      <c r="C39" s="116">
        <v>14322</v>
      </c>
      <c r="D39" s="201">
        <v>14322</v>
      </c>
      <c r="E39" s="202">
        <v>0</v>
      </c>
      <c r="F39" s="203">
        <v>47649</v>
      </c>
      <c r="G39" s="203">
        <v>232974</v>
      </c>
      <c r="H39" s="203">
        <v>219415</v>
      </c>
      <c r="I39" s="203">
        <v>484418</v>
      </c>
      <c r="J39" s="203">
        <v>28140</v>
      </c>
      <c r="K39" s="204">
        <v>1012596</v>
      </c>
      <c r="L39" s="118">
        <v>1026918</v>
      </c>
      <c r="M39" s="112">
        <v>0</v>
      </c>
      <c r="N39" s="116">
        <v>4172</v>
      </c>
      <c r="O39" s="115">
        <v>4172</v>
      </c>
      <c r="P39" s="112">
        <v>0</v>
      </c>
      <c r="Q39" s="116">
        <v>11354</v>
      </c>
      <c r="R39" s="116">
        <v>25984</v>
      </c>
      <c r="S39" s="116">
        <v>37044</v>
      </c>
      <c r="T39" s="116">
        <v>247111</v>
      </c>
      <c r="U39" s="116">
        <v>17360</v>
      </c>
      <c r="V39" s="115">
        <v>338853</v>
      </c>
      <c r="W39" s="118">
        <v>343025</v>
      </c>
      <c r="X39" s="112">
        <v>0</v>
      </c>
      <c r="Y39" s="116">
        <v>0</v>
      </c>
      <c r="Z39" s="115">
        <v>0</v>
      </c>
      <c r="AA39" s="112">
        <v>0</v>
      </c>
      <c r="AB39" s="116">
        <v>0</v>
      </c>
      <c r="AC39" s="116">
        <v>0</v>
      </c>
      <c r="AD39" s="116">
        <v>25634</v>
      </c>
      <c r="AE39" s="116">
        <v>238711</v>
      </c>
      <c r="AF39" s="116">
        <v>0</v>
      </c>
      <c r="AG39" s="115">
        <v>264345</v>
      </c>
      <c r="AH39" s="118">
        <v>264345</v>
      </c>
      <c r="AI39" s="112">
        <v>0</v>
      </c>
      <c r="AJ39" s="116">
        <v>0</v>
      </c>
      <c r="AK39" s="115">
        <v>0</v>
      </c>
      <c r="AL39" s="112">
        <v>0</v>
      </c>
      <c r="AM39" s="116">
        <v>0</v>
      </c>
      <c r="AN39" s="116">
        <v>0</v>
      </c>
      <c r="AO39" s="116">
        <v>0</v>
      </c>
      <c r="AP39" s="116">
        <v>0</v>
      </c>
      <c r="AQ39" s="116">
        <v>0</v>
      </c>
      <c r="AR39" s="115">
        <v>0</v>
      </c>
      <c r="AS39" s="118">
        <v>0</v>
      </c>
      <c r="AT39" s="112">
        <v>0</v>
      </c>
      <c r="AU39" s="116">
        <v>0</v>
      </c>
      <c r="AV39" s="115">
        <v>0</v>
      </c>
      <c r="AW39" s="112">
        <v>0</v>
      </c>
      <c r="AX39" s="116">
        <v>0</v>
      </c>
      <c r="AY39" s="116">
        <v>0</v>
      </c>
      <c r="AZ39" s="116">
        <v>0</v>
      </c>
      <c r="BA39" s="116">
        <v>0</v>
      </c>
      <c r="BB39" s="116">
        <v>0</v>
      </c>
      <c r="BC39" s="115">
        <v>0</v>
      </c>
      <c r="BD39" s="118">
        <v>0</v>
      </c>
      <c r="BE39" s="112">
        <v>0</v>
      </c>
      <c r="BF39" s="116">
        <v>0</v>
      </c>
      <c r="BG39" s="114">
        <v>0</v>
      </c>
      <c r="BH39" s="113">
        <v>0</v>
      </c>
      <c r="BI39" s="116">
        <v>0</v>
      </c>
      <c r="BJ39" s="116">
        <v>0</v>
      </c>
      <c r="BK39" s="116">
        <v>0</v>
      </c>
      <c r="BL39" s="116">
        <v>0</v>
      </c>
      <c r="BM39" s="116">
        <v>17360</v>
      </c>
      <c r="BN39" s="115">
        <v>17360</v>
      </c>
      <c r="BO39" s="118">
        <v>17360</v>
      </c>
      <c r="BP39" s="112">
        <v>0</v>
      </c>
      <c r="BQ39" s="116">
        <v>4172</v>
      </c>
      <c r="BR39" s="115">
        <v>4172</v>
      </c>
      <c r="BS39" s="112">
        <v>0</v>
      </c>
      <c r="BT39" s="116">
        <v>11354</v>
      </c>
      <c r="BU39" s="116">
        <v>25984</v>
      </c>
      <c r="BV39" s="116">
        <v>11410</v>
      </c>
      <c r="BW39" s="116">
        <v>8400</v>
      </c>
      <c r="BX39" s="116">
        <v>0</v>
      </c>
      <c r="BY39" s="115">
        <v>57148</v>
      </c>
      <c r="BZ39" s="118">
        <v>61320</v>
      </c>
      <c r="CA39" s="112">
        <v>0</v>
      </c>
      <c r="CB39" s="116">
        <v>0</v>
      </c>
      <c r="CC39" s="115">
        <v>0</v>
      </c>
      <c r="CD39" s="112">
        <v>0</v>
      </c>
      <c r="CE39" s="116">
        <v>31395</v>
      </c>
      <c r="CF39" s="116">
        <v>52381</v>
      </c>
      <c r="CG39" s="116">
        <v>153475</v>
      </c>
      <c r="CH39" s="116">
        <v>76622</v>
      </c>
      <c r="CI39" s="116">
        <v>0</v>
      </c>
      <c r="CJ39" s="115">
        <v>313873</v>
      </c>
      <c r="CK39" s="118">
        <v>313873</v>
      </c>
      <c r="CL39" s="112">
        <v>0</v>
      </c>
      <c r="CM39" s="116">
        <v>0</v>
      </c>
      <c r="CN39" s="115">
        <v>0</v>
      </c>
      <c r="CO39" s="113">
        <v>0</v>
      </c>
      <c r="CP39" s="116">
        <v>0</v>
      </c>
      <c r="CQ39" s="116">
        <v>52381</v>
      </c>
      <c r="CR39" s="116">
        <v>153475</v>
      </c>
      <c r="CS39" s="116">
        <v>76622</v>
      </c>
      <c r="CT39" s="116">
        <v>0</v>
      </c>
      <c r="CU39" s="115">
        <v>282478</v>
      </c>
      <c r="CV39" s="118">
        <v>282478</v>
      </c>
      <c r="CW39" s="112">
        <v>0</v>
      </c>
      <c r="CX39" s="116">
        <v>0</v>
      </c>
      <c r="CY39" s="115">
        <v>0</v>
      </c>
      <c r="CZ39" s="112">
        <v>0</v>
      </c>
      <c r="DA39" s="116">
        <v>31395</v>
      </c>
      <c r="DB39" s="116">
        <v>0</v>
      </c>
      <c r="DC39" s="116">
        <v>0</v>
      </c>
      <c r="DD39" s="116">
        <v>0</v>
      </c>
      <c r="DE39" s="116">
        <v>0</v>
      </c>
      <c r="DF39" s="115">
        <v>31395</v>
      </c>
      <c r="DG39" s="118">
        <v>31395</v>
      </c>
      <c r="DH39" s="112">
        <v>0</v>
      </c>
      <c r="DI39" s="116">
        <v>0</v>
      </c>
      <c r="DJ39" s="114">
        <v>0</v>
      </c>
      <c r="DK39" s="113">
        <v>0</v>
      </c>
      <c r="DL39" s="116">
        <v>0</v>
      </c>
      <c r="DM39" s="116">
        <v>0</v>
      </c>
      <c r="DN39" s="116">
        <v>0</v>
      </c>
      <c r="DO39" s="116">
        <v>35427</v>
      </c>
      <c r="DP39" s="116">
        <v>0</v>
      </c>
      <c r="DQ39" s="115">
        <v>35427</v>
      </c>
      <c r="DR39" s="118">
        <v>35427</v>
      </c>
      <c r="DS39" s="112">
        <v>0</v>
      </c>
      <c r="DT39" s="116">
        <v>0</v>
      </c>
      <c r="DU39" s="115">
        <v>0</v>
      </c>
      <c r="DV39" s="112">
        <v>0</v>
      </c>
      <c r="DW39" s="116">
        <v>0</v>
      </c>
      <c r="DX39" s="116">
        <v>0</v>
      </c>
      <c r="DY39" s="116">
        <v>0</v>
      </c>
      <c r="DZ39" s="116">
        <v>35427</v>
      </c>
      <c r="EA39" s="116">
        <v>0</v>
      </c>
      <c r="EB39" s="115">
        <v>35427</v>
      </c>
      <c r="EC39" s="118">
        <v>35427</v>
      </c>
      <c r="ED39" s="112">
        <v>0</v>
      </c>
      <c r="EE39" s="114">
        <v>0</v>
      </c>
      <c r="EF39" s="115">
        <v>0</v>
      </c>
      <c r="EG39" s="112">
        <v>0</v>
      </c>
      <c r="EH39" s="116">
        <v>0</v>
      </c>
      <c r="EI39" s="116">
        <v>0</v>
      </c>
      <c r="EJ39" s="116">
        <v>0</v>
      </c>
      <c r="EK39" s="116">
        <v>0</v>
      </c>
      <c r="EL39" s="116">
        <v>0</v>
      </c>
      <c r="EM39" s="114">
        <v>0</v>
      </c>
      <c r="EN39" s="118">
        <v>0</v>
      </c>
      <c r="EO39" s="112">
        <v>0</v>
      </c>
      <c r="EP39" s="116">
        <v>0</v>
      </c>
      <c r="EQ39" s="114">
        <v>0</v>
      </c>
      <c r="ER39" s="113">
        <v>0</v>
      </c>
      <c r="ES39" s="116">
        <v>0</v>
      </c>
      <c r="ET39" s="116">
        <v>0</v>
      </c>
      <c r="EU39" s="116">
        <v>0</v>
      </c>
      <c r="EV39" s="116">
        <v>0</v>
      </c>
      <c r="EW39" s="116">
        <v>0</v>
      </c>
      <c r="EX39" s="115">
        <v>0</v>
      </c>
      <c r="EY39" s="118">
        <v>0</v>
      </c>
      <c r="EZ39" s="112">
        <v>0</v>
      </c>
      <c r="FA39" s="116">
        <v>0</v>
      </c>
      <c r="FB39" s="114">
        <v>0</v>
      </c>
      <c r="FC39" s="390"/>
      <c r="FD39" s="116">
        <v>0</v>
      </c>
      <c r="FE39" s="116">
        <v>0</v>
      </c>
      <c r="FF39" s="116">
        <v>0</v>
      </c>
      <c r="FG39" s="116">
        <v>0</v>
      </c>
      <c r="FH39" s="116">
        <v>0</v>
      </c>
      <c r="FI39" s="115">
        <v>0</v>
      </c>
      <c r="FJ39" s="118">
        <v>0</v>
      </c>
      <c r="FK39" s="112">
        <v>0</v>
      </c>
      <c r="FL39" s="116">
        <v>10150</v>
      </c>
      <c r="FM39" s="115">
        <v>10150</v>
      </c>
      <c r="FN39" s="112">
        <v>0</v>
      </c>
      <c r="FO39" s="116">
        <v>4900</v>
      </c>
      <c r="FP39" s="116">
        <v>7700</v>
      </c>
      <c r="FQ39" s="116">
        <v>28896</v>
      </c>
      <c r="FR39" s="116">
        <v>125258</v>
      </c>
      <c r="FS39" s="116">
        <v>10780</v>
      </c>
      <c r="FT39" s="115">
        <v>177534</v>
      </c>
      <c r="FU39" s="118">
        <v>187684</v>
      </c>
      <c r="FV39" s="117">
        <v>0</v>
      </c>
      <c r="FW39" s="116">
        <v>10150</v>
      </c>
      <c r="FX39" s="114">
        <v>10150</v>
      </c>
      <c r="FY39" s="113">
        <v>0</v>
      </c>
      <c r="FZ39" s="116">
        <v>4900</v>
      </c>
      <c r="GA39" s="116">
        <v>7700</v>
      </c>
      <c r="GB39" s="116">
        <v>28896</v>
      </c>
      <c r="GC39" s="116">
        <v>17458</v>
      </c>
      <c r="GD39" s="116">
        <v>10780</v>
      </c>
      <c r="GE39" s="115">
        <v>69734</v>
      </c>
      <c r="GF39" s="354">
        <v>79884</v>
      </c>
      <c r="GG39" s="117">
        <v>0</v>
      </c>
      <c r="GH39" s="116">
        <v>0</v>
      </c>
      <c r="GI39" s="114">
        <v>0</v>
      </c>
      <c r="GJ39" s="113">
        <v>0</v>
      </c>
      <c r="GK39" s="116">
        <v>0</v>
      </c>
      <c r="GL39" s="116">
        <v>0</v>
      </c>
      <c r="GM39" s="116">
        <v>0</v>
      </c>
      <c r="GN39" s="116">
        <v>0</v>
      </c>
      <c r="GO39" s="116">
        <v>0</v>
      </c>
      <c r="GP39" s="115">
        <v>0</v>
      </c>
      <c r="GQ39" s="118">
        <v>0</v>
      </c>
      <c r="GR39" s="112">
        <v>0</v>
      </c>
      <c r="GS39" s="116">
        <v>0</v>
      </c>
      <c r="GT39" s="115">
        <v>0</v>
      </c>
      <c r="GU39" s="112">
        <v>0</v>
      </c>
      <c r="GV39" s="116">
        <v>0</v>
      </c>
      <c r="GW39" s="116">
        <v>0</v>
      </c>
      <c r="GX39" s="116">
        <v>0</v>
      </c>
      <c r="GY39" s="116">
        <v>107800</v>
      </c>
      <c r="GZ39" s="116">
        <v>0</v>
      </c>
      <c r="HA39" s="114">
        <v>107800</v>
      </c>
      <c r="HB39" s="118">
        <v>107800</v>
      </c>
      <c r="HC39" s="112">
        <v>0</v>
      </c>
      <c r="HD39" s="116">
        <v>0</v>
      </c>
      <c r="HE39" s="114">
        <v>0</v>
      </c>
      <c r="HF39" s="113">
        <v>0</v>
      </c>
      <c r="HG39" s="116">
        <v>0</v>
      </c>
      <c r="HH39" s="116">
        <v>146909</v>
      </c>
      <c r="HI39" s="116">
        <v>0</v>
      </c>
      <c r="HJ39" s="116">
        <v>0</v>
      </c>
      <c r="HK39" s="116">
        <v>0</v>
      </c>
      <c r="HL39" s="115">
        <v>146909</v>
      </c>
      <c r="HM39" s="111">
        <v>146909</v>
      </c>
      <c r="HN39" s="370"/>
      <c r="HO39" s="371"/>
      <c r="HP39" s="372"/>
      <c r="HQ39" s="373"/>
      <c r="HR39" s="371"/>
      <c r="HS39" s="371"/>
      <c r="HT39" s="371"/>
      <c r="HU39" s="371"/>
      <c r="HV39" s="371"/>
      <c r="HW39" s="374"/>
      <c r="HX39" s="375"/>
      <c r="HY39" s="148">
        <v>0</v>
      </c>
      <c r="HZ39" s="149">
        <v>0</v>
      </c>
      <c r="IA39" s="150">
        <v>0</v>
      </c>
      <c r="IB39" s="163">
        <v>0</v>
      </c>
      <c r="IC39" s="149">
        <v>96873</v>
      </c>
      <c r="ID39" s="164">
        <v>0</v>
      </c>
      <c r="IE39" s="150">
        <v>211358</v>
      </c>
      <c r="IF39" s="149">
        <v>0</v>
      </c>
      <c r="IG39" s="150">
        <v>0</v>
      </c>
      <c r="IH39" s="165">
        <v>308231</v>
      </c>
      <c r="II39" s="156">
        <v>308231</v>
      </c>
      <c r="IJ39" s="261">
        <v>0</v>
      </c>
      <c r="IK39" s="268">
        <v>0</v>
      </c>
      <c r="IL39" s="269">
        <v>0</v>
      </c>
      <c r="IM39" s="157"/>
      <c r="IN39" s="122">
        <v>0</v>
      </c>
      <c r="IO39" s="122">
        <v>0</v>
      </c>
      <c r="IP39" s="122">
        <v>0</v>
      </c>
      <c r="IQ39" s="122">
        <v>0</v>
      </c>
      <c r="IR39" s="122">
        <v>0</v>
      </c>
      <c r="IS39" s="158">
        <v>0</v>
      </c>
      <c r="IT39" s="357">
        <v>0</v>
      </c>
      <c r="IU39" s="159">
        <v>0</v>
      </c>
      <c r="IV39" s="122">
        <v>0</v>
      </c>
      <c r="IW39" s="123">
        <v>0</v>
      </c>
      <c r="IX39" s="161"/>
      <c r="IY39" s="122">
        <v>0</v>
      </c>
      <c r="IZ39" s="122">
        <v>0</v>
      </c>
      <c r="JA39" s="122">
        <v>0</v>
      </c>
      <c r="JB39" s="122">
        <v>0</v>
      </c>
      <c r="JC39" s="122">
        <v>0</v>
      </c>
      <c r="JD39" s="123">
        <v>0</v>
      </c>
      <c r="JE39" s="124">
        <v>0</v>
      </c>
      <c r="JF39" s="159">
        <v>0</v>
      </c>
      <c r="JG39" s="122">
        <v>0</v>
      </c>
      <c r="JH39" s="158">
        <v>0</v>
      </c>
      <c r="JI39" s="121">
        <v>0</v>
      </c>
      <c r="JJ39" s="122">
        <v>0</v>
      </c>
      <c r="JK39" s="122">
        <v>0</v>
      </c>
      <c r="JL39" s="122">
        <v>0</v>
      </c>
      <c r="JM39" s="122">
        <v>0</v>
      </c>
      <c r="JN39" s="122">
        <v>0</v>
      </c>
      <c r="JO39" s="123">
        <v>0</v>
      </c>
      <c r="JP39" s="357">
        <v>0</v>
      </c>
      <c r="JQ39" s="159">
        <v>0</v>
      </c>
      <c r="JR39" s="122">
        <v>0</v>
      </c>
      <c r="JS39" s="158">
        <v>0</v>
      </c>
      <c r="JT39" s="121">
        <v>0</v>
      </c>
      <c r="JU39" s="122">
        <v>0</v>
      </c>
      <c r="JV39" s="122">
        <v>0</v>
      </c>
      <c r="JW39" s="122">
        <v>0</v>
      </c>
      <c r="JX39" s="122">
        <v>0</v>
      </c>
      <c r="JY39" s="122">
        <v>0</v>
      </c>
      <c r="JZ39" s="123">
        <v>0</v>
      </c>
      <c r="KA39" s="357">
        <v>0</v>
      </c>
      <c r="KB39" s="264">
        <v>0</v>
      </c>
      <c r="KC39" s="258">
        <v>0</v>
      </c>
      <c r="KD39" s="123">
        <v>0</v>
      </c>
      <c r="KE39" s="121">
        <v>0</v>
      </c>
      <c r="KF39" s="122">
        <v>96873</v>
      </c>
      <c r="KG39" s="122">
        <v>0</v>
      </c>
      <c r="KH39" s="122">
        <v>0</v>
      </c>
      <c r="KI39" s="122">
        <v>0</v>
      </c>
      <c r="KJ39" s="122">
        <v>0</v>
      </c>
      <c r="KK39" s="123">
        <v>96873</v>
      </c>
      <c r="KL39" s="160">
        <v>96873</v>
      </c>
      <c r="KM39" s="261">
        <v>0</v>
      </c>
      <c r="KN39" s="268">
        <v>0</v>
      </c>
      <c r="KO39" s="269">
        <v>0</v>
      </c>
      <c r="KP39" s="157"/>
      <c r="KQ39" s="122">
        <v>0</v>
      </c>
      <c r="KR39" s="122">
        <v>0</v>
      </c>
      <c r="KS39" s="122">
        <v>0</v>
      </c>
      <c r="KT39" s="122">
        <v>0</v>
      </c>
      <c r="KU39" s="122">
        <v>0</v>
      </c>
      <c r="KV39" s="123">
        <v>0</v>
      </c>
      <c r="KW39" s="357">
        <v>0</v>
      </c>
      <c r="KX39" s="159">
        <v>0</v>
      </c>
      <c r="KY39" s="122">
        <v>0</v>
      </c>
      <c r="KZ39" s="123">
        <v>0</v>
      </c>
      <c r="LA39" s="162"/>
      <c r="LB39" s="122">
        <v>0</v>
      </c>
      <c r="LC39" s="122">
        <v>0</v>
      </c>
      <c r="LD39" s="122">
        <v>0</v>
      </c>
      <c r="LE39" s="122">
        <v>0</v>
      </c>
      <c r="LF39" s="122">
        <v>0</v>
      </c>
      <c r="LG39" s="123">
        <v>0</v>
      </c>
      <c r="LH39" s="124">
        <v>0</v>
      </c>
      <c r="LI39" s="159">
        <v>0</v>
      </c>
      <c r="LJ39" s="122">
        <v>0</v>
      </c>
      <c r="LK39" s="123">
        <v>0</v>
      </c>
      <c r="LL39" s="162"/>
      <c r="LM39" s="122">
        <v>0</v>
      </c>
      <c r="LN39" s="122">
        <v>0</v>
      </c>
      <c r="LO39" s="122">
        <v>0</v>
      </c>
      <c r="LP39" s="122">
        <v>0</v>
      </c>
      <c r="LQ39" s="122">
        <v>0</v>
      </c>
      <c r="LR39" s="123">
        <v>0</v>
      </c>
      <c r="LS39" s="357">
        <v>0</v>
      </c>
      <c r="LT39" s="159">
        <v>0</v>
      </c>
      <c r="LU39" s="122">
        <v>0</v>
      </c>
      <c r="LV39" s="123">
        <v>0</v>
      </c>
      <c r="LW39" s="162"/>
      <c r="LX39" s="122">
        <v>0</v>
      </c>
      <c r="LY39" s="122">
        <v>0</v>
      </c>
      <c r="LZ39" s="122">
        <v>211358</v>
      </c>
      <c r="MA39" s="122">
        <v>0</v>
      </c>
      <c r="MB39" s="122">
        <v>0</v>
      </c>
      <c r="MC39" s="123">
        <v>211358</v>
      </c>
      <c r="MD39" s="124">
        <v>211358</v>
      </c>
      <c r="ME39" s="159">
        <v>0</v>
      </c>
      <c r="MF39" s="122">
        <v>0</v>
      </c>
      <c r="MG39" s="123">
        <v>0</v>
      </c>
      <c r="MH39" s="162"/>
      <c r="MI39" s="122">
        <v>0</v>
      </c>
      <c r="MJ39" s="122">
        <v>0</v>
      </c>
      <c r="MK39" s="122">
        <v>235550</v>
      </c>
      <c r="ML39" s="122">
        <v>0</v>
      </c>
      <c r="MM39" s="122">
        <v>0</v>
      </c>
      <c r="MN39" s="123">
        <v>235550</v>
      </c>
      <c r="MO39" s="160">
        <v>235550</v>
      </c>
      <c r="MP39" s="159">
        <v>0</v>
      </c>
      <c r="MQ39" s="122">
        <v>0</v>
      </c>
      <c r="MR39" s="123">
        <v>0</v>
      </c>
      <c r="MS39" s="162"/>
      <c r="MT39" s="122">
        <v>0</v>
      </c>
      <c r="MU39" s="122">
        <v>0</v>
      </c>
      <c r="MV39" s="122">
        <v>0</v>
      </c>
      <c r="MW39" s="122">
        <v>0</v>
      </c>
      <c r="MX39" s="122">
        <v>0</v>
      </c>
      <c r="MY39" s="123">
        <v>0</v>
      </c>
      <c r="MZ39" s="160">
        <v>0</v>
      </c>
      <c r="NA39" s="159">
        <v>0</v>
      </c>
      <c r="NB39" s="122">
        <v>0</v>
      </c>
      <c r="NC39" s="123">
        <v>0</v>
      </c>
      <c r="ND39" s="162"/>
      <c r="NE39" s="122">
        <v>0</v>
      </c>
      <c r="NF39" s="122">
        <v>0</v>
      </c>
      <c r="NG39" s="122">
        <v>235550</v>
      </c>
      <c r="NH39" s="122">
        <v>0</v>
      </c>
      <c r="NI39" s="122">
        <v>0</v>
      </c>
      <c r="NJ39" s="123">
        <v>235550</v>
      </c>
      <c r="NK39" s="357">
        <v>235550</v>
      </c>
      <c r="NL39" s="159">
        <v>0</v>
      </c>
      <c r="NM39" s="122">
        <v>0</v>
      </c>
      <c r="NN39" s="123">
        <v>0</v>
      </c>
      <c r="NO39" s="162"/>
      <c r="NP39" s="122">
        <v>0</v>
      </c>
      <c r="NQ39" s="122">
        <v>0</v>
      </c>
      <c r="NR39" s="122">
        <v>0</v>
      </c>
      <c r="NS39" s="122">
        <v>0</v>
      </c>
      <c r="NT39" s="122">
        <v>0</v>
      </c>
      <c r="NU39" s="123">
        <v>0</v>
      </c>
      <c r="NV39" s="124">
        <v>0</v>
      </c>
      <c r="NW39" s="159">
        <v>0</v>
      </c>
      <c r="NX39" s="122">
        <v>0</v>
      </c>
      <c r="NY39" s="123">
        <v>0</v>
      </c>
      <c r="NZ39" s="162"/>
      <c r="OA39" s="122">
        <v>0</v>
      </c>
      <c r="OB39" s="122">
        <v>0</v>
      </c>
      <c r="OC39" s="122">
        <v>0</v>
      </c>
      <c r="OD39" s="122">
        <v>0</v>
      </c>
      <c r="OE39" s="122">
        <v>0</v>
      </c>
      <c r="OF39" s="123">
        <v>0</v>
      </c>
      <c r="OG39" s="124">
        <v>0</v>
      </c>
      <c r="OH39" s="159">
        <v>0</v>
      </c>
      <c r="OI39" s="122">
        <v>14322</v>
      </c>
      <c r="OJ39" s="158">
        <v>14322</v>
      </c>
      <c r="OK39" s="121">
        <v>0</v>
      </c>
      <c r="OL39" s="122">
        <v>144522</v>
      </c>
      <c r="OM39" s="122">
        <v>232974</v>
      </c>
      <c r="ON39" s="122">
        <v>666323</v>
      </c>
      <c r="OO39" s="122">
        <v>484418</v>
      </c>
      <c r="OP39" s="122">
        <v>28140</v>
      </c>
      <c r="OQ39" s="123">
        <v>1556377</v>
      </c>
      <c r="OR39" s="160">
        <v>30449.176062762199</v>
      </c>
    </row>
    <row r="40" spans="1:408" ht="20.25" customHeight="1" x14ac:dyDescent="0.2">
      <c r="A40" s="129" t="s">
        <v>35</v>
      </c>
      <c r="B40" s="112">
        <v>183234</v>
      </c>
      <c r="C40" s="116">
        <v>223246</v>
      </c>
      <c r="D40" s="115">
        <v>406480</v>
      </c>
      <c r="E40" s="111">
        <v>0</v>
      </c>
      <c r="F40" s="116">
        <v>746099</v>
      </c>
      <c r="G40" s="116">
        <v>593229</v>
      </c>
      <c r="H40" s="116">
        <v>872943</v>
      </c>
      <c r="I40" s="116">
        <v>981776</v>
      </c>
      <c r="J40" s="116">
        <v>323141</v>
      </c>
      <c r="K40" s="200">
        <v>3517188</v>
      </c>
      <c r="L40" s="118">
        <v>3923668</v>
      </c>
      <c r="M40" s="112">
        <v>41398</v>
      </c>
      <c r="N40" s="116">
        <v>24899</v>
      </c>
      <c r="O40" s="115">
        <v>66297</v>
      </c>
      <c r="P40" s="112">
        <v>0</v>
      </c>
      <c r="Q40" s="116">
        <v>330475</v>
      </c>
      <c r="R40" s="116">
        <v>193004</v>
      </c>
      <c r="S40" s="116">
        <v>339056</v>
      </c>
      <c r="T40" s="116">
        <v>320290</v>
      </c>
      <c r="U40" s="116">
        <v>262724</v>
      </c>
      <c r="V40" s="115">
        <v>1445549</v>
      </c>
      <c r="W40" s="118">
        <v>1511846</v>
      </c>
      <c r="X40" s="112">
        <v>0</v>
      </c>
      <c r="Y40" s="116">
        <v>0</v>
      </c>
      <c r="Z40" s="115">
        <v>0</v>
      </c>
      <c r="AA40" s="112">
        <v>0</v>
      </c>
      <c r="AB40" s="116">
        <v>289077</v>
      </c>
      <c r="AC40" s="116">
        <v>118328</v>
      </c>
      <c r="AD40" s="116">
        <v>245200</v>
      </c>
      <c r="AE40" s="116">
        <v>200716</v>
      </c>
      <c r="AF40" s="116">
        <v>0</v>
      </c>
      <c r="AG40" s="115">
        <v>853321</v>
      </c>
      <c r="AH40" s="118">
        <v>853321</v>
      </c>
      <c r="AI40" s="112">
        <v>0</v>
      </c>
      <c r="AJ40" s="116">
        <v>0</v>
      </c>
      <c r="AK40" s="115">
        <v>0</v>
      </c>
      <c r="AL40" s="112">
        <v>0</v>
      </c>
      <c r="AM40" s="116">
        <v>0</v>
      </c>
      <c r="AN40" s="116">
        <v>0</v>
      </c>
      <c r="AO40" s="116">
        <v>0</v>
      </c>
      <c r="AP40" s="116">
        <v>0</v>
      </c>
      <c r="AQ40" s="116">
        <v>0</v>
      </c>
      <c r="AR40" s="115">
        <v>0</v>
      </c>
      <c r="AS40" s="118">
        <v>0</v>
      </c>
      <c r="AT40" s="112">
        <v>0</v>
      </c>
      <c r="AU40" s="116">
        <v>0</v>
      </c>
      <c r="AV40" s="115">
        <v>0</v>
      </c>
      <c r="AW40" s="112">
        <v>0</v>
      </c>
      <c r="AX40" s="116">
        <v>0</v>
      </c>
      <c r="AY40" s="116">
        <v>48923</v>
      </c>
      <c r="AZ40" s="116">
        <v>59038</v>
      </c>
      <c r="BA40" s="116">
        <v>70364</v>
      </c>
      <c r="BB40" s="116">
        <v>230377</v>
      </c>
      <c r="BC40" s="115">
        <v>408702</v>
      </c>
      <c r="BD40" s="118">
        <v>408702</v>
      </c>
      <c r="BE40" s="112">
        <v>0</v>
      </c>
      <c r="BF40" s="116">
        <v>0</v>
      </c>
      <c r="BG40" s="114">
        <v>0</v>
      </c>
      <c r="BH40" s="113">
        <v>0</v>
      </c>
      <c r="BI40" s="116">
        <v>0</v>
      </c>
      <c r="BJ40" s="116">
        <v>17528</v>
      </c>
      <c r="BK40" s="116">
        <v>13146</v>
      </c>
      <c r="BL40" s="116">
        <v>0</v>
      </c>
      <c r="BM40" s="116">
        <v>0</v>
      </c>
      <c r="BN40" s="115">
        <v>30674</v>
      </c>
      <c r="BO40" s="118">
        <v>30674</v>
      </c>
      <c r="BP40" s="112">
        <v>41398</v>
      </c>
      <c r="BQ40" s="116">
        <v>24899</v>
      </c>
      <c r="BR40" s="115">
        <v>66297</v>
      </c>
      <c r="BS40" s="112">
        <v>0</v>
      </c>
      <c r="BT40" s="116">
        <v>41398</v>
      </c>
      <c r="BU40" s="116">
        <v>8225</v>
      </c>
      <c r="BV40" s="116">
        <v>21672</v>
      </c>
      <c r="BW40" s="116">
        <v>49210</v>
      </c>
      <c r="BX40" s="116">
        <v>32347</v>
      </c>
      <c r="BY40" s="115">
        <v>152852</v>
      </c>
      <c r="BZ40" s="118">
        <v>219149</v>
      </c>
      <c r="CA40" s="112">
        <v>0</v>
      </c>
      <c r="CB40" s="116">
        <v>31822</v>
      </c>
      <c r="CC40" s="115">
        <v>31822</v>
      </c>
      <c r="CD40" s="112">
        <v>0</v>
      </c>
      <c r="CE40" s="116">
        <v>139399</v>
      </c>
      <c r="CF40" s="116">
        <v>310219</v>
      </c>
      <c r="CG40" s="116">
        <v>74354</v>
      </c>
      <c r="CH40" s="116">
        <v>69937</v>
      </c>
      <c r="CI40" s="116">
        <v>14357</v>
      </c>
      <c r="CJ40" s="115">
        <v>608266</v>
      </c>
      <c r="CK40" s="118">
        <v>640088</v>
      </c>
      <c r="CL40" s="112">
        <v>0</v>
      </c>
      <c r="CM40" s="116">
        <v>0</v>
      </c>
      <c r="CN40" s="115">
        <v>0</v>
      </c>
      <c r="CO40" s="113">
        <v>0</v>
      </c>
      <c r="CP40" s="116">
        <v>120163</v>
      </c>
      <c r="CQ40" s="116">
        <v>247807</v>
      </c>
      <c r="CR40" s="116">
        <v>59248</v>
      </c>
      <c r="CS40" s="116">
        <v>0</v>
      </c>
      <c r="CT40" s="116">
        <v>0</v>
      </c>
      <c r="CU40" s="115">
        <v>427218</v>
      </c>
      <c r="CV40" s="118">
        <v>427218</v>
      </c>
      <c r="CW40" s="112">
        <v>0</v>
      </c>
      <c r="CX40" s="116">
        <v>31822</v>
      </c>
      <c r="CY40" s="115">
        <v>31822</v>
      </c>
      <c r="CZ40" s="112">
        <v>0</v>
      </c>
      <c r="DA40" s="116">
        <v>19236</v>
      </c>
      <c r="DB40" s="116">
        <v>62412</v>
      </c>
      <c r="DC40" s="116">
        <v>15106</v>
      </c>
      <c r="DD40" s="116">
        <v>69937</v>
      </c>
      <c r="DE40" s="116">
        <v>14357</v>
      </c>
      <c r="DF40" s="115">
        <v>181048</v>
      </c>
      <c r="DG40" s="118">
        <v>212870</v>
      </c>
      <c r="DH40" s="112">
        <v>0</v>
      </c>
      <c r="DI40" s="116">
        <v>0</v>
      </c>
      <c r="DJ40" s="114">
        <v>0</v>
      </c>
      <c r="DK40" s="113">
        <v>0</v>
      </c>
      <c r="DL40" s="116">
        <v>0</v>
      </c>
      <c r="DM40" s="116">
        <v>0</v>
      </c>
      <c r="DN40" s="116">
        <v>0</v>
      </c>
      <c r="DO40" s="116">
        <v>0</v>
      </c>
      <c r="DP40" s="116">
        <v>0</v>
      </c>
      <c r="DQ40" s="115">
        <v>0</v>
      </c>
      <c r="DR40" s="118">
        <v>0</v>
      </c>
      <c r="DS40" s="112">
        <v>0</v>
      </c>
      <c r="DT40" s="116">
        <v>0</v>
      </c>
      <c r="DU40" s="115">
        <v>0</v>
      </c>
      <c r="DV40" s="112">
        <v>0</v>
      </c>
      <c r="DW40" s="116">
        <v>0</v>
      </c>
      <c r="DX40" s="116">
        <v>0</v>
      </c>
      <c r="DY40" s="116">
        <v>0</v>
      </c>
      <c r="DZ40" s="116">
        <v>0</v>
      </c>
      <c r="EA40" s="116">
        <v>0</v>
      </c>
      <c r="EB40" s="115">
        <v>0</v>
      </c>
      <c r="EC40" s="118">
        <v>0</v>
      </c>
      <c r="ED40" s="112">
        <v>0</v>
      </c>
      <c r="EE40" s="114">
        <v>0</v>
      </c>
      <c r="EF40" s="115">
        <v>0</v>
      </c>
      <c r="EG40" s="112">
        <v>0</v>
      </c>
      <c r="EH40" s="116">
        <v>0</v>
      </c>
      <c r="EI40" s="116">
        <v>0</v>
      </c>
      <c r="EJ40" s="116">
        <v>0</v>
      </c>
      <c r="EK40" s="116">
        <v>0</v>
      </c>
      <c r="EL40" s="116">
        <v>0</v>
      </c>
      <c r="EM40" s="114">
        <v>0</v>
      </c>
      <c r="EN40" s="118">
        <v>0</v>
      </c>
      <c r="EO40" s="112">
        <v>0</v>
      </c>
      <c r="EP40" s="116">
        <v>0</v>
      </c>
      <c r="EQ40" s="114">
        <v>0</v>
      </c>
      <c r="ER40" s="113">
        <v>0</v>
      </c>
      <c r="ES40" s="116">
        <v>0</v>
      </c>
      <c r="ET40" s="116">
        <v>0</v>
      </c>
      <c r="EU40" s="116">
        <v>0</v>
      </c>
      <c r="EV40" s="116">
        <v>0</v>
      </c>
      <c r="EW40" s="116">
        <v>0</v>
      </c>
      <c r="EX40" s="115">
        <v>0</v>
      </c>
      <c r="EY40" s="118">
        <v>0</v>
      </c>
      <c r="EZ40" s="112">
        <v>0</v>
      </c>
      <c r="FA40" s="116">
        <v>0</v>
      </c>
      <c r="FB40" s="114">
        <v>0</v>
      </c>
      <c r="FC40" s="390"/>
      <c r="FD40" s="116">
        <v>0</v>
      </c>
      <c r="FE40" s="116">
        <v>0</v>
      </c>
      <c r="FF40" s="116">
        <v>0</v>
      </c>
      <c r="FG40" s="116">
        <v>0</v>
      </c>
      <c r="FH40" s="116">
        <v>0</v>
      </c>
      <c r="FI40" s="115">
        <v>0</v>
      </c>
      <c r="FJ40" s="118">
        <v>0</v>
      </c>
      <c r="FK40" s="112">
        <v>5950</v>
      </c>
      <c r="FL40" s="116">
        <v>1400</v>
      </c>
      <c r="FM40" s="115">
        <v>7350</v>
      </c>
      <c r="FN40" s="112">
        <v>0</v>
      </c>
      <c r="FO40" s="116">
        <v>17528</v>
      </c>
      <c r="FP40" s="116">
        <v>90006</v>
      </c>
      <c r="FQ40" s="116">
        <v>118790</v>
      </c>
      <c r="FR40" s="116">
        <v>47110</v>
      </c>
      <c r="FS40" s="116">
        <v>46060</v>
      </c>
      <c r="FT40" s="115">
        <v>319494</v>
      </c>
      <c r="FU40" s="118">
        <v>326844</v>
      </c>
      <c r="FV40" s="117">
        <v>5950</v>
      </c>
      <c r="FW40" s="116">
        <v>1400</v>
      </c>
      <c r="FX40" s="114">
        <v>7350</v>
      </c>
      <c r="FY40" s="113">
        <v>0</v>
      </c>
      <c r="FZ40" s="116">
        <v>17528</v>
      </c>
      <c r="GA40" s="116">
        <v>90006</v>
      </c>
      <c r="GB40" s="116">
        <v>118790</v>
      </c>
      <c r="GC40" s="116">
        <v>47110</v>
      </c>
      <c r="GD40" s="116">
        <v>46060</v>
      </c>
      <c r="GE40" s="115">
        <v>319494</v>
      </c>
      <c r="GF40" s="354">
        <v>326844</v>
      </c>
      <c r="GG40" s="117">
        <v>0</v>
      </c>
      <c r="GH40" s="116">
        <v>0</v>
      </c>
      <c r="GI40" s="114">
        <v>0</v>
      </c>
      <c r="GJ40" s="113">
        <v>0</v>
      </c>
      <c r="GK40" s="116">
        <v>0</v>
      </c>
      <c r="GL40" s="116">
        <v>0</v>
      </c>
      <c r="GM40" s="116">
        <v>0</v>
      </c>
      <c r="GN40" s="116">
        <v>0</v>
      </c>
      <c r="GO40" s="116">
        <v>0</v>
      </c>
      <c r="GP40" s="115">
        <v>0</v>
      </c>
      <c r="GQ40" s="118">
        <v>0</v>
      </c>
      <c r="GR40" s="112">
        <v>0</v>
      </c>
      <c r="GS40" s="116">
        <v>0</v>
      </c>
      <c r="GT40" s="115">
        <v>0</v>
      </c>
      <c r="GU40" s="112">
        <v>0</v>
      </c>
      <c r="GV40" s="116">
        <v>0</v>
      </c>
      <c r="GW40" s="116">
        <v>0</v>
      </c>
      <c r="GX40" s="116">
        <v>0</v>
      </c>
      <c r="GY40" s="116">
        <v>0</v>
      </c>
      <c r="GZ40" s="116">
        <v>0</v>
      </c>
      <c r="HA40" s="114">
        <v>0</v>
      </c>
      <c r="HB40" s="118">
        <v>0</v>
      </c>
      <c r="HC40" s="112">
        <v>135886</v>
      </c>
      <c r="HD40" s="116">
        <v>165125</v>
      </c>
      <c r="HE40" s="114">
        <v>301011</v>
      </c>
      <c r="HF40" s="113">
        <v>0</v>
      </c>
      <c r="HG40" s="116">
        <v>258697</v>
      </c>
      <c r="HH40" s="116">
        <v>0</v>
      </c>
      <c r="HI40" s="116">
        <v>340743</v>
      </c>
      <c r="HJ40" s="116">
        <v>544439</v>
      </c>
      <c r="HK40" s="116">
        <v>0</v>
      </c>
      <c r="HL40" s="115">
        <v>1143879</v>
      </c>
      <c r="HM40" s="111">
        <v>1444890</v>
      </c>
      <c r="HN40" s="370"/>
      <c r="HO40" s="371"/>
      <c r="HP40" s="372"/>
      <c r="HQ40" s="373"/>
      <c r="HR40" s="371"/>
      <c r="HS40" s="371"/>
      <c r="HT40" s="371"/>
      <c r="HU40" s="371"/>
      <c r="HV40" s="371"/>
      <c r="HW40" s="374"/>
      <c r="HX40" s="375"/>
      <c r="HY40" s="167">
        <v>0</v>
      </c>
      <c r="HZ40" s="152">
        <v>0</v>
      </c>
      <c r="IA40" s="167">
        <v>0</v>
      </c>
      <c r="IB40" s="163">
        <v>0</v>
      </c>
      <c r="IC40" s="149">
        <v>79342</v>
      </c>
      <c r="ID40" s="164">
        <v>0</v>
      </c>
      <c r="IE40" s="150">
        <v>273819</v>
      </c>
      <c r="IF40" s="149">
        <v>0</v>
      </c>
      <c r="IG40" s="150">
        <v>0</v>
      </c>
      <c r="IH40" s="165">
        <v>353161</v>
      </c>
      <c r="II40" s="167">
        <v>353161</v>
      </c>
      <c r="IJ40" s="261">
        <v>0</v>
      </c>
      <c r="IK40" s="268">
        <v>0</v>
      </c>
      <c r="IL40" s="269">
        <v>0</v>
      </c>
      <c r="IM40" s="157"/>
      <c r="IN40" s="122">
        <v>0</v>
      </c>
      <c r="IO40" s="122">
        <v>0</v>
      </c>
      <c r="IP40" s="122">
        <v>0</v>
      </c>
      <c r="IQ40" s="122">
        <v>0</v>
      </c>
      <c r="IR40" s="122">
        <v>0</v>
      </c>
      <c r="IS40" s="158">
        <v>0</v>
      </c>
      <c r="IT40" s="357">
        <v>0</v>
      </c>
      <c r="IU40" s="159">
        <v>0</v>
      </c>
      <c r="IV40" s="122">
        <v>0</v>
      </c>
      <c r="IW40" s="123">
        <v>0</v>
      </c>
      <c r="IX40" s="161"/>
      <c r="IY40" s="122">
        <v>0</v>
      </c>
      <c r="IZ40" s="122">
        <v>0</v>
      </c>
      <c r="JA40" s="122">
        <v>0</v>
      </c>
      <c r="JB40" s="122">
        <v>0</v>
      </c>
      <c r="JC40" s="122">
        <v>0</v>
      </c>
      <c r="JD40" s="123">
        <v>0</v>
      </c>
      <c r="JE40" s="124">
        <v>0</v>
      </c>
      <c r="JF40" s="159">
        <v>0</v>
      </c>
      <c r="JG40" s="122">
        <v>0</v>
      </c>
      <c r="JH40" s="158">
        <v>0</v>
      </c>
      <c r="JI40" s="121">
        <v>0</v>
      </c>
      <c r="JJ40" s="122">
        <v>79342</v>
      </c>
      <c r="JK40" s="122">
        <v>0</v>
      </c>
      <c r="JL40" s="122">
        <v>0</v>
      </c>
      <c r="JM40" s="122">
        <v>0</v>
      </c>
      <c r="JN40" s="122">
        <v>0</v>
      </c>
      <c r="JO40" s="123">
        <v>79342</v>
      </c>
      <c r="JP40" s="357">
        <v>79342</v>
      </c>
      <c r="JQ40" s="159">
        <v>0</v>
      </c>
      <c r="JR40" s="122">
        <v>0</v>
      </c>
      <c r="JS40" s="158">
        <v>0</v>
      </c>
      <c r="JT40" s="121">
        <v>0</v>
      </c>
      <c r="JU40" s="122">
        <v>0</v>
      </c>
      <c r="JV40" s="122">
        <v>0</v>
      </c>
      <c r="JW40" s="122">
        <v>0</v>
      </c>
      <c r="JX40" s="122">
        <v>0</v>
      </c>
      <c r="JY40" s="122">
        <v>0</v>
      </c>
      <c r="JZ40" s="123">
        <v>0</v>
      </c>
      <c r="KA40" s="357">
        <v>0</v>
      </c>
      <c r="KB40" s="264">
        <v>0</v>
      </c>
      <c r="KC40" s="258">
        <v>0</v>
      </c>
      <c r="KD40" s="123">
        <v>0</v>
      </c>
      <c r="KE40" s="121">
        <v>0</v>
      </c>
      <c r="KF40" s="122">
        <v>0</v>
      </c>
      <c r="KG40" s="122">
        <v>0</v>
      </c>
      <c r="KH40" s="122">
        <v>64337</v>
      </c>
      <c r="KI40" s="122">
        <v>0</v>
      </c>
      <c r="KJ40" s="122">
        <v>0</v>
      </c>
      <c r="KK40" s="123">
        <v>64337</v>
      </c>
      <c r="KL40" s="160">
        <v>64337</v>
      </c>
      <c r="KM40" s="261">
        <v>0</v>
      </c>
      <c r="KN40" s="268">
        <v>0</v>
      </c>
      <c r="KO40" s="269">
        <v>0</v>
      </c>
      <c r="KP40" s="157"/>
      <c r="KQ40" s="122">
        <v>0</v>
      </c>
      <c r="KR40" s="122">
        <v>0</v>
      </c>
      <c r="KS40" s="122">
        <v>209482</v>
      </c>
      <c r="KT40" s="122">
        <v>0</v>
      </c>
      <c r="KU40" s="122">
        <v>0</v>
      </c>
      <c r="KV40" s="123">
        <v>209482</v>
      </c>
      <c r="KW40" s="357">
        <v>209482</v>
      </c>
      <c r="KX40" s="159">
        <v>0</v>
      </c>
      <c r="KY40" s="122">
        <v>0</v>
      </c>
      <c r="KZ40" s="123">
        <v>0</v>
      </c>
      <c r="LA40" s="162"/>
      <c r="LB40" s="122">
        <v>0</v>
      </c>
      <c r="LC40" s="122">
        <v>0</v>
      </c>
      <c r="LD40" s="122">
        <v>0</v>
      </c>
      <c r="LE40" s="122">
        <v>0</v>
      </c>
      <c r="LF40" s="122">
        <v>0</v>
      </c>
      <c r="LG40" s="123">
        <v>0</v>
      </c>
      <c r="LH40" s="124">
        <v>0</v>
      </c>
      <c r="LI40" s="159">
        <v>0</v>
      </c>
      <c r="LJ40" s="122">
        <v>0</v>
      </c>
      <c r="LK40" s="123">
        <v>0</v>
      </c>
      <c r="LL40" s="162"/>
      <c r="LM40" s="122">
        <v>0</v>
      </c>
      <c r="LN40" s="122">
        <v>0</v>
      </c>
      <c r="LO40" s="122">
        <v>0</v>
      </c>
      <c r="LP40" s="122">
        <v>0</v>
      </c>
      <c r="LQ40" s="122">
        <v>0</v>
      </c>
      <c r="LR40" s="123">
        <v>0</v>
      </c>
      <c r="LS40" s="357">
        <v>0</v>
      </c>
      <c r="LT40" s="159">
        <v>0</v>
      </c>
      <c r="LU40" s="122">
        <v>0</v>
      </c>
      <c r="LV40" s="123">
        <v>0</v>
      </c>
      <c r="LW40" s="162"/>
      <c r="LX40" s="122">
        <v>0</v>
      </c>
      <c r="LY40" s="122">
        <v>0</v>
      </c>
      <c r="LZ40" s="122">
        <v>0</v>
      </c>
      <c r="MA40" s="122">
        <v>0</v>
      </c>
      <c r="MB40" s="122">
        <v>0</v>
      </c>
      <c r="MC40" s="123">
        <v>0</v>
      </c>
      <c r="MD40" s="124">
        <v>0</v>
      </c>
      <c r="ME40" s="159">
        <v>0</v>
      </c>
      <c r="MF40" s="122">
        <v>0</v>
      </c>
      <c r="MG40" s="123">
        <v>0</v>
      </c>
      <c r="MH40" s="162"/>
      <c r="MI40" s="122">
        <v>0</v>
      </c>
      <c r="MJ40" s="122">
        <v>0</v>
      </c>
      <c r="MK40" s="122">
        <v>277158</v>
      </c>
      <c r="ML40" s="122">
        <v>452214</v>
      </c>
      <c r="MM40" s="122">
        <v>0</v>
      </c>
      <c r="MN40" s="123">
        <v>729372</v>
      </c>
      <c r="MO40" s="160">
        <v>729372</v>
      </c>
      <c r="MP40" s="159">
        <v>0</v>
      </c>
      <c r="MQ40" s="122">
        <v>0</v>
      </c>
      <c r="MR40" s="123">
        <v>0</v>
      </c>
      <c r="MS40" s="162"/>
      <c r="MT40" s="122">
        <v>0</v>
      </c>
      <c r="MU40" s="122">
        <v>0</v>
      </c>
      <c r="MV40" s="122">
        <v>41846</v>
      </c>
      <c r="MW40" s="122">
        <v>403620</v>
      </c>
      <c r="MX40" s="122">
        <v>0</v>
      </c>
      <c r="MY40" s="123">
        <v>445466</v>
      </c>
      <c r="MZ40" s="160">
        <v>445466</v>
      </c>
      <c r="NA40" s="159">
        <v>0</v>
      </c>
      <c r="NB40" s="122">
        <v>0</v>
      </c>
      <c r="NC40" s="123">
        <v>0</v>
      </c>
      <c r="ND40" s="162"/>
      <c r="NE40" s="122">
        <v>0</v>
      </c>
      <c r="NF40" s="122">
        <v>0</v>
      </c>
      <c r="NG40" s="122">
        <v>235312</v>
      </c>
      <c r="NH40" s="122">
        <v>48594</v>
      </c>
      <c r="NI40" s="122">
        <v>0</v>
      </c>
      <c r="NJ40" s="123">
        <v>283906</v>
      </c>
      <c r="NK40" s="357">
        <v>283906</v>
      </c>
      <c r="NL40" s="159">
        <v>0</v>
      </c>
      <c r="NM40" s="122">
        <v>0</v>
      </c>
      <c r="NN40" s="123">
        <v>0</v>
      </c>
      <c r="NO40" s="162"/>
      <c r="NP40" s="122">
        <v>0</v>
      </c>
      <c r="NQ40" s="122">
        <v>0</v>
      </c>
      <c r="NR40" s="122">
        <v>0</v>
      </c>
      <c r="NS40" s="122">
        <v>0</v>
      </c>
      <c r="NT40" s="122">
        <v>0</v>
      </c>
      <c r="NU40" s="123">
        <v>0</v>
      </c>
      <c r="NV40" s="124">
        <v>0</v>
      </c>
      <c r="NW40" s="159">
        <v>0</v>
      </c>
      <c r="NX40" s="122">
        <v>0</v>
      </c>
      <c r="NY40" s="123">
        <v>0</v>
      </c>
      <c r="NZ40" s="162"/>
      <c r="OA40" s="122">
        <v>0</v>
      </c>
      <c r="OB40" s="122">
        <v>0</v>
      </c>
      <c r="OC40" s="122">
        <v>0</v>
      </c>
      <c r="OD40" s="122">
        <v>0</v>
      </c>
      <c r="OE40" s="122">
        <v>0</v>
      </c>
      <c r="OF40" s="123">
        <v>0</v>
      </c>
      <c r="OG40" s="124">
        <v>0</v>
      </c>
      <c r="OH40" s="159">
        <v>183234</v>
      </c>
      <c r="OI40" s="122">
        <v>223246</v>
      </c>
      <c r="OJ40" s="158">
        <v>406480</v>
      </c>
      <c r="OK40" s="121">
        <v>0</v>
      </c>
      <c r="OL40" s="122">
        <v>825441</v>
      </c>
      <c r="OM40" s="122">
        <v>593229</v>
      </c>
      <c r="ON40" s="122">
        <v>1423920</v>
      </c>
      <c r="OO40" s="122">
        <v>1433990</v>
      </c>
      <c r="OP40" s="122">
        <v>323141</v>
      </c>
      <c r="OQ40" s="123">
        <v>4599721</v>
      </c>
      <c r="OR40" s="160">
        <v>64665.541725962103</v>
      </c>
    </row>
    <row r="41" spans="1:408" ht="20.25" customHeight="1" x14ac:dyDescent="0.2">
      <c r="A41" s="129" t="s">
        <v>36</v>
      </c>
      <c r="B41" s="112">
        <v>0</v>
      </c>
      <c r="C41" s="116">
        <v>78224</v>
      </c>
      <c r="D41" s="115">
        <v>78224</v>
      </c>
      <c r="E41" s="111">
        <v>0</v>
      </c>
      <c r="F41" s="116">
        <v>352930</v>
      </c>
      <c r="G41" s="116">
        <v>649728</v>
      </c>
      <c r="H41" s="116">
        <v>433116</v>
      </c>
      <c r="I41" s="116">
        <v>1016619</v>
      </c>
      <c r="J41" s="116">
        <v>62611</v>
      </c>
      <c r="K41" s="200">
        <v>2515004</v>
      </c>
      <c r="L41" s="118">
        <v>2593228</v>
      </c>
      <c r="M41" s="112">
        <v>0</v>
      </c>
      <c r="N41" s="116">
        <v>31786</v>
      </c>
      <c r="O41" s="115">
        <v>31786</v>
      </c>
      <c r="P41" s="112">
        <v>0</v>
      </c>
      <c r="Q41" s="116">
        <v>161681</v>
      </c>
      <c r="R41" s="116">
        <v>67281</v>
      </c>
      <c r="S41" s="116">
        <v>42742</v>
      </c>
      <c r="T41" s="116">
        <v>413722</v>
      </c>
      <c r="U41" s="116">
        <v>36057</v>
      </c>
      <c r="V41" s="115">
        <v>721483</v>
      </c>
      <c r="W41" s="118">
        <v>753269</v>
      </c>
      <c r="X41" s="112">
        <v>0</v>
      </c>
      <c r="Y41" s="116">
        <v>0</v>
      </c>
      <c r="Z41" s="115">
        <v>0</v>
      </c>
      <c r="AA41" s="112">
        <v>0</v>
      </c>
      <c r="AB41" s="116">
        <v>116236</v>
      </c>
      <c r="AC41" s="116">
        <v>8913</v>
      </c>
      <c r="AD41" s="116">
        <v>0</v>
      </c>
      <c r="AE41" s="116">
        <v>297342</v>
      </c>
      <c r="AF41" s="116">
        <v>0</v>
      </c>
      <c r="AG41" s="115">
        <v>422491</v>
      </c>
      <c r="AH41" s="118">
        <v>422491</v>
      </c>
      <c r="AI41" s="112">
        <v>0</v>
      </c>
      <c r="AJ41" s="116">
        <v>0</v>
      </c>
      <c r="AK41" s="115">
        <v>0</v>
      </c>
      <c r="AL41" s="112">
        <v>0</v>
      </c>
      <c r="AM41" s="116">
        <v>0</v>
      </c>
      <c r="AN41" s="116">
        <v>0</v>
      </c>
      <c r="AO41" s="116">
        <v>0</v>
      </c>
      <c r="AP41" s="116">
        <v>0</v>
      </c>
      <c r="AQ41" s="116">
        <v>0</v>
      </c>
      <c r="AR41" s="115">
        <v>0</v>
      </c>
      <c r="AS41" s="118">
        <v>0</v>
      </c>
      <c r="AT41" s="112">
        <v>0</v>
      </c>
      <c r="AU41" s="116">
        <v>31786</v>
      </c>
      <c r="AV41" s="115">
        <v>31786</v>
      </c>
      <c r="AW41" s="112">
        <v>0</v>
      </c>
      <c r="AX41" s="116">
        <v>39306</v>
      </c>
      <c r="AY41" s="116">
        <v>38166</v>
      </c>
      <c r="AZ41" s="116">
        <v>0</v>
      </c>
      <c r="BA41" s="116">
        <v>33222</v>
      </c>
      <c r="BB41" s="116">
        <v>36057</v>
      </c>
      <c r="BC41" s="115">
        <v>146751</v>
      </c>
      <c r="BD41" s="118">
        <v>178537</v>
      </c>
      <c r="BE41" s="112">
        <v>0</v>
      </c>
      <c r="BF41" s="116">
        <v>0</v>
      </c>
      <c r="BG41" s="114">
        <v>0</v>
      </c>
      <c r="BH41" s="113">
        <v>0</v>
      </c>
      <c r="BI41" s="116">
        <v>0</v>
      </c>
      <c r="BJ41" s="116">
        <v>0</v>
      </c>
      <c r="BK41" s="116">
        <v>0</v>
      </c>
      <c r="BL41" s="116">
        <v>17932</v>
      </c>
      <c r="BM41" s="116">
        <v>0</v>
      </c>
      <c r="BN41" s="115">
        <v>17932</v>
      </c>
      <c r="BO41" s="118">
        <v>17932</v>
      </c>
      <c r="BP41" s="112">
        <v>0</v>
      </c>
      <c r="BQ41" s="116">
        <v>0</v>
      </c>
      <c r="BR41" s="115">
        <v>0</v>
      </c>
      <c r="BS41" s="112">
        <v>0</v>
      </c>
      <c r="BT41" s="116">
        <v>6139</v>
      </c>
      <c r="BU41" s="116">
        <v>20202</v>
      </c>
      <c r="BV41" s="116">
        <v>42742</v>
      </c>
      <c r="BW41" s="116">
        <v>65226</v>
      </c>
      <c r="BX41" s="116">
        <v>0</v>
      </c>
      <c r="BY41" s="115">
        <v>134309</v>
      </c>
      <c r="BZ41" s="118">
        <v>134309</v>
      </c>
      <c r="CA41" s="112">
        <v>0</v>
      </c>
      <c r="CB41" s="116">
        <v>32648</v>
      </c>
      <c r="CC41" s="115">
        <v>32648</v>
      </c>
      <c r="CD41" s="112">
        <v>0</v>
      </c>
      <c r="CE41" s="116">
        <v>168149</v>
      </c>
      <c r="CF41" s="116">
        <v>142596</v>
      </c>
      <c r="CG41" s="116">
        <v>68637</v>
      </c>
      <c r="CH41" s="116">
        <v>0</v>
      </c>
      <c r="CI41" s="116">
        <v>10818</v>
      </c>
      <c r="CJ41" s="115">
        <v>390200</v>
      </c>
      <c r="CK41" s="118">
        <v>422848</v>
      </c>
      <c r="CL41" s="112">
        <v>0</v>
      </c>
      <c r="CM41" s="116">
        <v>0</v>
      </c>
      <c r="CN41" s="115">
        <v>0</v>
      </c>
      <c r="CO41" s="113">
        <v>0</v>
      </c>
      <c r="CP41" s="116">
        <v>143949</v>
      </c>
      <c r="CQ41" s="116">
        <v>142596</v>
      </c>
      <c r="CR41" s="116">
        <v>68637</v>
      </c>
      <c r="CS41" s="116">
        <v>0</v>
      </c>
      <c r="CT41" s="116">
        <v>10818</v>
      </c>
      <c r="CU41" s="115">
        <v>366000</v>
      </c>
      <c r="CV41" s="118">
        <v>366000</v>
      </c>
      <c r="CW41" s="112">
        <v>0</v>
      </c>
      <c r="CX41" s="116">
        <v>32648</v>
      </c>
      <c r="CY41" s="115">
        <v>32648</v>
      </c>
      <c r="CZ41" s="112">
        <v>0</v>
      </c>
      <c r="DA41" s="116">
        <v>24200</v>
      </c>
      <c r="DB41" s="116">
        <v>0</v>
      </c>
      <c r="DC41" s="116">
        <v>0</v>
      </c>
      <c r="DD41" s="116">
        <v>0</v>
      </c>
      <c r="DE41" s="116">
        <v>0</v>
      </c>
      <c r="DF41" s="115">
        <v>24200</v>
      </c>
      <c r="DG41" s="118">
        <v>56848</v>
      </c>
      <c r="DH41" s="112">
        <v>0</v>
      </c>
      <c r="DI41" s="116">
        <v>0</v>
      </c>
      <c r="DJ41" s="114">
        <v>0</v>
      </c>
      <c r="DK41" s="113">
        <v>0</v>
      </c>
      <c r="DL41" s="116">
        <v>0</v>
      </c>
      <c r="DM41" s="116">
        <v>103877</v>
      </c>
      <c r="DN41" s="116">
        <v>89551</v>
      </c>
      <c r="DO41" s="116">
        <v>205649</v>
      </c>
      <c r="DP41" s="116">
        <v>0</v>
      </c>
      <c r="DQ41" s="115">
        <v>399077</v>
      </c>
      <c r="DR41" s="118">
        <v>399077</v>
      </c>
      <c r="DS41" s="112">
        <v>0</v>
      </c>
      <c r="DT41" s="116">
        <v>0</v>
      </c>
      <c r="DU41" s="115">
        <v>0</v>
      </c>
      <c r="DV41" s="112">
        <v>0</v>
      </c>
      <c r="DW41" s="116">
        <v>0</v>
      </c>
      <c r="DX41" s="116">
        <v>103877</v>
      </c>
      <c r="DY41" s="116">
        <v>89551</v>
      </c>
      <c r="DZ41" s="116">
        <v>205649</v>
      </c>
      <c r="EA41" s="116">
        <v>0</v>
      </c>
      <c r="EB41" s="115">
        <v>399077</v>
      </c>
      <c r="EC41" s="118">
        <v>399077</v>
      </c>
      <c r="ED41" s="112">
        <v>0</v>
      </c>
      <c r="EE41" s="114">
        <v>0</v>
      </c>
      <c r="EF41" s="115">
        <v>0</v>
      </c>
      <c r="EG41" s="112">
        <v>0</v>
      </c>
      <c r="EH41" s="116">
        <v>0</v>
      </c>
      <c r="EI41" s="116">
        <v>0</v>
      </c>
      <c r="EJ41" s="116">
        <v>0</v>
      </c>
      <c r="EK41" s="116">
        <v>0</v>
      </c>
      <c r="EL41" s="116">
        <v>0</v>
      </c>
      <c r="EM41" s="114">
        <v>0</v>
      </c>
      <c r="EN41" s="118">
        <v>0</v>
      </c>
      <c r="EO41" s="112">
        <v>0</v>
      </c>
      <c r="EP41" s="116">
        <v>0</v>
      </c>
      <c r="EQ41" s="114">
        <v>0</v>
      </c>
      <c r="ER41" s="113">
        <v>0</v>
      </c>
      <c r="ES41" s="116">
        <v>0</v>
      </c>
      <c r="ET41" s="116">
        <v>0</v>
      </c>
      <c r="EU41" s="116">
        <v>0</v>
      </c>
      <c r="EV41" s="116">
        <v>0</v>
      </c>
      <c r="EW41" s="116">
        <v>0</v>
      </c>
      <c r="EX41" s="115">
        <v>0</v>
      </c>
      <c r="EY41" s="118">
        <v>0</v>
      </c>
      <c r="EZ41" s="112">
        <v>0</v>
      </c>
      <c r="FA41" s="116">
        <v>0</v>
      </c>
      <c r="FB41" s="114">
        <v>0</v>
      </c>
      <c r="FC41" s="390"/>
      <c r="FD41" s="116">
        <v>0</v>
      </c>
      <c r="FE41" s="116">
        <v>0</v>
      </c>
      <c r="FF41" s="116">
        <v>0</v>
      </c>
      <c r="FG41" s="116">
        <v>0</v>
      </c>
      <c r="FH41" s="116">
        <v>0</v>
      </c>
      <c r="FI41" s="115">
        <v>0</v>
      </c>
      <c r="FJ41" s="118">
        <v>0</v>
      </c>
      <c r="FK41" s="112">
        <v>0</v>
      </c>
      <c r="FL41" s="116">
        <v>13790</v>
      </c>
      <c r="FM41" s="115">
        <v>13790</v>
      </c>
      <c r="FN41" s="112">
        <v>0</v>
      </c>
      <c r="FO41" s="116">
        <v>23100</v>
      </c>
      <c r="FP41" s="116">
        <v>33880</v>
      </c>
      <c r="FQ41" s="116">
        <v>36848</v>
      </c>
      <c r="FR41" s="116">
        <v>47950</v>
      </c>
      <c r="FS41" s="116">
        <v>15736</v>
      </c>
      <c r="FT41" s="115">
        <v>157514</v>
      </c>
      <c r="FU41" s="118">
        <v>171304</v>
      </c>
      <c r="FV41" s="117">
        <v>0</v>
      </c>
      <c r="FW41" s="116">
        <v>13790</v>
      </c>
      <c r="FX41" s="114">
        <v>13790</v>
      </c>
      <c r="FY41" s="113">
        <v>0</v>
      </c>
      <c r="FZ41" s="116">
        <v>23100</v>
      </c>
      <c r="GA41" s="116">
        <v>33880</v>
      </c>
      <c r="GB41" s="116">
        <v>36848</v>
      </c>
      <c r="GC41" s="116">
        <v>47950</v>
      </c>
      <c r="GD41" s="116">
        <v>15736</v>
      </c>
      <c r="GE41" s="115">
        <v>157514</v>
      </c>
      <c r="GF41" s="354">
        <v>171304</v>
      </c>
      <c r="GG41" s="117">
        <v>0</v>
      </c>
      <c r="GH41" s="116">
        <v>0</v>
      </c>
      <c r="GI41" s="114">
        <v>0</v>
      </c>
      <c r="GJ41" s="113">
        <v>0</v>
      </c>
      <c r="GK41" s="116">
        <v>0</v>
      </c>
      <c r="GL41" s="116">
        <v>0</v>
      </c>
      <c r="GM41" s="116">
        <v>0</v>
      </c>
      <c r="GN41" s="116">
        <v>0</v>
      </c>
      <c r="GO41" s="116">
        <v>0</v>
      </c>
      <c r="GP41" s="115">
        <v>0</v>
      </c>
      <c r="GQ41" s="118">
        <v>0</v>
      </c>
      <c r="GR41" s="112">
        <v>0</v>
      </c>
      <c r="GS41" s="116">
        <v>0</v>
      </c>
      <c r="GT41" s="115">
        <v>0</v>
      </c>
      <c r="GU41" s="112">
        <v>0</v>
      </c>
      <c r="GV41" s="116">
        <v>0</v>
      </c>
      <c r="GW41" s="116">
        <v>0</v>
      </c>
      <c r="GX41" s="116">
        <v>0</v>
      </c>
      <c r="GY41" s="116">
        <v>0</v>
      </c>
      <c r="GZ41" s="116">
        <v>0</v>
      </c>
      <c r="HA41" s="114">
        <v>0</v>
      </c>
      <c r="HB41" s="118">
        <v>0</v>
      </c>
      <c r="HC41" s="112">
        <v>0</v>
      </c>
      <c r="HD41" s="116">
        <v>0</v>
      </c>
      <c r="HE41" s="114">
        <v>0</v>
      </c>
      <c r="HF41" s="113">
        <v>0</v>
      </c>
      <c r="HG41" s="116">
        <v>0</v>
      </c>
      <c r="HH41" s="116">
        <v>302094</v>
      </c>
      <c r="HI41" s="116">
        <v>195338</v>
      </c>
      <c r="HJ41" s="116">
        <v>349298</v>
      </c>
      <c r="HK41" s="116">
        <v>0</v>
      </c>
      <c r="HL41" s="115">
        <v>846730</v>
      </c>
      <c r="HM41" s="111">
        <v>846730</v>
      </c>
      <c r="HN41" s="370"/>
      <c r="HO41" s="371"/>
      <c r="HP41" s="372"/>
      <c r="HQ41" s="373"/>
      <c r="HR41" s="371"/>
      <c r="HS41" s="371"/>
      <c r="HT41" s="371"/>
      <c r="HU41" s="371"/>
      <c r="HV41" s="371"/>
      <c r="HW41" s="374"/>
      <c r="HX41" s="375"/>
      <c r="HY41" s="148">
        <v>0</v>
      </c>
      <c r="HZ41" s="149">
        <v>0</v>
      </c>
      <c r="IA41" s="150">
        <v>0</v>
      </c>
      <c r="IB41" s="163">
        <v>0</v>
      </c>
      <c r="IC41" s="149">
        <v>0</v>
      </c>
      <c r="ID41" s="164">
        <v>155625</v>
      </c>
      <c r="IE41" s="150">
        <v>218579</v>
      </c>
      <c r="IF41" s="149">
        <v>444494</v>
      </c>
      <c r="IG41" s="150">
        <v>0</v>
      </c>
      <c r="IH41" s="165">
        <v>818698</v>
      </c>
      <c r="II41" s="156">
        <v>818698</v>
      </c>
      <c r="IJ41" s="261">
        <v>0</v>
      </c>
      <c r="IK41" s="268">
        <v>0</v>
      </c>
      <c r="IL41" s="269">
        <v>0</v>
      </c>
      <c r="IM41" s="157"/>
      <c r="IN41" s="122">
        <v>0</v>
      </c>
      <c r="IO41" s="122">
        <v>0</v>
      </c>
      <c r="IP41" s="122">
        <v>0</v>
      </c>
      <c r="IQ41" s="122">
        <v>0</v>
      </c>
      <c r="IR41" s="122">
        <v>0</v>
      </c>
      <c r="IS41" s="158">
        <v>0</v>
      </c>
      <c r="IT41" s="357">
        <v>0</v>
      </c>
      <c r="IU41" s="159">
        <v>0</v>
      </c>
      <c r="IV41" s="122">
        <v>0</v>
      </c>
      <c r="IW41" s="123">
        <v>0</v>
      </c>
      <c r="IX41" s="161"/>
      <c r="IY41" s="122">
        <v>0</v>
      </c>
      <c r="IZ41" s="122">
        <v>0</v>
      </c>
      <c r="JA41" s="122">
        <v>0</v>
      </c>
      <c r="JB41" s="122">
        <v>0</v>
      </c>
      <c r="JC41" s="122">
        <v>0</v>
      </c>
      <c r="JD41" s="123">
        <v>0</v>
      </c>
      <c r="JE41" s="124">
        <v>0</v>
      </c>
      <c r="JF41" s="159">
        <v>0</v>
      </c>
      <c r="JG41" s="122">
        <v>0</v>
      </c>
      <c r="JH41" s="158">
        <v>0</v>
      </c>
      <c r="JI41" s="121">
        <v>0</v>
      </c>
      <c r="JJ41" s="122">
        <v>0</v>
      </c>
      <c r="JK41" s="122">
        <v>155625</v>
      </c>
      <c r="JL41" s="122">
        <v>0</v>
      </c>
      <c r="JM41" s="122">
        <v>221804</v>
      </c>
      <c r="JN41" s="122">
        <v>0</v>
      </c>
      <c r="JO41" s="123">
        <v>377429</v>
      </c>
      <c r="JP41" s="357">
        <v>377429</v>
      </c>
      <c r="JQ41" s="159">
        <v>0</v>
      </c>
      <c r="JR41" s="122">
        <v>0</v>
      </c>
      <c r="JS41" s="158">
        <v>0</v>
      </c>
      <c r="JT41" s="121">
        <v>0</v>
      </c>
      <c r="JU41" s="122">
        <v>0</v>
      </c>
      <c r="JV41" s="122">
        <v>0</v>
      </c>
      <c r="JW41" s="122">
        <v>0</v>
      </c>
      <c r="JX41" s="122">
        <v>0</v>
      </c>
      <c r="JY41" s="122">
        <v>0</v>
      </c>
      <c r="JZ41" s="123">
        <v>0</v>
      </c>
      <c r="KA41" s="357">
        <v>0</v>
      </c>
      <c r="KB41" s="264">
        <v>0</v>
      </c>
      <c r="KC41" s="258">
        <v>0</v>
      </c>
      <c r="KD41" s="123">
        <v>0</v>
      </c>
      <c r="KE41" s="121">
        <v>0</v>
      </c>
      <c r="KF41" s="122">
        <v>0</v>
      </c>
      <c r="KG41" s="122">
        <v>0</v>
      </c>
      <c r="KH41" s="122">
        <v>0</v>
      </c>
      <c r="KI41" s="122">
        <v>0</v>
      </c>
      <c r="KJ41" s="122">
        <v>0</v>
      </c>
      <c r="KK41" s="123">
        <v>0</v>
      </c>
      <c r="KL41" s="160">
        <v>0</v>
      </c>
      <c r="KM41" s="261">
        <v>0</v>
      </c>
      <c r="KN41" s="268">
        <v>0</v>
      </c>
      <c r="KO41" s="269">
        <v>0</v>
      </c>
      <c r="KP41" s="157"/>
      <c r="KQ41" s="122">
        <v>0</v>
      </c>
      <c r="KR41" s="122">
        <v>0</v>
      </c>
      <c r="KS41" s="122">
        <v>218579</v>
      </c>
      <c r="KT41" s="122">
        <v>222690</v>
      </c>
      <c r="KU41" s="122">
        <v>0</v>
      </c>
      <c r="KV41" s="123">
        <v>441269</v>
      </c>
      <c r="KW41" s="357">
        <v>441269</v>
      </c>
      <c r="KX41" s="159">
        <v>0</v>
      </c>
      <c r="KY41" s="122">
        <v>0</v>
      </c>
      <c r="KZ41" s="123">
        <v>0</v>
      </c>
      <c r="LA41" s="162"/>
      <c r="LB41" s="122">
        <v>0</v>
      </c>
      <c r="LC41" s="122">
        <v>0</v>
      </c>
      <c r="LD41" s="122">
        <v>0</v>
      </c>
      <c r="LE41" s="122">
        <v>0</v>
      </c>
      <c r="LF41" s="122">
        <v>0</v>
      </c>
      <c r="LG41" s="123">
        <v>0</v>
      </c>
      <c r="LH41" s="124">
        <v>0</v>
      </c>
      <c r="LI41" s="159">
        <v>0</v>
      </c>
      <c r="LJ41" s="122">
        <v>0</v>
      </c>
      <c r="LK41" s="123">
        <v>0</v>
      </c>
      <c r="LL41" s="162"/>
      <c r="LM41" s="122">
        <v>0</v>
      </c>
      <c r="LN41" s="122">
        <v>0</v>
      </c>
      <c r="LO41" s="122">
        <v>0</v>
      </c>
      <c r="LP41" s="122">
        <v>0</v>
      </c>
      <c r="LQ41" s="122">
        <v>0</v>
      </c>
      <c r="LR41" s="123">
        <v>0</v>
      </c>
      <c r="LS41" s="357">
        <v>0</v>
      </c>
      <c r="LT41" s="159">
        <v>0</v>
      </c>
      <c r="LU41" s="122">
        <v>0</v>
      </c>
      <c r="LV41" s="123">
        <v>0</v>
      </c>
      <c r="LW41" s="162"/>
      <c r="LX41" s="122">
        <v>0</v>
      </c>
      <c r="LY41" s="122">
        <v>0</v>
      </c>
      <c r="LZ41" s="122">
        <v>0</v>
      </c>
      <c r="MA41" s="122">
        <v>0</v>
      </c>
      <c r="MB41" s="122">
        <v>0</v>
      </c>
      <c r="MC41" s="123">
        <v>0</v>
      </c>
      <c r="MD41" s="124">
        <v>0</v>
      </c>
      <c r="ME41" s="159">
        <v>0</v>
      </c>
      <c r="MF41" s="122">
        <v>0</v>
      </c>
      <c r="MG41" s="123">
        <v>0</v>
      </c>
      <c r="MH41" s="162"/>
      <c r="MI41" s="122">
        <v>190086</v>
      </c>
      <c r="MJ41" s="122">
        <v>0</v>
      </c>
      <c r="MK41" s="122">
        <v>0</v>
      </c>
      <c r="ML41" s="122">
        <v>454508</v>
      </c>
      <c r="MM41" s="122">
        <v>484960</v>
      </c>
      <c r="MN41" s="123">
        <v>1129554</v>
      </c>
      <c r="MO41" s="160">
        <v>1129554</v>
      </c>
      <c r="MP41" s="159">
        <v>0</v>
      </c>
      <c r="MQ41" s="122">
        <v>0</v>
      </c>
      <c r="MR41" s="123">
        <v>0</v>
      </c>
      <c r="MS41" s="162"/>
      <c r="MT41" s="122">
        <v>0</v>
      </c>
      <c r="MU41" s="122">
        <v>0</v>
      </c>
      <c r="MV41" s="122">
        <v>0</v>
      </c>
      <c r="MW41" s="122">
        <v>211249</v>
      </c>
      <c r="MX41" s="122">
        <v>385418</v>
      </c>
      <c r="MY41" s="123">
        <v>596667</v>
      </c>
      <c r="MZ41" s="160">
        <v>596667</v>
      </c>
      <c r="NA41" s="159">
        <v>0</v>
      </c>
      <c r="NB41" s="122">
        <v>0</v>
      </c>
      <c r="NC41" s="123">
        <v>0</v>
      </c>
      <c r="ND41" s="162"/>
      <c r="NE41" s="122">
        <v>190086</v>
      </c>
      <c r="NF41" s="122">
        <v>0</v>
      </c>
      <c r="NG41" s="122">
        <v>0</v>
      </c>
      <c r="NH41" s="122">
        <v>243259</v>
      </c>
      <c r="NI41" s="122">
        <v>99542</v>
      </c>
      <c r="NJ41" s="123">
        <v>532887</v>
      </c>
      <c r="NK41" s="357">
        <v>532887</v>
      </c>
      <c r="NL41" s="159">
        <v>0</v>
      </c>
      <c r="NM41" s="122">
        <v>0</v>
      </c>
      <c r="NN41" s="123">
        <v>0</v>
      </c>
      <c r="NO41" s="162"/>
      <c r="NP41" s="122">
        <v>0</v>
      </c>
      <c r="NQ41" s="122">
        <v>0</v>
      </c>
      <c r="NR41" s="122">
        <v>0</v>
      </c>
      <c r="NS41" s="122">
        <v>0</v>
      </c>
      <c r="NT41" s="122">
        <v>0</v>
      </c>
      <c r="NU41" s="123">
        <v>0</v>
      </c>
      <c r="NV41" s="124">
        <v>0</v>
      </c>
      <c r="NW41" s="159">
        <v>0</v>
      </c>
      <c r="NX41" s="122">
        <v>0</v>
      </c>
      <c r="NY41" s="123">
        <v>0</v>
      </c>
      <c r="NZ41" s="162"/>
      <c r="OA41" s="122">
        <v>0</v>
      </c>
      <c r="OB41" s="122">
        <v>0</v>
      </c>
      <c r="OC41" s="122">
        <v>0</v>
      </c>
      <c r="OD41" s="122">
        <v>0</v>
      </c>
      <c r="OE41" s="122">
        <v>0</v>
      </c>
      <c r="OF41" s="123">
        <v>0</v>
      </c>
      <c r="OG41" s="124">
        <v>0</v>
      </c>
      <c r="OH41" s="159">
        <v>0</v>
      </c>
      <c r="OI41" s="122">
        <v>78224</v>
      </c>
      <c r="OJ41" s="158">
        <v>78224</v>
      </c>
      <c r="OK41" s="121">
        <v>0</v>
      </c>
      <c r="OL41" s="122">
        <v>543016</v>
      </c>
      <c r="OM41" s="122">
        <v>805353</v>
      </c>
      <c r="ON41" s="122">
        <v>651695</v>
      </c>
      <c r="OO41" s="122">
        <v>1915621</v>
      </c>
      <c r="OP41" s="122">
        <v>547571</v>
      </c>
      <c r="OQ41" s="123">
        <v>4463256</v>
      </c>
      <c r="OR41" s="160">
        <v>118520.49936143</v>
      </c>
    </row>
    <row r="42" spans="1:408" ht="20.25" customHeight="1" thickBot="1" x14ac:dyDescent="0.25">
      <c r="A42" s="130" t="s">
        <v>37</v>
      </c>
      <c r="B42" s="119">
        <v>0</v>
      </c>
      <c r="C42" s="205">
        <v>0</v>
      </c>
      <c r="D42" s="206">
        <v>0</v>
      </c>
      <c r="E42" s="207">
        <v>0</v>
      </c>
      <c r="F42" s="205">
        <v>0</v>
      </c>
      <c r="G42" s="205">
        <v>0</v>
      </c>
      <c r="H42" s="205">
        <v>0</v>
      </c>
      <c r="I42" s="205">
        <v>428824</v>
      </c>
      <c r="J42" s="205">
        <v>216379</v>
      </c>
      <c r="K42" s="207">
        <v>645203</v>
      </c>
      <c r="L42" s="208">
        <v>645203</v>
      </c>
      <c r="M42" s="119">
        <v>0</v>
      </c>
      <c r="N42" s="205">
        <v>0</v>
      </c>
      <c r="O42" s="206">
        <v>0</v>
      </c>
      <c r="P42" s="119">
        <v>0</v>
      </c>
      <c r="Q42" s="205">
        <v>0</v>
      </c>
      <c r="R42" s="205">
        <v>0</v>
      </c>
      <c r="S42" s="205">
        <v>0</v>
      </c>
      <c r="T42" s="205">
        <v>8400</v>
      </c>
      <c r="U42" s="205">
        <v>188519</v>
      </c>
      <c r="V42" s="206">
        <v>196919</v>
      </c>
      <c r="W42" s="208">
        <v>196919</v>
      </c>
      <c r="X42" s="119">
        <v>0</v>
      </c>
      <c r="Y42" s="205">
        <v>0</v>
      </c>
      <c r="Z42" s="206">
        <v>0</v>
      </c>
      <c r="AA42" s="119">
        <v>0</v>
      </c>
      <c r="AB42" s="205">
        <v>0</v>
      </c>
      <c r="AC42" s="205">
        <v>0</v>
      </c>
      <c r="AD42" s="205">
        <v>0</v>
      </c>
      <c r="AE42" s="205">
        <v>0</v>
      </c>
      <c r="AF42" s="205">
        <v>96101</v>
      </c>
      <c r="AG42" s="206">
        <v>96101</v>
      </c>
      <c r="AH42" s="208">
        <v>96101</v>
      </c>
      <c r="AI42" s="119">
        <v>0</v>
      </c>
      <c r="AJ42" s="205">
        <v>0</v>
      </c>
      <c r="AK42" s="206">
        <v>0</v>
      </c>
      <c r="AL42" s="119">
        <v>0</v>
      </c>
      <c r="AM42" s="205">
        <v>0</v>
      </c>
      <c r="AN42" s="205">
        <v>0</v>
      </c>
      <c r="AO42" s="205">
        <v>0</v>
      </c>
      <c r="AP42" s="205">
        <v>0</v>
      </c>
      <c r="AQ42" s="205">
        <v>0</v>
      </c>
      <c r="AR42" s="206">
        <v>0</v>
      </c>
      <c r="AS42" s="208">
        <v>0</v>
      </c>
      <c r="AT42" s="119">
        <v>0</v>
      </c>
      <c r="AU42" s="205">
        <v>0</v>
      </c>
      <c r="AV42" s="206">
        <v>0</v>
      </c>
      <c r="AW42" s="119">
        <v>0</v>
      </c>
      <c r="AX42" s="205">
        <v>0</v>
      </c>
      <c r="AY42" s="205">
        <v>0</v>
      </c>
      <c r="AZ42" s="205">
        <v>0</v>
      </c>
      <c r="BA42" s="205">
        <v>0</v>
      </c>
      <c r="BB42" s="205">
        <v>81008</v>
      </c>
      <c r="BC42" s="206">
        <v>81008</v>
      </c>
      <c r="BD42" s="208">
        <v>81008</v>
      </c>
      <c r="BE42" s="119">
        <v>0</v>
      </c>
      <c r="BF42" s="205">
        <v>0</v>
      </c>
      <c r="BG42" s="210">
        <v>0</v>
      </c>
      <c r="BH42" s="209">
        <v>0</v>
      </c>
      <c r="BI42" s="205">
        <v>0</v>
      </c>
      <c r="BJ42" s="205">
        <v>0</v>
      </c>
      <c r="BK42" s="205">
        <v>0</v>
      </c>
      <c r="BL42" s="205">
        <v>0</v>
      </c>
      <c r="BM42" s="205">
        <v>0</v>
      </c>
      <c r="BN42" s="206">
        <v>0</v>
      </c>
      <c r="BO42" s="208">
        <v>0</v>
      </c>
      <c r="BP42" s="119">
        <v>0</v>
      </c>
      <c r="BQ42" s="205">
        <v>0</v>
      </c>
      <c r="BR42" s="206">
        <v>0</v>
      </c>
      <c r="BS42" s="119">
        <v>0</v>
      </c>
      <c r="BT42" s="205">
        <v>0</v>
      </c>
      <c r="BU42" s="205">
        <v>0</v>
      </c>
      <c r="BV42" s="205">
        <v>0</v>
      </c>
      <c r="BW42" s="205">
        <v>8400</v>
      </c>
      <c r="BX42" s="205">
        <v>11410</v>
      </c>
      <c r="BY42" s="206">
        <v>19810</v>
      </c>
      <c r="BZ42" s="208">
        <v>19810</v>
      </c>
      <c r="CA42" s="119">
        <v>0</v>
      </c>
      <c r="CB42" s="205">
        <v>0</v>
      </c>
      <c r="CC42" s="206">
        <v>0</v>
      </c>
      <c r="CD42" s="119">
        <v>0</v>
      </c>
      <c r="CE42" s="205">
        <v>0</v>
      </c>
      <c r="CF42" s="205">
        <v>0</v>
      </c>
      <c r="CG42" s="205">
        <v>0</v>
      </c>
      <c r="CH42" s="205">
        <v>131793</v>
      </c>
      <c r="CI42" s="205">
        <v>0</v>
      </c>
      <c r="CJ42" s="206">
        <v>131793</v>
      </c>
      <c r="CK42" s="208">
        <v>131793</v>
      </c>
      <c r="CL42" s="119">
        <v>0</v>
      </c>
      <c r="CM42" s="205">
        <v>0</v>
      </c>
      <c r="CN42" s="206">
        <v>0</v>
      </c>
      <c r="CO42" s="209">
        <v>0</v>
      </c>
      <c r="CP42" s="205">
        <v>0</v>
      </c>
      <c r="CQ42" s="205">
        <v>0</v>
      </c>
      <c r="CR42" s="205">
        <v>0</v>
      </c>
      <c r="CS42" s="205">
        <v>131793</v>
      </c>
      <c r="CT42" s="205">
        <v>0</v>
      </c>
      <c r="CU42" s="206">
        <v>131793</v>
      </c>
      <c r="CV42" s="208">
        <v>131793</v>
      </c>
      <c r="CW42" s="119">
        <v>0</v>
      </c>
      <c r="CX42" s="205">
        <v>0</v>
      </c>
      <c r="CY42" s="206">
        <v>0</v>
      </c>
      <c r="CZ42" s="119">
        <v>0</v>
      </c>
      <c r="DA42" s="205">
        <v>0</v>
      </c>
      <c r="DB42" s="205">
        <v>0</v>
      </c>
      <c r="DC42" s="205">
        <v>0</v>
      </c>
      <c r="DD42" s="205">
        <v>0</v>
      </c>
      <c r="DE42" s="205">
        <v>0</v>
      </c>
      <c r="DF42" s="206">
        <v>0</v>
      </c>
      <c r="DG42" s="208">
        <v>0</v>
      </c>
      <c r="DH42" s="119">
        <v>0</v>
      </c>
      <c r="DI42" s="205">
        <v>0</v>
      </c>
      <c r="DJ42" s="210">
        <v>0</v>
      </c>
      <c r="DK42" s="209">
        <v>0</v>
      </c>
      <c r="DL42" s="205">
        <v>0</v>
      </c>
      <c r="DM42" s="205">
        <v>0</v>
      </c>
      <c r="DN42" s="205">
        <v>0</v>
      </c>
      <c r="DO42" s="205">
        <v>98023</v>
      </c>
      <c r="DP42" s="205">
        <v>0</v>
      </c>
      <c r="DQ42" s="206">
        <v>98023</v>
      </c>
      <c r="DR42" s="208">
        <v>98023</v>
      </c>
      <c r="DS42" s="119">
        <v>0</v>
      </c>
      <c r="DT42" s="205">
        <v>0</v>
      </c>
      <c r="DU42" s="206">
        <v>0</v>
      </c>
      <c r="DV42" s="119">
        <v>0</v>
      </c>
      <c r="DW42" s="205">
        <v>0</v>
      </c>
      <c r="DX42" s="205">
        <v>0</v>
      </c>
      <c r="DY42" s="205">
        <v>0</v>
      </c>
      <c r="DZ42" s="205">
        <v>0</v>
      </c>
      <c r="EA42" s="205">
        <v>0</v>
      </c>
      <c r="EB42" s="206">
        <v>0</v>
      </c>
      <c r="EC42" s="208">
        <v>0</v>
      </c>
      <c r="ED42" s="119">
        <v>0</v>
      </c>
      <c r="EE42" s="210">
        <v>0</v>
      </c>
      <c r="EF42" s="206">
        <v>0</v>
      </c>
      <c r="EG42" s="119">
        <v>0</v>
      </c>
      <c r="EH42" s="205">
        <v>0</v>
      </c>
      <c r="EI42" s="205">
        <v>0</v>
      </c>
      <c r="EJ42" s="205">
        <v>0</v>
      </c>
      <c r="EK42" s="205">
        <v>98023</v>
      </c>
      <c r="EL42" s="205">
        <v>0</v>
      </c>
      <c r="EM42" s="210">
        <v>98023</v>
      </c>
      <c r="EN42" s="208">
        <v>98023</v>
      </c>
      <c r="EO42" s="119">
        <v>0</v>
      </c>
      <c r="EP42" s="205">
        <v>0</v>
      </c>
      <c r="EQ42" s="210">
        <v>0</v>
      </c>
      <c r="ER42" s="209">
        <v>0</v>
      </c>
      <c r="ES42" s="205">
        <v>0</v>
      </c>
      <c r="ET42" s="205">
        <v>0</v>
      </c>
      <c r="EU42" s="205">
        <v>0</v>
      </c>
      <c r="EV42" s="205">
        <v>0</v>
      </c>
      <c r="EW42" s="205">
        <v>0</v>
      </c>
      <c r="EX42" s="206">
        <v>0</v>
      </c>
      <c r="EY42" s="208">
        <v>0</v>
      </c>
      <c r="EZ42" s="119">
        <v>0</v>
      </c>
      <c r="FA42" s="205">
        <v>0</v>
      </c>
      <c r="FB42" s="210">
        <v>0</v>
      </c>
      <c r="FC42" s="391"/>
      <c r="FD42" s="205">
        <v>0</v>
      </c>
      <c r="FE42" s="205">
        <v>0</v>
      </c>
      <c r="FF42" s="205">
        <v>0</v>
      </c>
      <c r="FG42" s="205">
        <v>0</v>
      </c>
      <c r="FH42" s="205">
        <v>0</v>
      </c>
      <c r="FI42" s="206">
        <v>0</v>
      </c>
      <c r="FJ42" s="208">
        <v>0</v>
      </c>
      <c r="FK42" s="119">
        <v>0</v>
      </c>
      <c r="FL42" s="205">
        <v>0</v>
      </c>
      <c r="FM42" s="206">
        <v>0</v>
      </c>
      <c r="FN42" s="119">
        <v>0</v>
      </c>
      <c r="FO42" s="205">
        <v>0</v>
      </c>
      <c r="FP42" s="205">
        <v>0</v>
      </c>
      <c r="FQ42" s="205">
        <v>0</v>
      </c>
      <c r="FR42" s="205">
        <v>5600</v>
      </c>
      <c r="FS42" s="205">
        <v>27860</v>
      </c>
      <c r="FT42" s="206">
        <v>33460</v>
      </c>
      <c r="FU42" s="208">
        <v>33460</v>
      </c>
      <c r="FV42" s="211">
        <v>0</v>
      </c>
      <c r="FW42" s="205">
        <v>0</v>
      </c>
      <c r="FX42" s="210">
        <v>0</v>
      </c>
      <c r="FY42" s="209">
        <v>0</v>
      </c>
      <c r="FZ42" s="205">
        <v>0</v>
      </c>
      <c r="GA42" s="205">
        <v>0</v>
      </c>
      <c r="GB42" s="205">
        <v>0</v>
      </c>
      <c r="GC42" s="205">
        <v>5600</v>
      </c>
      <c r="GD42" s="205">
        <v>27860</v>
      </c>
      <c r="GE42" s="206">
        <v>33460</v>
      </c>
      <c r="GF42" s="355">
        <v>33460</v>
      </c>
      <c r="GG42" s="211">
        <v>0</v>
      </c>
      <c r="GH42" s="205">
        <v>0</v>
      </c>
      <c r="GI42" s="210">
        <v>0</v>
      </c>
      <c r="GJ42" s="209">
        <v>0</v>
      </c>
      <c r="GK42" s="205">
        <v>0</v>
      </c>
      <c r="GL42" s="205">
        <v>0</v>
      </c>
      <c r="GM42" s="205">
        <v>0</v>
      </c>
      <c r="GN42" s="205">
        <v>0</v>
      </c>
      <c r="GO42" s="205">
        <v>0</v>
      </c>
      <c r="GP42" s="206">
        <v>0</v>
      </c>
      <c r="GQ42" s="208">
        <v>0</v>
      </c>
      <c r="GR42" s="119">
        <v>0</v>
      </c>
      <c r="GS42" s="205">
        <v>0</v>
      </c>
      <c r="GT42" s="206">
        <v>0</v>
      </c>
      <c r="GU42" s="119">
        <v>0</v>
      </c>
      <c r="GV42" s="205">
        <v>0</v>
      </c>
      <c r="GW42" s="205">
        <v>0</v>
      </c>
      <c r="GX42" s="205">
        <v>0</v>
      </c>
      <c r="GY42" s="205">
        <v>0</v>
      </c>
      <c r="GZ42" s="205">
        <v>0</v>
      </c>
      <c r="HA42" s="210">
        <v>0</v>
      </c>
      <c r="HB42" s="208">
        <v>0</v>
      </c>
      <c r="HC42" s="119">
        <v>0</v>
      </c>
      <c r="HD42" s="205">
        <v>0</v>
      </c>
      <c r="HE42" s="210">
        <v>0</v>
      </c>
      <c r="HF42" s="209">
        <v>0</v>
      </c>
      <c r="HG42" s="205">
        <v>0</v>
      </c>
      <c r="HH42" s="205">
        <v>0</v>
      </c>
      <c r="HI42" s="205">
        <v>0</v>
      </c>
      <c r="HJ42" s="205">
        <v>185008</v>
      </c>
      <c r="HK42" s="205">
        <v>0</v>
      </c>
      <c r="HL42" s="206">
        <v>185008</v>
      </c>
      <c r="HM42" s="207">
        <v>185008</v>
      </c>
      <c r="HN42" s="376"/>
      <c r="HO42" s="377"/>
      <c r="HP42" s="378"/>
      <c r="HQ42" s="379"/>
      <c r="HR42" s="377"/>
      <c r="HS42" s="377"/>
      <c r="HT42" s="377"/>
      <c r="HU42" s="377"/>
      <c r="HV42" s="377"/>
      <c r="HW42" s="380"/>
      <c r="HX42" s="381"/>
      <c r="HY42" s="168">
        <v>0</v>
      </c>
      <c r="HZ42" s="169">
        <v>0</v>
      </c>
      <c r="IA42" s="170">
        <v>0</v>
      </c>
      <c r="IB42" s="171">
        <v>0</v>
      </c>
      <c r="IC42" s="172">
        <v>0</v>
      </c>
      <c r="ID42" s="173">
        <v>0</v>
      </c>
      <c r="IE42" s="174">
        <v>0</v>
      </c>
      <c r="IF42" s="172">
        <v>0</v>
      </c>
      <c r="IG42" s="174">
        <v>38475</v>
      </c>
      <c r="IH42" s="175">
        <v>38475</v>
      </c>
      <c r="II42" s="176">
        <v>38475</v>
      </c>
      <c r="IJ42" s="262">
        <v>0</v>
      </c>
      <c r="IK42" s="270">
        <v>0</v>
      </c>
      <c r="IL42" s="271">
        <v>0</v>
      </c>
      <c r="IM42" s="177"/>
      <c r="IN42" s="178">
        <v>0</v>
      </c>
      <c r="IO42" s="178">
        <v>0</v>
      </c>
      <c r="IP42" s="178">
        <v>0</v>
      </c>
      <c r="IQ42" s="178">
        <v>0</v>
      </c>
      <c r="IR42" s="178">
        <v>0</v>
      </c>
      <c r="IS42" s="179">
        <v>0</v>
      </c>
      <c r="IT42" s="358">
        <v>0</v>
      </c>
      <c r="IU42" s="180">
        <v>0</v>
      </c>
      <c r="IV42" s="178">
        <v>0</v>
      </c>
      <c r="IW42" s="182">
        <v>0</v>
      </c>
      <c r="IX42" s="185"/>
      <c r="IY42" s="178">
        <v>0</v>
      </c>
      <c r="IZ42" s="178">
        <v>0</v>
      </c>
      <c r="JA42" s="178">
        <v>0</v>
      </c>
      <c r="JB42" s="178">
        <v>0</v>
      </c>
      <c r="JC42" s="178">
        <v>0</v>
      </c>
      <c r="JD42" s="182">
        <v>0</v>
      </c>
      <c r="JE42" s="183">
        <v>0</v>
      </c>
      <c r="JF42" s="180">
        <v>0</v>
      </c>
      <c r="JG42" s="178">
        <v>0</v>
      </c>
      <c r="JH42" s="179">
        <v>0</v>
      </c>
      <c r="JI42" s="181">
        <v>0</v>
      </c>
      <c r="JJ42" s="178">
        <v>0</v>
      </c>
      <c r="JK42" s="178">
        <v>0</v>
      </c>
      <c r="JL42" s="178">
        <v>0</v>
      </c>
      <c r="JM42" s="178">
        <v>0</v>
      </c>
      <c r="JN42" s="178">
        <v>38475</v>
      </c>
      <c r="JO42" s="182">
        <v>38475</v>
      </c>
      <c r="JP42" s="358">
        <v>38475</v>
      </c>
      <c r="JQ42" s="180">
        <v>0</v>
      </c>
      <c r="JR42" s="178">
        <v>0</v>
      </c>
      <c r="JS42" s="179">
        <v>0</v>
      </c>
      <c r="JT42" s="181">
        <v>0</v>
      </c>
      <c r="JU42" s="178">
        <v>0</v>
      </c>
      <c r="JV42" s="178">
        <v>0</v>
      </c>
      <c r="JW42" s="178">
        <v>0</v>
      </c>
      <c r="JX42" s="178">
        <v>0</v>
      </c>
      <c r="JY42" s="178">
        <v>0</v>
      </c>
      <c r="JZ42" s="182">
        <v>0</v>
      </c>
      <c r="KA42" s="358">
        <v>0</v>
      </c>
      <c r="KB42" s="265">
        <v>0</v>
      </c>
      <c r="KC42" s="259">
        <v>0</v>
      </c>
      <c r="KD42" s="182">
        <v>0</v>
      </c>
      <c r="KE42" s="181">
        <v>0</v>
      </c>
      <c r="KF42" s="178">
        <v>0</v>
      </c>
      <c r="KG42" s="178">
        <v>0</v>
      </c>
      <c r="KH42" s="178">
        <v>0</v>
      </c>
      <c r="KI42" s="178">
        <v>0</v>
      </c>
      <c r="KJ42" s="178">
        <v>0</v>
      </c>
      <c r="KK42" s="182">
        <v>0</v>
      </c>
      <c r="KL42" s="184">
        <v>0</v>
      </c>
      <c r="KM42" s="262">
        <v>0</v>
      </c>
      <c r="KN42" s="270">
        <v>0</v>
      </c>
      <c r="KO42" s="271">
        <v>0</v>
      </c>
      <c r="KP42" s="177"/>
      <c r="KQ42" s="178">
        <v>0</v>
      </c>
      <c r="KR42" s="178">
        <v>0</v>
      </c>
      <c r="KS42" s="178">
        <v>0</v>
      </c>
      <c r="KT42" s="178">
        <v>0</v>
      </c>
      <c r="KU42" s="178">
        <v>0</v>
      </c>
      <c r="KV42" s="182">
        <v>0</v>
      </c>
      <c r="KW42" s="358">
        <v>0</v>
      </c>
      <c r="KX42" s="180">
        <v>0</v>
      </c>
      <c r="KY42" s="178">
        <v>0</v>
      </c>
      <c r="KZ42" s="182">
        <v>0</v>
      </c>
      <c r="LA42" s="186"/>
      <c r="LB42" s="178">
        <v>0</v>
      </c>
      <c r="LC42" s="178">
        <v>0</v>
      </c>
      <c r="LD42" s="178">
        <v>0</v>
      </c>
      <c r="LE42" s="178">
        <v>0</v>
      </c>
      <c r="LF42" s="178">
        <v>0</v>
      </c>
      <c r="LG42" s="182">
        <v>0</v>
      </c>
      <c r="LH42" s="183">
        <v>0</v>
      </c>
      <c r="LI42" s="180">
        <v>0</v>
      </c>
      <c r="LJ42" s="178">
        <v>0</v>
      </c>
      <c r="LK42" s="182">
        <v>0</v>
      </c>
      <c r="LL42" s="186"/>
      <c r="LM42" s="178">
        <v>0</v>
      </c>
      <c r="LN42" s="178">
        <v>0</v>
      </c>
      <c r="LO42" s="178">
        <v>0</v>
      </c>
      <c r="LP42" s="178">
        <v>0</v>
      </c>
      <c r="LQ42" s="178">
        <v>0</v>
      </c>
      <c r="LR42" s="182">
        <v>0</v>
      </c>
      <c r="LS42" s="358">
        <v>0</v>
      </c>
      <c r="LT42" s="180">
        <v>0</v>
      </c>
      <c r="LU42" s="178">
        <v>0</v>
      </c>
      <c r="LV42" s="182">
        <v>0</v>
      </c>
      <c r="LW42" s="186"/>
      <c r="LX42" s="178">
        <v>0</v>
      </c>
      <c r="LY42" s="178">
        <v>0</v>
      </c>
      <c r="LZ42" s="178">
        <v>0</v>
      </c>
      <c r="MA42" s="178">
        <v>0</v>
      </c>
      <c r="MB42" s="178">
        <v>0</v>
      </c>
      <c r="MC42" s="182">
        <v>0</v>
      </c>
      <c r="MD42" s="183">
        <v>0</v>
      </c>
      <c r="ME42" s="180">
        <v>0</v>
      </c>
      <c r="MF42" s="178">
        <v>0</v>
      </c>
      <c r="MG42" s="182">
        <v>0</v>
      </c>
      <c r="MH42" s="186"/>
      <c r="MI42" s="178">
        <v>0</v>
      </c>
      <c r="MJ42" s="178">
        <v>0</v>
      </c>
      <c r="MK42" s="178">
        <v>0</v>
      </c>
      <c r="ML42" s="178">
        <v>0</v>
      </c>
      <c r="MM42" s="178">
        <v>347312</v>
      </c>
      <c r="MN42" s="182">
        <v>347312</v>
      </c>
      <c r="MO42" s="184">
        <v>347312</v>
      </c>
      <c r="MP42" s="180">
        <v>0</v>
      </c>
      <c r="MQ42" s="178">
        <v>0</v>
      </c>
      <c r="MR42" s="182">
        <v>0</v>
      </c>
      <c r="MS42" s="186"/>
      <c r="MT42" s="178">
        <v>0</v>
      </c>
      <c r="MU42" s="178">
        <v>0</v>
      </c>
      <c r="MV42" s="178">
        <v>0</v>
      </c>
      <c r="MW42" s="178">
        <v>0</v>
      </c>
      <c r="MX42" s="178">
        <v>0</v>
      </c>
      <c r="MY42" s="182">
        <v>0</v>
      </c>
      <c r="MZ42" s="184">
        <v>0</v>
      </c>
      <c r="NA42" s="180">
        <v>0</v>
      </c>
      <c r="NB42" s="178">
        <v>0</v>
      </c>
      <c r="NC42" s="182">
        <v>0</v>
      </c>
      <c r="ND42" s="186"/>
      <c r="NE42" s="178">
        <v>0</v>
      </c>
      <c r="NF42" s="178">
        <v>0</v>
      </c>
      <c r="NG42" s="178">
        <v>0</v>
      </c>
      <c r="NH42" s="178">
        <v>0</v>
      </c>
      <c r="NI42" s="178">
        <v>0</v>
      </c>
      <c r="NJ42" s="182">
        <v>0</v>
      </c>
      <c r="NK42" s="358">
        <v>0</v>
      </c>
      <c r="NL42" s="180">
        <v>0</v>
      </c>
      <c r="NM42" s="178">
        <v>0</v>
      </c>
      <c r="NN42" s="182">
        <v>0</v>
      </c>
      <c r="NO42" s="186"/>
      <c r="NP42" s="178">
        <v>0</v>
      </c>
      <c r="NQ42" s="178">
        <v>0</v>
      </c>
      <c r="NR42" s="178">
        <v>0</v>
      </c>
      <c r="NS42" s="178">
        <v>0</v>
      </c>
      <c r="NT42" s="178">
        <v>0</v>
      </c>
      <c r="NU42" s="182">
        <v>0</v>
      </c>
      <c r="NV42" s="183">
        <v>0</v>
      </c>
      <c r="NW42" s="180">
        <v>0</v>
      </c>
      <c r="NX42" s="178">
        <v>0</v>
      </c>
      <c r="NY42" s="182">
        <v>0</v>
      </c>
      <c r="NZ42" s="186"/>
      <c r="OA42" s="178">
        <v>0</v>
      </c>
      <c r="OB42" s="178">
        <v>0</v>
      </c>
      <c r="OC42" s="178">
        <v>0</v>
      </c>
      <c r="OD42" s="178">
        <v>0</v>
      </c>
      <c r="OE42" s="178">
        <v>347312</v>
      </c>
      <c r="OF42" s="182">
        <v>347312</v>
      </c>
      <c r="OG42" s="183">
        <v>347312</v>
      </c>
      <c r="OH42" s="180">
        <v>0</v>
      </c>
      <c r="OI42" s="178">
        <v>0</v>
      </c>
      <c r="OJ42" s="179">
        <v>0</v>
      </c>
      <c r="OK42" s="181">
        <v>0</v>
      </c>
      <c r="OL42" s="178">
        <v>0</v>
      </c>
      <c r="OM42" s="178">
        <v>0</v>
      </c>
      <c r="ON42" s="178">
        <v>0</v>
      </c>
      <c r="OO42" s="178">
        <v>428824</v>
      </c>
      <c r="OP42" s="178">
        <v>602166</v>
      </c>
      <c r="OQ42" s="182">
        <v>1030990</v>
      </c>
      <c r="OR42" s="184">
        <v>26581.293231162199</v>
      </c>
    </row>
    <row r="43" spans="1:408" x14ac:dyDescent="0.2">
      <c r="A43" s="44" t="s">
        <v>84</v>
      </c>
    </row>
  </sheetData>
  <mergeCells count="158">
    <mergeCell ref="OG7:OG8"/>
    <mergeCell ref="OH7:OJ7"/>
    <mergeCell ref="OK7:OQ7"/>
    <mergeCell ref="OR7:OR8"/>
    <mergeCell ref="NK7:NK8"/>
    <mergeCell ref="NL7:NN7"/>
    <mergeCell ref="NO7:NU7"/>
    <mergeCell ref="NV7:NV8"/>
    <mergeCell ref="NW7:NY7"/>
    <mergeCell ref="MZ7:MZ8"/>
    <mergeCell ref="NA7:NC7"/>
    <mergeCell ref="ND7:NJ7"/>
    <mergeCell ref="LW7:MC7"/>
    <mergeCell ref="MD7:MD8"/>
    <mergeCell ref="ME7:MG7"/>
    <mergeCell ref="MH7:MN7"/>
    <mergeCell ref="MO7:MO8"/>
    <mergeCell ref="NZ7:OF7"/>
    <mergeCell ref="LS7:LS8"/>
    <mergeCell ref="LT7:LV7"/>
    <mergeCell ref="KM7:KO7"/>
    <mergeCell ref="KP7:KV7"/>
    <mergeCell ref="KW7:KW8"/>
    <mergeCell ref="KX7:KZ7"/>
    <mergeCell ref="LA7:LG7"/>
    <mergeCell ref="MP7:MR7"/>
    <mergeCell ref="MS7:MY7"/>
    <mergeCell ref="JT7:JZ7"/>
    <mergeCell ref="KA7:KA8"/>
    <mergeCell ref="KB7:KD7"/>
    <mergeCell ref="KE7:KK7"/>
    <mergeCell ref="KL7:KL8"/>
    <mergeCell ref="NA5:NK6"/>
    <mergeCell ref="NL5:NV6"/>
    <mergeCell ref="NW5:OG6"/>
    <mergeCell ref="HY7:IA7"/>
    <mergeCell ref="IB7:IH7"/>
    <mergeCell ref="II7:II8"/>
    <mergeCell ref="IJ7:IL7"/>
    <mergeCell ref="IM7:IS7"/>
    <mergeCell ref="IT7:IT8"/>
    <mergeCell ref="IU7:IW7"/>
    <mergeCell ref="IX7:JD7"/>
    <mergeCell ref="JE7:JE8"/>
    <mergeCell ref="JF7:JH7"/>
    <mergeCell ref="JI7:JO7"/>
    <mergeCell ref="JP7:JP8"/>
    <mergeCell ref="JQ7:JS7"/>
    <mergeCell ref="LH7:LH8"/>
    <mergeCell ref="LI7:LK7"/>
    <mergeCell ref="LL7:LR7"/>
    <mergeCell ref="IC1:ID1"/>
    <mergeCell ref="HY4:MD4"/>
    <mergeCell ref="ME4:OG4"/>
    <mergeCell ref="OH4:OR6"/>
    <mergeCell ref="HY5:II6"/>
    <mergeCell ref="IJ5:IT6"/>
    <mergeCell ref="IU5:JE6"/>
    <mergeCell ref="JF5:JP6"/>
    <mergeCell ref="JQ5:KA6"/>
    <mergeCell ref="KB5:KL6"/>
    <mergeCell ref="KM5:KW6"/>
    <mergeCell ref="KX5:LH6"/>
    <mergeCell ref="LI5:LS6"/>
    <mergeCell ref="LT5:MD6"/>
    <mergeCell ref="ME5:MO6"/>
    <mergeCell ref="MP5:MZ6"/>
    <mergeCell ref="HN7:HP7"/>
    <mergeCell ref="HQ7:HW7"/>
    <mergeCell ref="HX7:HX8"/>
    <mergeCell ref="GR7:GT7"/>
    <mergeCell ref="GU7:HA7"/>
    <mergeCell ref="HB7:HB8"/>
    <mergeCell ref="HC7:HE7"/>
    <mergeCell ref="HF7:HL7"/>
    <mergeCell ref="HM7:HM8"/>
    <mergeCell ref="GQ7:GQ8"/>
    <mergeCell ref="EZ7:FB7"/>
    <mergeCell ref="FC7:FI7"/>
    <mergeCell ref="FJ7:FJ8"/>
    <mergeCell ref="FK7:FM7"/>
    <mergeCell ref="FN7:FT7"/>
    <mergeCell ref="FU7:FU8"/>
    <mergeCell ref="FV7:FX7"/>
    <mergeCell ref="FY7:GE7"/>
    <mergeCell ref="GF7:GF8"/>
    <mergeCell ref="GG7:GI7"/>
    <mergeCell ref="GJ7:GP7"/>
    <mergeCell ref="CZ7:DF7"/>
    <mergeCell ref="EY7:EY8"/>
    <mergeCell ref="DH7:DJ7"/>
    <mergeCell ref="DK7:DQ7"/>
    <mergeCell ref="DR7:DR8"/>
    <mergeCell ref="DS7:DU7"/>
    <mergeCell ref="DV7:EB7"/>
    <mergeCell ref="EC7:EC8"/>
    <mergeCell ref="ED7:EF7"/>
    <mergeCell ref="EG7:EM7"/>
    <mergeCell ref="EN7:EN8"/>
    <mergeCell ref="EO7:EQ7"/>
    <mergeCell ref="ER7:EX7"/>
    <mergeCell ref="CL7:CN7"/>
    <mergeCell ref="CO7:CU7"/>
    <mergeCell ref="CV7:CV8"/>
    <mergeCell ref="CW7:CY7"/>
    <mergeCell ref="BP7:BR7"/>
    <mergeCell ref="BS7:BY7"/>
    <mergeCell ref="BZ7:BZ8"/>
    <mergeCell ref="CA7:CC7"/>
    <mergeCell ref="CD7:CJ7"/>
    <mergeCell ref="E7:K7"/>
    <mergeCell ref="L7:L8"/>
    <mergeCell ref="M7:O7"/>
    <mergeCell ref="P7:V7"/>
    <mergeCell ref="FK6:FU6"/>
    <mergeCell ref="FV6:GF6"/>
    <mergeCell ref="M6:W6"/>
    <mergeCell ref="X6:AH6"/>
    <mergeCell ref="AI6:AS6"/>
    <mergeCell ref="AT6:BD6"/>
    <mergeCell ref="BE6:BO6"/>
    <mergeCell ref="BP6:BZ6"/>
    <mergeCell ref="DS6:EC6"/>
    <mergeCell ref="ED6:EN6"/>
    <mergeCell ref="W7:W8"/>
    <mergeCell ref="EO6:EY6"/>
    <mergeCell ref="EZ6:FJ6"/>
    <mergeCell ref="BO7:BO8"/>
    <mergeCell ref="X7:Z7"/>
    <mergeCell ref="AA7:AG7"/>
    <mergeCell ref="AH7:AH8"/>
    <mergeCell ref="AI7:AK7"/>
    <mergeCell ref="AL7:AR7"/>
    <mergeCell ref="CK7:CK8"/>
    <mergeCell ref="AS7:AS8"/>
    <mergeCell ref="AT7:AV7"/>
    <mergeCell ref="AW7:BC7"/>
    <mergeCell ref="BD7:BD8"/>
    <mergeCell ref="BE7:BG7"/>
    <mergeCell ref="BH7:BN7"/>
    <mergeCell ref="DG7:DG8"/>
    <mergeCell ref="F1:G1"/>
    <mergeCell ref="A4:A8"/>
    <mergeCell ref="B4:L6"/>
    <mergeCell ref="M4:HX4"/>
    <mergeCell ref="M5:BZ5"/>
    <mergeCell ref="CA5:DG5"/>
    <mergeCell ref="DH5:FJ5"/>
    <mergeCell ref="FK5:HB5"/>
    <mergeCell ref="HC5:HM6"/>
    <mergeCell ref="HN5:HX6"/>
    <mergeCell ref="GG6:GQ6"/>
    <mergeCell ref="GR6:HB6"/>
    <mergeCell ref="CA6:CK6"/>
    <mergeCell ref="CL6:CV6"/>
    <mergeCell ref="CW6:DG6"/>
    <mergeCell ref="DH6:DR6"/>
    <mergeCell ref="B7:D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3" max="1048575" man="1"/>
    <brk id="45" max="1048575" man="1"/>
    <brk id="67" max="1048575" man="1"/>
    <brk id="89" max="1048575" man="1"/>
    <brk id="111" max="1048575" man="1"/>
    <brk id="133" max="1048575" man="1"/>
    <brk id="166" max="1048575" man="1"/>
    <brk id="188" max="1048575" man="1"/>
    <brk id="210"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HX41"/>
  <sheetViews>
    <sheetView zoomScaleNormal="100" workbookViewId="0">
      <pane xSplit="1" ySplit="7" topLeftCell="B8" activePane="bottomRight" state="frozen"/>
      <selection pane="topRight" activeCell="B1" sqref="B1"/>
      <selection pane="bottomLeft" activeCell="A8" sqref="A8"/>
      <selection pane="bottomRight"/>
    </sheetView>
  </sheetViews>
  <sheetFormatPr defaultColWidth="9" defaultRowHeight="13.2" x14ac:dyDescent="0.2"/>
  <cols>
    <col min="1" max="1" width="9.88671875" style="326" customWidth="1"/>
    <col min="2" max="3" width="9.21875" style="326" bestFit="1" customWidth="1"/>
    <col min="4" max="4" width="10.77734375" style="326" bestFit="1" customWidth="1"/>
    <col min="5" max="5" width="7.109375" style="326" customWidth="1"/>
    <col min="6" max="10" width="10.44140625" style="326" bestFit="1" customWidth="1"/>
    <col min="11" max="12" width="11.6640625" style="326" bestFit="1" customWidth="1"/>
    <col min="13" max="15" width="9.21875" style="326" bestFit="1" customWidth="1"/>
    <col min="16" max="16" width="7.44140625" style="326" customWidth="1"/>
    <col min="17" max="17" width="9.21875" style="326" bestFit="1" customWidth="1"/>
    <col min="18" max="21" width="10.44140625" style="326" bestFit="1" customWidth="1"/>
    <col min="22" max="23" width="11.6640625" style="326" bestFit="1" customWidth="1"/>
    <col min="24" max="26" width="9.109375" style="326" bestFit="1" customWidth="1"/>
    <col min="27" max="27" width="7" style="326" customWidth="1"/>
    <col min="28" max="29" width="9.109375" style="326" bestFit="1" customWidth="1"/>
    <col min="30" max="31" width="9.6640625" style="326" bestFit="1" customWidth="1"/>
    <col min="32" max="32" width="9.109375" style="326" bestFit="1" customWidth="1"/>
    <col min="33" max="34" width="9.6640625" style="326" bestFit="1" customWidth="1"/>
    <col min="35" max="37" width="9.109375" style="326" bestFit="1" customWidth="1"/>
    <col min="38" max="38" width="7.33203125" style="326" customWidth="1"/>
    <col min="39" max="48" width="9.109375" style="326" bestFit="1" customWidth="1"/>
    <col min="49" max="49" width="7.33203125" style="326" customWidth="1"/>
    <col min="50" max="59" width="9.109375" style="326" bestFit="1" customWidth="1"/>
    <col min="60" max="60" width="7.77734375" style="326" customWidth="1"/>
    <col min="61" max="70" width="9.109375" style="326" bestFit="1" customWidth="1"/>
    <col min="71" max="71" width="7.77734375" style="326" customWidth="1"/>
    <col min="72" max="76" width="9.109375" style="326" bestFit="1" customWidth="1"/>
    <col min="77" max="78" width="9.6640625" style="326" bestFit="1" customWidth="1"/>
    <col min="79" max="81" width="9.109375" style="326" bestFit="1" customWidth="1"/>
    <col min="82" max="82" width="7.88671875" style="326" customWidth="1"/>
    <col min="83" max="92" width="9.109375" style="326" bestFit="1" customWidth="1"/>
    <col min="93" max="93" width="8" style="326" customWidth="1"/>
    <col min="94" max="103" width="9.109375" style="326" bestFit="1" customWidth="1"/>
    <col min="104" max="104" width="8" style="326" customWidth="1"/>
    <col min="105" max="114" width="9.109375" style="326" bestFit="1" customWidth="1"/>
    <col min="115" max="115" width="7.6640625" style="326" customWidth="1"/>
    <col min="116" max="116" width="9.109375" style="326" bestFit="1" customWidth="1"/>
    <col min="117" max="120" width="9.6640625" style="326" bestFit="1" customWidth="1"/>
    <col min="121" max="122" width="10.6640625" style="326" bestFit="1" customWidth="1"/>
    <col min="123" max="125" width="9.109375" style="326" bestFit="1" customWidth="1"/>
    <col min="126" max="126" width="7.44140625" style="326" customWidth="1"/>
    <col min="127" max="128" width="9.109375" style="326" bestFit="1" customWidth="1"/>
    <col min="129" max="133" width="9.6640625" style="326" bestFit="1" customWidth="1"/>
    <col min="134" max="136" width="9.109375" style="326" bestFit="1" customWidth="1"/>
    <col min="137" max="137" width="7.6640625" style="326" customWidth="1"/>
    <col min="138" max="147" width="9.109375" style="326" bestFit="1" customWidth="1"/>
    <col min="148" max="148" width="7.77734375" style="326" customWidth="1"/>
    <col min="149" max="158" width="9.109375" style="326" bestFit="1" customWidth="1"/>
    <col min="159" max="159" width="7.77734375" style="326" customWidth="1"/>
    <col min="160" max="169" width="9.109375" style="326" bestFit="1" customWidth="1"/>
    <col min="170" max="170" width="7.33203125" style="326" customWidth="1"/>
    <col min="171" max="180" width="9.109375" style="326" bestFit="1" customWidth="1"/>
    <col min="181" max="181" width="8" style="326" customWidth="1"/>
    <col min="182" max="187" width="9.109375" style="326" bestFit="1" customWidth="1"/>
    <col min="188" max="188" width="9.6640625" style="326" bestFit="1" customWidth="1"/>
    <col min="189" max="191" width="9.109375" style="326" bestFit="1" customWidth="1"/>
    <col min="192" max="192" width="7.44140625" style="326" customWidth="1"/>
    <col min="193" max="202" width="9.109375" style="326" bestFit="1" customWidth="1"/>
    <col min="203" max="203" width="7.88671875" style="326" customWidth="1"/>
    <col min="204" max="213" width="9.109375" style="326" bestFit="1" customWidth="1"/>
    <col min="214" max="214" width="7.88671875" style="326" customWidth="1"/>
    <col min="215" max="224" width="9.109375" style="326" bestFit="1" customWidth="1"/>
    <col min="225" max="225" width="7.6640625" style="326" customWidth="1"/>
    <col min="226" max="228" width="9.6640625" style="326" bestFit="1" customWidth="1"/>
    <col min="229" max="229" width="10.6640625" style="326" bestFit="1" customWidth="1"/>
    <col min="230" max="230" width="9.6640625" style="326" bestFit="1" customWidth="1"/>
    <col min="231" max="232" width="10.6640625" style="326" bestFit="1" customWidth="1"/>
    <col min="233" max="16384" width="9" style="326"/>
  </cols>
  <sheetData>
    <row r="1" spans="1:232" s="1" customFormat="1" ht="25.5" customHeight="1" x14ac:dyDescent="0.2">
      <c r="A1" s="20" t="s">
        <v>0</v>
      </c>
      <c r="B1" s="39"/>
      <c r="C1" s="39"/>
      <c r="D1" s="411">
        <f>第１表!F2</f>
        <v>4</v>
      </c>
      <c r="E1" s="287">
        <f>第１表!G2</f>
        <v>3</v>
      </c>
      <c r="F1" s="746">
        <f>IF(E1&lt;3,E1-2+12,E1-2)</f>
        <v>1</v>
      </c>
      <c r="G1" s="746"/>
      <c r="I1" s="39"/>
      <c r="J1" s="39"/>
      <c r="K1" s="39"/>
      <c r="CK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row>
    <row r="2" spans="1:232" ht="25.5" customHeight="1" thickBot="1" x14ac:dyDescent="0.25">
      <c r="A2" s="20" t="s">
        <v>120</v>
      </c>
    </row>
    <row r="3" spans="1:232" ht="19.5" customHeight="1" thickBot="1" x14ac:dyDescent="0.25">
      <c r="A3" s="747"/>
      <c r="B3" s="724" t="s">
        <v>116</v>
      </c>
      <c r="C3" s="725"/>
      <c r="D3" s="725"/>
      <c r="E3" s="725"/>
      <c r="F3" s="725"/>
      <c r="G3" s="725"/>
      <c r="H3" s="725"/>
      <c r="I3" s="725"/>
      <c r="J3" s="725"/>
      <c r="K3" s="725"/>
      <c r="L3" s="725"/>
      <c r="M3" s="512"/>
      <c r="N3" s="512"/>
      <c r="O3" s="512"/>
      <c r="P3" s="512"/>
      <c r="Q3" s="512"/>
      <c r="R3" s="512"/>
      <c r="S3" s="512"/>
      <c r="T3" s="512"/>
      <c r="U3" s="512"/>
      <c r="V3" s="512"/>
      <c r="W3" s="512"/>
      <c r="X3" s="512"/>
      <c r="Y3" s="512"/>
      <c r="Z3" s="512"/>
      <c r="AA3" s="512"/>
      <c r="AB3" s="512"/>
      <c r="AC3" s="512"/>
      <c r="AD3" s="512"/>
      <c r="AE3" s="512"/>
      <c r="AF3" s="512"/>
      <c r="AG3" s="512"/>
      <c r="AH3" s="512"/>
      <c r="AI3" s="512"/>
      <c r="AJ3" s="512"/>
      <c r="AK3" s="512"/>
      <c r="AL3" s="512"/>
      <c r="AM3" s="512"/>
      <c r="AN3" s="512"/>
      <c r="AO3" s="512"/>
      <c r="AP3" s="512"/>
      <c r="AQ3" s="512"/>
      <c r="AR3" s="512"/>
      <c r="AS3" s="512"/>
      <c r="AT3" s="512"/>
      <c r="AU3" s="512"/>
      <c r="AV3" s="512"/>
      <c r="AW3" s="512"/>
      <c r="AX3" s="512"/>
      <c r="AY3" s="512"/>
      <c r="AZ3" s="512"/>
      <c r="BA3" s="512"/>
      <c r="BB3" s="512"/>
      <c r="BC3" s="512"/>
      <c r="BD3" s="512"/>
      <c r="BE3" s="512"/>
      <c r="BF3" s="512"/>
      <c r="BG3" s="512"/>
      <c r="BH3" s="512"/>
      <c r="BI3" s="512"/>
      <c r="BJ3" s="512"/>
      <c r="BK3" s="512"/>
      <c r="BL3" s="512"/>
      <c r="BM3" s="512"/>
      <c r="BN3" s="512"/>
      <c r="BO3" s="512"/>
      <c r="BP3" s="512"/>
      <c r="BQ3" s="512"/>
      <c r="BR3" s="512"/>
      <c r="BS3" s="512"/>
      <c r="BT3" s="512"/>
      <c r="BU3" s="512"/>
      <c r="BV3" s="512"/>
      <c r="BW3" s="512"/>
      <c r="BX3" s="512"/>
      <c r="BY3" s="512"/>
      <c r="BZ3" s="512"/>
      <c r="CA3" s="512"/>
      <c r="CB3" s="512"/>
      <c r="CC3" s="512"/>
      <c r="CD3" s="512"/>
      <c r="CE3" s="512"/>
      <c r="CF3" s="512"/>
      <c r="CG3" s="512"/>
      <c r="CH3" s="512"/>
      <c r="CI3" s="512"/>
      <c r="CJ3" s="512"/>
      <c r="CK3" s="512"/>
      <c r="CL3" s="512"/>
      <c r="CM3" s="512"/>
      <c r="CN3" s="512"/>
      <c r="CO3" s="512"/>
      <c r="CP3" s="512"/>
      <c r="CQ3" s="512"/>
      <c r="CR3" s="512"/>
      <c r="CS3" s="512"/>
      <c r="CT3" s="512"/>
      <c r="CU3" s="512"/>
      <c r="CV3" s="512"/>
      <c r="CW3" s="512"/>
      <c r="CX3" s="512"/>
      <c r="CY3" s="512"/>
      <c r="CZ3" s="512"/>
      <c r="DA3" s="512"/>
      <c r="DB3" s="512"/>
      <c r="DC3" s="512"/>
      <c r="DD3" s="512"/>
      <c r="DE3" s="512"/>
      <c r="DF3" s="512"/>
      <c r="DG3" s="513"/>
      <c r="DH3" s="724" t="s">
        <v>118</v>
      </c>
      <c r="DI3" s="725"/>
      <c r="DJ3" s="725"/>
      <c r="DK3" s="725"/>
      <c r="DL3" s="725"/>
      <c r="DM3" s="725"/>
      <c r="DN3" s="725"/>
      <c r="DO3" s="725"/>
      <c r="DP3" s="725"/>
      <c r="DQ3" s="725"/>
      <c r="DR3" s="725"/>
      <c r="DS3" s="725"/>
      <c r="DT3" s="725"/>
      <c r="DU3" s="725"/>
      <c r="DV3" s="725"/>
      <c r="DW3" s="725"/>
      <c r="DX3" s="725"/>
      <c r="DY3" s="725"/>
      <c r="DZ3" s="725"/>
      <c r="EA3" s="725"/>
      <c r="EB3" s="725"/>
      <c r="EC3" s="725"/>
      <c r="ED3" s="725"/>
      <c r="EE3" s="725"/>
      <c r="EF3" s="725"/>
      <c r="EG3" s="725"/>
      <c r="EH3" s="725"/>
      <c r="EI3" s="725"/>
      <c r="EJ3" s="725"/>
      <c r="EK3" s="725"/>
      <c r="EL3" s="725"/>
      <c r="EM3" s="725"/>
      <c r="EN3" s="725"/>
      <c r="EO3" s="725"/>
      <c r="EP3" s="725"/>
      <c r="EQ3" s="725"/>
      <c r="ER3" s="725"/>
      <c r="ES3" s="725"/>
      <c r="ET3" s="725"/>
      <c r="EU3" s="725"/>
      <c r="EV3" s="725"/>
      <c r="EW3" s="725"/>
      <c r="EX3" s="725"/>
      <c r="EY3" s="725"/>
      <c r="EZ3" s="725"/>
      <c r="FA3" s="725"/>
      <c r="FB3" s="725"/>
      <c r="FC3" s="725"/>
      <c r="FD3" s="725"/>
      <c r="FE3" s="725"/>
      <c r="FF3" s="725"/>
      <c r="FG3" s="725"/>
      <c r="FH3" s="725"/>
      <c r="FI3" s="725"/>
      <c r="FJ3" s="725"/>
      <c r="FK3" s="725"/>
      <c r="FL3" s="725"/>
      <c r="FM3" s="725"/>
      <c r="FN3" s="725"/>
      <c r="FO3" s="725"/>
      <c r="FP3" s="725"/>
      <c r="FQ3" s="725"/>
      <c r="FR3" s="725"/>
      <c r="FS3" s="725"/>
      <c r="FT3" s="725"/>
      <c r="FU3" s="725"/>
      <c r="FV3" s="725"/>
      <c r="FW3" s="725"/>
      <c r="FX3" s="725"/>
      <c r="FY3" s="725"/>
      <c r="FZ3" s="725"/>
      <c r="GA3" s="725"/>
      <c r="GB3" s="725"/>
      <c r="GC3" s="725"/>
      <c r="GD3" s="725"/>
      <c r="GE3" s="725"/>
      <c r="GF3" s="725"/>
      <c r="GG3" s="725"/>
      <c r="GH3" s="725"/>
      <c r="GI3" s="725"/>
      <c r="GJ3" s="725"/>
      <c r="GK3" s="725"/>
      <c r="GL3" s="725"/>
      <c r="GM3" s="725"/>
      <c r="GN3" s="725"/>
      <c r="GO3" s="725"/>
      <c r="GP3" s="725"/>
      <c r="GQ3" s="725"/>
      <c r="GR3" s="725"/>
      <c r="GS3" s="725"/>
      <c r="GT3" s="725"/>
      <c r="GU3" s="725"/>
      <c r="GV3" s="725"/>
      <c r="GW3" s="725"/>
      <c r="GX3" s="725"/>
      <c r="GY3" s="725"/>
      <c r="GZ3" s="725"/>
      <c r="HA3" s="725"/>
      <c r="HB3" s="725"/>
      <c r="HC3" s="725"/>
      <c r="HD3" s="725"/>
      <c r="HE3" s="725"/>
      <c r="HF3" s="725"/>
      <c r="HG3" s="725"/>
      <c r="HH3" s="725"/>
      <c r="HI3" s="725"/>
      <c r="HJ3" s="725"/>
      <c r="HK3" s="725"/>
      <c r="HL3" s="725"/>
      <c r="HM3" s="726"/>
      <c r="HN3" s="727" t="s">
        <v>60</v>
      </c>
      <c r="HO3" s="728"/>
      <c r="HP3" s="728"/>
      <c r="HQ3" s="728"/>
      <c r="HR3" s="728"/>
      <c r="HS3" s="728"/>
      <c r="HT3" s="728"/>
      <c r="HU3" s="728"/>
      <c r="HV3" s="728"/>
      <c r="HW3" s="728"/>
      <c r="HX3" s="729"/>
    </row>
    <row r="4" spans="1:232" ht="19.5" customHeight="1" thickBot="1" x14ac:dyDescent="0.25">
      <c r="A4" s="748"/>
      <c r="B4" s="733"/>
      <c r="C4" s="734"/>
      <c r="D4" s="734"/>
      <c r="E4" s="734"/>
      <c r="F4" s="734"/>
      <c r="G4" s="734"/>
      <c r="H4" s="734"/>
      <c r="I4" s="734"/>
      <c r="J4" s="734"/>
      <c r="K4" s="734"/>
      <c r="L4" s="736"/>
      <c r="M4" s="721" t="s">
        <v>57</v>
      </c>
      <c r="N4" s="722"/>
      <c r="O4" s="722"/>
      <c r="P4" s="722"/>
      <c r="Q4" s="722"/>
      <c r="R4" s="722"/>
      <c r="S4" s="722"/>
      <c r="T4" s="722"/>
      <c r="U4" s="722"/>
      <c r="V4" s="722"/>
      <c r="W4" s="723"/>
      <c r="X4" s="721" t="s">
        <v>58</v>
      </c>
      <c r="Y4" s="722"/>
      <c r="Z4" s="722"/>
      <c r="AA4" s="722"/>
      <c r="AB4" s="722"/>
      <c r="AC4" s="722"/>
      <c r="AD4" s="722"/>
      <c r="AE4" s="722"/>
      <c r="AF4" s="722"/>
      <c r="AG4" s="722"/>
      <c r="AH4" s="723"/>
      <c r="AI4" s="721" t="s">
        <v>59</v>
      </c>
      <c r="AJ4" s="722"/>
      <c r="AK4" s="722"/>
      <c r="AL4" s="722"/>
      <c r="AM4" s="722"/>
      <c r="AN4" s="722"/>
      <c r="AO4" s="722"/>
      <c r="AP4" s="722"/>
      <c r="AQ4" s="722"/>
      <c r="AR4" s="722"/>
      <c r="AS4" s="723"/>
      <c r="AT4" s="721" t="s">
        <v>151</v>
      </c>
      <c r="AU4" s="722"/>
      <c r="AV4" s="722"/>
      <c r="AW4" s="722"/>
      <c r="AX4" s="722"/>
      <c r="AY4" s="722"/>
      <c r="AZ4" s="722"/>
      <c r="BA4" s="722"/>
      <c r="BB4" s="722"/>
      <c r="BC4" s="722"/>
      <c r="BD4" s="723"/>
      <c r="BE4" s="721" t="s">
        <v>117</v>
      </c>
      <c r="BF4" s="722"/>
      <c r="BG4" s="722"/>
      <c r="BH4" s="722"/>
      <c r="BI4" s="722"/>
      <c r="BJ4" s="722"/>
      <c r="BK4" s="722"/>
      <c r="BL4" s="722"/>
      <c r="BM4" s="722"/>
      <c r="BN4" s="722"/>
      <c r="BO4" s="723"/>
      <c r="BP4" s="721" t="s">
        <v>77</v>
      </c>
      <c r="BQ4" s="722"/>
      <c r="BR4" s="722"/>
      <c r="BS4" s="722"/>
      <c r="BT4" s="722"/>
      <c r="BU4" s="722"/>
      <c r="BV4" s="722"/>
      <c r="BW4" s="722"/>
      <c r="BX4" s="722"/>
      <c r="BY4" s="722"/>
      <c r="BZ4" s="723"/>
      <c r="CA4" s="721" t="s">
        <v>78</v>
      </c>
      <c r="CB4" s="722"/>
      <c r="CC4" s="722"/>
      <c r="CD4" s="722"/>
      <c r="CE4" s="722"/>
      <c r="CF4" s="722"/>
      <c r="CG4" s="722"/>
      <c r="CH4" s="722"/>
      <c r="CI4" s="722"/>
      <c r="CJ4" s="722"/>
      <c r="CK4" s="723"/>
      <c r="CL4" s="721" t="s">
        <v>79</v>
      </c>
      <c r="CM4" s="722"/>
      <c r="CN4" s="722"/>
      <c r="CO4" s="722"/>
      <c r="CP4" s="722"/>
      <c r="CQ4" s="722"/>
      <c r="CR4" s="722"/>
      <c r="CS4" s="722"/>
      <c r="CT4" s="722"/>
      <c r="CU4" s="722"/>
      <c r="CV4" s="723"/>
      <c r="CW4" s="721" t="s">
        <v>152</v>
      </c>
      <c r="CX4" s="722"/>
      <c r="CY4" s="722"/>
      <c r="CZ4" s="722"/>
      <c r="DA4" s="722"/>
      <c r="DB4" s="722"/>
      <c r="DC4" s="722"/>
      <c r="DD4" s="722"/>
      <c r="DE4" s="722"/>
      <c r="DF4" s="722"/>
      <c r="DG4" s="723"/>
      <c r="DH4" s="733"/>
      <c r="DI4" s="734"/>
      <c r="DJ4" s="734"/>
      <c r="DK4" s="734"/>
      <c r="DL4" s="734"/>
      <c r="DM4" s="734"/>
      <c r="DN4" s="734"/>
      <c r="DO4" s="734"/>
      <c r="DP4" s="734"/>
      <c r="DQ4" s="734"/>
      <c r="DR4" s="735"/>
      <c r="DS4" s="721" t="s">
        <v>57</v>
      </c>
      <c r="DT4" s="722"/>
      <c r="DU4" s="722"/>
      <c r="DV4" s="722"/>
      <c r="DW4" s="722"/>
      <c r="DX4" s="722"/>
      <c r="DY4" s="722"/>
      <c r="DZ4" s="722"/>
      <c r="EA4" s="722"/>
      <c r="EB4" s="722"/>
      <c r="EC4" s="723"/>
      <c r="ED4" s="721" t="s">
        <v>58</v>
      </c>
      <c r="EE4" s="722"/>
      <c r="EF4" s="722"/>
      <c r="EG4" s="722"/>
      <c r="EH4" s="722"/>
      <c r="EI4" s="722"/>
      <c r="EJ4" s="722"/>
      <c r="EK4" s="722"/>
      <c r="EL4" s="722"/>
      <c r="EM4" s="722"/>
      <c r="EN4" s="723"/>
      <c r="EO4" s="721" t="s">
        <v>59</v>
      </c>
      <c r="EP4" s="722"/>
      <c r="EQ4" s="722"/>
      <c r="ER4" s="722"/>
      <c r="ES4" s="722"/>
      <c r="ET4" s="722"/>
      <c r="EU4" s="722"/>
      <c r="EV4" s="722"/>
      <c r="EW4" s="722"/>
      <c r="EX4" s="722"/>
      <c r="EY4" s="723"/>
      <c r="EZ4" s="721" t="s">
        <v>151</v>
      </c>
      <c r="FA4" s="722"/>
      <c r="FB4" s="722"/>
      <c r="FC4" s="722"/>
      <c r="FD4" s="722"/>
      <c r="FE4" s="722"/>
      <c r="FF4" s="722"/>
      <c r="FG4" s="722"/>
      <c r="FH4" s="722"/>
      <c r="FI4" s="722"/>
      <c r="FJ4" s="723"/>
      <c r="FK4" s="721" t="s">
        <v>117</v>
      </c>
      <c r="FL4" s="722"/>
      <c r="FM4" s="722"/>
      <c r="FN4" s="722"/>
      <c r="FO4" s="722"/>
      <c r="FP4" s="722"/>
      <c r="FQ4" s="722"/>
      <c r="FR4" s="722"/>
      <c r="FS4" s="722"/>
      <c r="FT4" s="722"/>
      <c r="FU4" s="723"/>
      <c r="FV4" s="721" t="s">
        <v>77</v>
      </c>
      <c r="FW4" s="722"/>
      <c r="FX4" s="722"/>
      <c r="FY4" s="722"/>
      <c r="FZ4" s="722"/>
      <c r="GA4" s="722"/>
      <c r="GB4" s="722"/>
      <c r="GC4" s="722"/>
      <c r="GD4" s="722"/>
      <c r="GE4" s="722"/>
      <c r="GF4" s="723"/>
      <c r="GG4" s="721" t="s">
        <v>78</v>
      </c>
      <c r="GH4" s="722"/>
      <c r="GI4" s="722"/>
      <c r="GJ4" s="722"/>
      <c r="GK4" s="722"/>
      <c r="GL4" s="722"/>
      <c r="GM4" s="722"/>
      <c r="GN4" s="722"/>
      <c r="GO4" s="722"/>
      <c r="GP4" s="722"/>
      <c r="GQ4" s="723"/>
      <c r="GR4" s="721" t="s">
        <v>79</v>
      </c>
      <c r="GS4" s="722"/>
      <c r="GT4" s="722"/>
      <c r="GU4" s="722"/>
      <c r="GV4" s="722"/>
      <c r="GW4" s="722"/>
      <c r="GX4" s="722"/>
      <c r="GY4" s="722"/>
      <c r="GZ4" s="722"/>
      <c r="HA4" s="722"/>
      <c r="HB4" s="723"/>
      <c r="HC4" s="721" t="s">
        <v>152</v>
      </c>
      <c r="HD4" s="722"/>
      <c r="HE4" s="722"/>
      <c r="HF4" s="722"/>
      <c r="HG4" s="722"/>
      <c r="HH4" s="722"/>
      <c r="HI4" s="722"/>
      <c r="HJ4" s="722"/>
      <c r="HK4" s="722"/>
      <c r="HL4" s="722"/>
      <c r="HM4" s="723"/>
      <c r="HN4" s="730"/>
      <c r="HO4" s="731"/>
      <c r="HP4" s="731"/>
      <c r="HQ4" s="731"/>
      <c r="HR4" s="731"/>
      <c r="HS4" s="731"/>
      <c r="HT4" s="731"/>
      <c r="HU4" s="731"/>
      <c r="HV4" s="731"/>
      <c r="HW4" s="731"/>
      <c r="HX4" s="732"/>
    </row>
    <row r="5" spans="1:232" ht="19.5" customHeight="1" x14ac:dyDescent="0.2">
      <c r="A5" s="748"/>
      <c r="B5" s="737" t="s">
        <v>61</v>
      </c>
      <c r="C5" s="738"/>
      <c r="D5" s="739"/>
      <c r="E5" s="740" t="s">
        <v>62</v>
      </c>
      <c r="F5" s="738"/>
      <c r="G5" s="738"/>
      <c r="H5" s="738"/>
      <c r="I5" s="738"/>
      <c r="J5" s="738"/>
      <c r="K5" s="741"/>
      <c r="L5" s="742" t="s">
        <v>52</v>
      </c>
      <c r="M5" s="733" t="s">
        <v>61</v>
      </c>
      <c r="N5" s="734"/>
      <c r="O5" s="735"/>
      <c r="P5" s="744" t="s">
        <v>62</v>
      </c>
      <c r="Q5" s="734"/>
      <c r="R5" s="734"/>
      <c r="S5" s="734"/>
      <c r="T5" s="734"/>
      <c r="U5" s="734"/>
      <c r="V5" s="745"/>
      <c r="W5" s="663" t="s">
        <v>52</v>
      </c>
      <c r="X5" s="733" t="s">
        <v>61</v>
      </c>
      <c r="Y5" s="734"/>
      <c r="Z5" s="735"/>
      <c r="AA5" s="744" t="s">
        <v>62</v>
      </c>
      <c r="AB5" s="734"/>
      <c r="AC5" s="734"/>
      <c r="AD5" s="734"/>
      <c r="AE5" s="734"/>
      <c r="AF5" s="734"/>
      <c r="AG5" s="745"/>
      <c r="AH5" s="663" t="s">
        <v>52</v>
      </c>
      <c r="AI5" s="733" t="s">
        <v>61</v>
      </c>
      <c r="AJ5" s="734"/>
      <c r="AK5" s="735"/>
      <c r="AL5" s="744" t="s">
        <v>62</v>
      </c>
      <c r="AM5" s="734"/>
      <c r="AN5" s="734"/>
      <c r="AO5" s="734"/>
      <c r="AP5" s="734"/>
      <c r="AQ5" s="734"/>
      <c r="AR5" s="745"/>
      <c r="AS5" s="663" t="s">
        <v>52</v>
      </c>
      <c r="AT5" s="733" t="s">
        <v>61</v>
      </c>
      <c r="AU5" s="734"/>
      <c r="AV5" s="735"/>
      <c r="AW5" s="744" t="s">
        <v>62</v>
      </c>
      <c r="AX5" s="734"/>
      <c r="AY5" s="734"/>
      <c r="AZ5" s="734"/>
      <c r="BA5" s="734"/>
      <c r="BB5" s="734"/>
      <c r="BC5" s="745"/>
      <c r="BD5" s="663" t="s">
        <v>52</v>
      </c>
      <c r="BE5" s="733" t="s">
        <v>61</v>
      </c>
      <c r="BF5" s="734"/>
      <c r="BG5" s="735"/>
      <c r="BH5" s="744" t="s">
        <v>62</v>
      </c>
      <c r="BI5" s="734"/>
      <c r="BJ5" s="734"/>
      <c r="BK5" s="734"/>
      <c r="BL5" s="734"/>
      <c r="BM5" s="734"/>
      <c r="BN5" s="745"/>
      <c r="BO5" s="663" t="s">
        <v>52</v>
      </c>
      <c r="BP5" s="733" t="s">
        <v>61</v>
      </c>
      <c r="BQ5" s="734"/>
      <c r="BR5" s="735"/>
      <c r="BS5" s="744" t="s">
        <v>62</v>
      </c>
      <c r="BT5" s="734"/>
      <c r="BU5" s="734"/>
      <c r="BV5" s="734"/>
      <c r="BW5" s="734"/>
      <c r="BX5" s="734"/>
      <c r="BY5" s="745"/>
      <c r="BZ5" s="663" t="s">
        <v>52</v>
      </c>
      <c r="CA5" s="733" t="s">
        <v>61</v>
      </c>
      <c r="CB5" s="734"/>
      <c r="CC5" s="735"/>
      <c r="CD5" s="744" t="s">
        <v>62</v>
      </c>
      <c r="CE5" s="734"/>
      <c r="CF5" s="734"/>
      <c r="CG5" s="734"/>
      <c r="CH5" s="734"/>
      <c r="CI5" s="734"/>
      <c r="CJ5" s="745"/>
      <c r="CK5" s="663" t="s">
        <v>52</v>
      </c>
      <c r="CL5" s="733" t="s">
        <v>61</v>
      </c>
      <c r="CM5" s="734"/>
      <c r="CN5" s="735"/>
      <c r="CO5" s="744" t="s">
        <v>62</v>
      </c>
      <c r="CP5" s="734"/>
      <c r="CQ5" s="734"/>
      <c r="CR5" s="734"/>
      <c r="CS5" s="734"/>
      <c r="CT5" s="734"/>
      <c r="CU5" s="745"/>
      <c r="CV5" s="663" t="s">
        <v>52</v>
      </c>
      <c r="CW5" s="733" t="s">
        <v>61</v>
      </c>
      <c r="CX5" s="734"/>
      <c r="CY5" s="735"/>
      <c r="CZ5" s="744" t="s">
        <v>62</v>
      </c>
      <c r="DA5" s="734"/>
      <c r="DB5" s="734"/>
      <c r="DC5" s="734"/>
      <c r="DD5" s="734"/>
      <c r="DE5" s="734"/>
      <c r="DF5" s="745"/>
      <c r="DG5" s="663" t="s">
        <v>52</v>
      </c>
      <c r="DH5" s="737" t="s">
        <v>61</v>
      </c>
      <c r="DI5" s="738"/>
      <c r="DJ5" s="739"/>
      <c r="DK5" s="740" t="s">
        <v>62</v>
      </c>
      <c r="DL5" s="738"/>
      <c r="DM5" s="738"/>
      <c r="DN5" s="738"/>
      <c r="DO5" s="738"/>
      <c r="DP5" s="738"/>
      <c r="DQ5" s="741"/>
      <c r="DR5" s="750" t="s">
        <v>52</v>
      </c>
      <c r="DS5" s="733" t="s">
        <v>61</v>
      </c>
      <c r="DT5" s="734"/>
      <c r="DU5" s="735"/>
      <c r="DV5" s="744" t="s">
        <v>62</v>
      </c>
      <c r="DW5" s="734"/>
      <c r="DX5" s="734"/>
      <c r="DY5" s="734"/>
      <c r="DZ5" s="734"/>
      <c r="EA5" s="734"/>
      <c r="EB5" s="745"/>
      <c r="EC5" s="663" t="s">
        <v>52</v>
      </c>
      <c r="ED5" s="733" t="s">
        <v>61</v>
      </c>
      <c r="EE5" s="734"/>
      <c r="EF5" s="735"/>
      <c r="EG5" s="744" t="s">
        <v>62</v>
      </c>
      <c r="EH5" s="734"/>
      <c r="EI5" s="734"/>
      <c r="EJ5" s="734"/>
      <c r="EK5" s="734"/>
      <c r="EL5" s="734"/>
      <c r="EM5" s="745"/>
      <c r="EN5" s="663" t="s">
        <v>52</v>
      </c>
      <c r="EO5" s="733" t="s">
        <v>61</v>
      </c>
      <c r="EP5" s="734"/>
      <c r="EQ5" s="735"/>
      <c r="ER5" s="744" t="s">
        <v>62</v>
      </c>
      <c r="ES5" s="734"/>
      <c r="ET5" s="734"/>
      <c r="EU5" s="734"/>
      <c r="EV5" s="734"/>
      <c r="EW5" s="734"/>
      <c r="EX5" s="745"/>
      <c r="EY5" s="663" t="s">
        <v>52</v>
      </c>
      <c r="EZ5" s="733" t="s">
        <v>61</v>
      </c>
      <c r="FA5" s="734"/>
      <c r="FB5" s="735"/>
      <c r="FC5" s="744" t="s">
        <v>62</v>
      </c>
      <c r="FD5" s="734"/>
      <c r="FE5" s="734"/>
      <c r="FF5" s="734"/>
      <c r="FG5" s="734"/>
      <c r="FH5" s="734"/>
      <c r="FI5" s="745"/>
      <c r="FJ5" s="663" t="s">
        <v>52</v>
      </c>
      <c r="FK5" s="733" t="s">
        <v>61</v>
      </c>
      <c r="FL5" s="734"/>
      <c r="FM5" s="735"/>
      <c r="FN5" s="744" t="s">
        <v>62</v>
      </c>
      <c r="FO5" s="734"/>
      <c r="FP5" s="734"/>
      <c r="FQ5" s="734"/>
      <c r="FR5" s="734"/>
      <c r="FS5" s="734"/>
      <c r="FT5" s="745"/>
      <c r="FU5" s="663" t="s">
        <v>52</v>
      </c>
      <c r="FV5" s="733" t="s">
        <v>61</v>
      </c>
      <c r="FW5" s="734"/>
      <c r="FX5" s="735"/>
      <c r="FY5" s="744" t="s">
        <v>62</v>
      </c>
      <c r="FZ5" s="734"/>
      <c r="GA5" s="734"/>
      <c r="GB5" s="734"/>
      <c r="GC5" s="734"/>
      <c r="GD5" s="734"/>
      <c r="GE5" s="745"/>
      <c r="GF5" s="663" t="s">
        <v>52</v>
      </c>
      <c r="GG5" s="733" t="s">
        <v>61</v>
      </c>
      <c r="GH5" s="734"/>
      <c r="GI5" s="735"/>
      <c r="GJ5" s="744" t="s">
        <v>62</v>
      </c>
      <c r="GK5" s="734"/>
      <c r="GL5" s="734"/>
      <c r="GM5" s="734"/>
      <c r="GN5" s="734"/>
      <c r="GO5" s="734"/>
      <c r="GP5" s="745"/>
      <c r="GQ5" s="663" t="s">
        <v>52</v>
      </c>
      <c r="GR5" s="733" t="s">
        <v>61</v>
      </c>
      <c r="GS5" s="734"/>
      <c r="GT5" s="735"/>
      <c r="GU5" s="744" t="s">
        <v>62</v>
      </c>
      <c r="GV5" s="734"/>
      <c r="GW5" s="734"/>
      <c r="GX5" s="734"/>
      <c r="GY5" s="734"/>
      <c r="GZ5" s="734"/>
      <c r="HA5" s="745"/>
      <c r="HB5" s="663" t="s">
        <v>52</v>
      </c>
      <c r="HC5" s="733" t="s">
        <v>61</v>
      </c>
      <c r="HD5" s="734"/>
      <c r="HE5" s="735"/>
      <c r="HF5" s="744" t="s">
        <v>62</v>
      </c>
      <c r="HG5" s="734"/>
      <c r="HH5" s="734"/>
      <c r="HI5" s="734"/>
      <c r="HJ5" s="734"/>
      <c r="HK5" s="734"/>
      <c r="HL5" s="745"/>
      <c r="HM5" s="663" t="s">
        <v>52</v>
      </c>
      <c r="HN5" s="733" t="s">
        <v>61</v>
      </c>
      <c r="HO5" s="734"/>
      <c r="HP5" s="735"/>
      <c r="HQ5" s="744" t="s">
        <v>62</v>
      </c>
      <c r="HR5" s="734"/>
      <c r="HS5" s="734"/>
      <c r="HT5" s="734"/>
      <c r="HU5" s="734"/>
      <c r="HV5" s="734"/>
      <c r="HW5" s="745"/>
      <c r="HX5" s="663" t="s">
        <v>52</v>
      </c>
    </row>
    <row r="6" spans="1:232" ht="34.5" customHeight="1" thickBot="1" x14ac:dyDescent="0.25">
      <c r="A6" s="749"/>
      <c r="B6" s="415" t="s">
        <v>119</v>
      </c>
      <c r="C6" s="416" t="s">
        <v>44</v>
      </c>
      <c r="D6" s="432" t="s">
        <v>45</v>
      </c>
      <c r="E6" s="433" t="s">
        <v>83</v>
      </c>
      <c r="F6" s="416" t="s">
        <v>47</v>
      </c>
      <c r="G6" s="416" t="s">
        <v>48</v>
      </c>
      <c r="H6" s="416" t="s">
        <v>49</v>
      </c>
      <c r="I6" s="416" t="s">
        <v>50</v>
      </c>
      <c r="J6" s="416" t="s">
        <v>51</v>
      </c>
      <c r="K6" s="434" t="s">
        <v>45</v>
      </c>
      <c r="L6" s="743"/>
      <c r="M6" s="415" t="s">
        <v>119</v>
      </c>
      <c r="N6" s="416" t="s">
        <v>44</v>
      </c>
      <c r="O6" s="432" t="s">
        <v>45</v>
      </c>
      <c r="P6" s="433" t="s">
        <v>83</v>
      </c>
      <c r="Q6" s="416" t="s">
        <v>47</v>
      </c>
      <c r="R6" s="416" t="s">
        <v>48</v>
      </c>
      <c r="S6" s="416" t="s">
        <v>49</v>
      </c>
      <c r="T6" s="416" t="s">
        <v>50</v>
      </c>
      <c r="U6" s="416" t="s">
        <v>51</v>
      </c>
      <c r="V6" s="434" t="s">
        <v>45</v>
      </c>
      <c r="W6" s="743"/>
      <c r="X6" s="415" t="s">
        <v>119</v>
      </c>
      <c r="Y6" s="416" t="s">
        <v>44</v>
      </c>
      <c r="Z6" s="432" t="s">
        <v>45</v>
      </c>
      <c r="AA6" s="433" t="s">
        <v>83</v>
      </c>
      <c r="AB6" s="416" t="s">
        <v>47</v>
      </c>
      <c r="AC6" s="416" t="s">
        <v>48</v>
      </c>
      <c r="AD6" s="416" t="s">
        <v>49</v>
      </c>
      <c r="AE6" s="416" t="s">
        <v>50</v>
      </c>
      <c r="AF6" s="416" t="s">
        <v>51</v>
      </c>
      <c r="AG6" s="434" t="s">
        <v>45</v>
      </c>
      <c r="AH6" s="743"/>
      <c r="AI6" s="415" t="s">
        <v>119</v>
      </c>
      <c r="AJ6" s="416" t="s">
        <v>44</v>
      </c>
      <c r="AK6" s="432" t="s">
        <v>45</v>
      </c>
      <c r="AL6" s="433" t="s">
        <v>83</v>
      </c>
      <c r="AM6" s="416" t="s">
        <v>47</v>
      </c>
      <c r="AN6" s="416" t="s">
        <v>48</v>
      </c>
      <c r="AO6" s="416" t="s">
        <v>49</v>
      </c>
      <c r="AP6" s="416" t="s">
        <v>50</v>
      </c>
      <c r="AQ6" s="416" t="s">
        <v>51</v>
      </c>
      <c r="AR6" s="434" t="s">
        <v>45</v>
      </c>
      <c r="AS6" s="743"/>
      <c r="AT6" s="415" t="s">
        <v>119</v>
      </c>
      <c r="AU6" s="416" t="s">
        <v>44</v>
      </c>
      <c r="AV6" s="432" t="s">
        <v>45</v>
      </c>
      <c r="AW6" s="433" t="s">
        <v>83</v>
      </c>
      <c r="AX6" s="416" t="s">
        <v>47</v>
      </c>
      <c r="AY6" s="416" t="s">
        <v>48</v>
      </c>
      <c r="AZ6" s="416" t="s">
        <v>49</v>
      </c>
      <c r="BA6" s="416" t="s">
        <v>50</v>
      </c>
      <c r="BB6" s="416" t="s">
        <v>51</v>
      </c>
      <c r="BC6" s="434" t="s">
        <v>45</v>
      </c>
      <c r="BD6" s="743"/>
      <c r="BE6" s="415" t="s">
        <v>119</v>
      </c>
      <c r="BF6" s="416" t="s">
        <v>44</v>
      </c>
      <c r="BG6" s="432" t="s">
        <v>45</v>
      </c>
      <c r="BH6" s="433" t="s">
        <v>83</v>
      </c>
      <c r="BI6" s="416" t="s">
        <v>47</v>
      </c>
      <c r="BJ6" s="416" t="s">
        <v>48</v>
      </c>
      <c r="BK6" s="416" t="s">
        <v>49</v>
      </c>
      <c r="BL6" s="416" t="s">
        <v>50</v>
      </c>
      <c r="BM6" s="416" t="s">
        <v>51</v>
      </c>
      <c r="BN6" s="434" t="s">
        <v>45</v>
      </c>
      <c r="BO6" s="743"/>
      <c r="BP6" s="415" t="s">
        <v>119</v>
      </c>
      <c r="BQ6" s="416" t="s">
        <v>44</v>
      </c>
      <c r="BR6" s="432" t="s">
        <v>45</v>
      </c>
      <c r="BS6" s="433" t="s">
        <v>83</v>
      </c>
      <c r="BT6" s="416" t="s">
        <v>47</v>
      </c>
      <c r="BU6" s="416" t="s">
        <v>48</v>
      </c>
      <c r="BV6" s="416" t="s">
        <v>49</v>
      </c>
      <c r="BW6" s="416" t="s">
        <v>50</v>
      </c>
      <c r="BX6" s="416" t="s">
        <v>51</v>
      </c>
      <c r="BY6" s="434" t="s">
        <v>45</v>
      </c>
      <c r="BZ6" s="743"/>
      <c r="CA6" s="415" t="s">
        <v>119</v>
      </c>
      <c r="CB6" s="416" t="s">
        <v>44</v>
      </c>
      <c r="CC6" s="432" t="s">
        <v>45</v>
      </c>
      <c r="CD6" s="433" t="s">
        <v>83</v>
      </c>
      <c r="CE6" s="416" t="s">
        <v>47</v>
      </c>
      <c r="CF6" s="416" t="s">
        <v>48</v>
      </c>
      <c r="CG6" s="416" t="s">
        <v>49</v>
      </c>
      <c r="CH6" s="416" t="s">
        <v>50</v>
      </c>
      <c r="CI6" s="416" t="s">
        <v>51</v>
      </c>
      <c r="CJ6" s="434" t="s">
        <v>45</v>
      </c>
      <c r="CK6" s="743"/>
      <c r="CL6" s="415" t="s">
        <v>119</v>
      </c>
      <c r="CM6" s="416" t="s">
        <v>44</v>
      </c>
      <c r="CN6" s="432" t="s">
        <v>45</v>
      </c>
      <c r="CO6" s="433" t="s">
        <v>83</v>
      </c>
      <c r="CP6" s="416" t="s">
        <v>47</v>
      </c>
      <c r="CQ6" s="416" t="s">
        <v>48</v>
      </c>
      <c r="CR6" s="416" t="s">
        <v>49</v>
      </c>
      <c r="CS6" s="416" t="s">
        <v>50</v>
      </c>
      <c r="CT6" s="416" t="s">
        <v>51</v>
      </c>
      <c r="CU6" s="434" t="s">
        <v>45</v>
      </c>
      <c r="CV6" s="743"/>
      <c r="CW6" s="415" t="s">
        <v>119</v>
      </c>
      <c r="CX6" s="416" t="s">
        <v>44</v>
      </c>
      <c r="CY6" s="432" t="s">
        <v>45</v>
      </c>
      <c r="CZ6" s="433" t="s">
        <v>83</v>
      </c>
      <c r="DA6" s="416" t="s">
        <v>47</v>
      </c>
      <c r="DB6" s="416" t="s">
        <v>48</v>
      </c>
      <c r="DC6" s="416" t="s">
        <v>49</v>
      </c>
      <c r="DD6" s="416" t="s">
        <v>50</v>
      </c>
      <c r="DE6" s="416" t="s">
        <v>51</v>
      </c>
      <c r="DF6" s="434" t="s">
        <v>45</v>
      </c>
      <c r="DG6" s="743"/>
      <c r="DH6" s="415" t="s">
        <v>119</v>
      </c>
      <c r="DI6" s="416" t="s">
        <v>44</v>
      </c>
      <c r="DJ6" s="432" t="s">
        <v>45</v>
      </c>
      <c r="DK6" s="433" t="s">
        <v>83</v>
      </c>
      <c r="DL6" s="416" t="s">
        <v>47</v>
      </c>
      <c r="DM6" s="416" t="s">
        <v>48</v>
      </c>
      <c r="DN6" s="416" t="s">
        <v>49</v>
      </c>
      <c r="DO6" s="416" t="s">
        <v>50</v>
      </c>
      <c r="DP6" s="416" t="s">
        <v>51</v>
      </c>
      <c r="DQ6" s="434" t="s">
        <v>45</v>
      </c>
      <c r="DR6" s="751"/>
      <c r="DS6" s="415" t="s">
        <v>119</v>
      </c>
      <c r="DT6" s="416" t="s">
        <v>44</v>
      </c>
      <c r="DU6" s="432" t="s">
        <v>45</v>
      </c>
      <c r="DV6" s="433" t="s">
        <v>83</v>
      </c>
      <c r="DW6" s="416" t="s">
        <v>47</v>
      </c>
      <c r="DX6" s="416" t="s">
        <v>48</v>
      </c>
      <c r="DY6" s="416" t="s">
        <v>49</v>
      </c>
      <c r="DZ6" s="416" t="s">
        <v>50</v>
      </c>
      <c r="EA6" s="416" t="s">
        <v>51</v>
      </c>
      <c r="EB6" s="434" t="s">
        <v>45</v>
      </c>
      <c r="EC6" s="743"/>
      <c r="ED6" s="415" t="s">
        <v>119</v>
      </c>
      <c r="EE6" s="416" t="s">
        <v>44</v>
      </c>
      <c r="EF6" s="432" t="s">
        <v>45</v>
      </c>
      <c r="EG6" s="433" t="s">
        <v>83</v>
      </c>
      <c r="EH6" s="416" t="s">
        <v>47</v>
      </c>
      <c r="EI6" s="416" t="s">
        <v>48</v>
      </c>
      <c r="EJ6" s="416" t="s">
        <v>49</v>
      </c>
      <c r="EK6" s="416" t="s">
        <v>50</v>
      </c>
      <c r="EL6" s="416" t="s">
        <v>51</v>
      </c>
      <c r="EM6" s="434" t="s">
        <v>45</v>
      </c>
      <c r="EN6" s="743"/>
      <c r="EO6" s="415" t="s">
        <v>119</v>
      </c>
      <c r="EP6" s="416" t="s">
        <v>44</v>
      </c>
      <c r="EQ6" s="432" t="s">
        <v>45</v>
      </c>
      <c r="ER6" s="433" t="s">
        <v>83</v>
      </c>
      <c r="ES6" s="416" t="s">
        <v>47</v>
      </c>
      <c r="ET6" s="416" t="s">
        <v>48</v>
      </c>
      <c r="EU6" s="416" t="s">
        <v>49</v>
      </c>
      <c r="EV6" s="416" t="s">
        <v>50</v>
      </c>
      <c r="EW6" s="416" t="s">
        <v>51</v>
      </c>
      <c r="EX6" s="434" t="s">
        <v>45</v>
      </c>
      <c r="EY6" s="743"/>
      <c r="EZ6" s="415" t="s">
        <v>119</v>
      </c>
      <c r="FA6" s="416" t="s">
        <v>44</v>
      </c>
      <c r="FB6" s="432" t="s">
        <v>45</v>
      </c>
      <c r="FC6" s="433" t="s">
        <v>83</v>
      </c>
      <c r="FD6" s="416" t="s">
        <v>47</v>
      </c>
      <c r="FE6" s="416" t="s">
        <v>48</v>
      </c>
      <c r="FF6" s="416" t="s">
        <v>49</v>
      </c>
      <c r="FG6" s="416" t="s">
        <v>50</v>
      </c>
      <c r="FH6" s="416" t="s">
        <v>51</v>
      </c>
      <c r="FI6" s="434" t="s">
        <v>45</v>
      </c>
      <c r="FJ6" s="743"/>
      <c r="FK6" s="415" t="s">
        <v>119</v>
      </c>
      <c r="FL6" s="416" t="s">
        <v>44</v>
      </c>
      <c r="FM6" s="432" t="s">
        <v>45</v>
      </c>
      <c r="FN6" s="433" t="s">
        <v>83</v>
      </c>
      <c r="FO6" s="416" t="s">
        <v>47</v>
      </c>
      <c r="FP6" s="416" t="s">
        <v>48</v>
      </c>
      <c r="FQ6" s="416" t="s">
        <v>49</v>
      </c>
      <c r="FR6" s="416" t="s">
        <v>50</v>
      </c>
      <c r="FS6" s="416" t="s">
        <v>51</v>
      </c>
      <c r="FT6" s="434" t="s">
        <v>45</v>
      </c>
      <c r="FU6" s="743"/>
      <c r="FV6" s="415" t="s">
        <v>119</v>
      </c>
      <c r="FW6" s="416" t="s">
        <v>44</v>
      </c>
      <c r="FX6" s="432" t="s">
        <v>45</v>
      </c>
      <c r="FY6" s="433" t="s">
        <v>83</v>
      </c>
      <c r="FZ6" s="416" t="s">
        <v>47</v>
      </c>
      <c r="GA6" s="416" t="s">
        <v>48</v>
      </c>
      <c r="GB6" s="416" t="s">
        <v>49</v>
      </c>
      <c r="GC6" s="416" t="s">
        <v>50</v>
      </c>
      <c r="GD6" s="416" t="s">
        <v>51</v>
      </c>
      <c r="GE6" s="434" t="s">
        <v>45</v>
      </c>
      <c r="GF6" s="743"/>
      <c r="GG6" s="415" t="s">
        <v>119</v>
      </c>
      <c r="GH6" s="416" t="s">
        <v>44</v>
      </c>
      <c r="GI6" s="432" t="s">
        <v>45</v>
      </c>
      <c r="GJ6" s="433" t="s">
        <v>83</v>
      </c>
      <c r="GK6" s="416" t="s">
        <v>47</v>
      </c>
      <c r="GL6" s="416" t="s">
        <v>48</v>
      </c>
      <c r="GM6" s="416" t="s">
        <v>49</v>
      </c>
      <c r="GN6" s="416" t="s">
        <v>50</v>
      </c>
      <c r="GO6" s="416" t="s">
        <v>51</v>
      </c>
      <c r="GP6" s="434" t="s">
        <v>45</v>
      </c>
      <c r="GQ6" s="743"/>
      <c r="GR6" s="415" t="s">
        <v>119</v>
      </c>
      <c r="GS6" s="416" t="s">
        <v>44</v>
      </c>
      <c r="GT6" s="432" t="s">
        <v>45</v>
      </c>
      <c r="GU6" s="433" t="s">
        <v>83</v>
      </c>
      <c r="GV6" s="416" t="s">
        <v>47</v>
      </c>
      <c r="GW6" s="416" t="s">
        <v>48</v>
      </c>
      <c r="GX6" s="416" t="s">
        <v>49</v>
      </c>
      <c r="GY6" s="416" t="s">
        <v>50</v>
      </c>
      <c r="GZ6" s="416" t="s">
        <v>51</v>
      </c>
      <c r="HA6" s="434" t="s">
        <v>45</v>
      </c>
      <c r="HB6" s="743"/>
      <c r="HC6" s="415" t="s">
        <v>119</v>
      </c>
      <c r="HD6" s="416" t="s">
        <v>44</v>
      </c>
      <c r="HE6" s="432" t="s">
        <v>45</v>
      </c>
      <c r="HF6" s="433" t="s">
        <v>83</v>
      </c>
      <c r="HG6" s="416" t="s">
        <v>47</v>
      </c>
      <c r="HH6" s="416" t="s">
        <v>48</v>
      </c>
      <c r="HI6" s="416" t="s">
        <v>49</v>
      </c>
      <c r="HJ6" s="416" t="s">
        <v>50</v>
      </c>
      <c r="HK6" s="416" t="s">
        <v>51</v>
      </c>
      <c r="HL6" s="434" t="s">
        <v>45</v>
      </c>
      <c r="HM6" s="743"/>
      <c r="HN6" s="415" t="s">
        <v>119</v>
      </c>
      <c r="HO6" s="416" t="s">
        <v>44</v>
      </c>
      <c r="HP6" s="432" t="s">
        <v>45</v>
      </c>
      <c r="HQ6" s="433" t="s">
        <v>83</v>
      </c>
      <c r="HR6" s="416" t="s">
        <v>47</v>
      </c>
      <c r="HS6" s="416" t="s">
        <v>48</v>
      </c>
      <c r="HT6" s="416" t="s">
        <v>49</v>
      </c>
      <c r="HU6" s="416" t="s">
        <v>50</v>
      </c>
      <c r="HV6" s="416" t="s">
        <v>51</v>
      </c>
      <c r="HW6" s="434" t="s">
        <v>45</v>
      </c>
      <c r="HX6" s="743"/>
    </row>
    <row r="7" spans="1:232" ht="16.5" customHeight="1" x14ac:dyDescent="0.2">
      <c r="A7" s="423" t="s">
        <v>4</v>
      </c>
      <c r="B7" s="424">
        <v>10546</v>
      </c>
      <c r="C7" s="425">
        <v>157502</v>
      </c>
      <c r="D7" s="426">
        <v>168048</v>
      </c>
      <c r="E7" s="427">
        <v>0</v>
      </c>
      <c r="F7" s="425">
        <v>20687447</v>
      </c>
      <c r="G7" s="425">
        <v>42766785</v>
      </c>
      <c r="H7" s="425">
        <v>124343618</v>
      </c>
      <c r="I7" s="425">
        <v>158673394</v>
      </c>
      <c r="J7" s="425">
        <v>102202891</v>
      </c>
      <c r="K7" s="428">
        <v>448674135</v>
      </c>
      <c r="L7" s="429">
        <v>448842183</v>
      </c>
      <c r="M7" s="424">
        <v>0</v>
      </c>
      <c r="N7" s="425">
        <v>0</v>
      </c>
      <c r="O7" s="426">
        <v>0</v>
      </c>
      <c r="P7" s="430"/>
      <c r="Q7" s="425">
        <v>5030699</v>
      </c>
      <c r="R7" s="425">
        <v>14322705</v>
      </c>
      <c r="S7" s="425">
        <v>83376001</v>
      </c>
      <c r="T7" s="425">
        <v>116437414</v>
      </c>
      <c r="U7" s="425">
        <v>77828419</v>
      </c>
      <c r="V7" s="428">
        <v>296995238</v>
      </c>
      <c r="W7" s="429">
        <v>296995238</v>
      </c>
      <c r="X7" s="424">
        <v>0</v>
      </c>
      <c r="Y7" s="425">
        <v>0</v>
      </c>
      <c r="Z7" s="426">
        <v>0</v>
      </c>
      <c r="AA7" s="430"/>
      <c r="AB7" s="425">
        <v>13300111</v>
      </c>
      <c r="AC7" s="425">
        <v>23323470</v>
      </c>
      <c r="AD7" s="425">
        <v>29252967</v>
      </c>
      <c r="AE7" s="425">
        <v>30870603</v>
      </c>
      <c r="AF7" s="425">
        <v>15718514</v>
      </c>
      <c r="AG7" s="428">
        <v>112465665</v>
      </c>
      <c r="AH7" s="429">
        <v>112465665</v>
      </c>
      <c r="AI7" s="424">
        <v>0</v>
      </c>
      <c r="AJ7" s="425">
        <v>0</v>
      </c>
      <c r="AK7" s="426">
        <v>0</v>
      </c>
      <c r="AL7" s="430"/>
      <c r="AM7" s="425">
        <v>2635</v>
      </c>
      <c r="AN7" s="425">
        <v>35495</v>
      </c>
      <c r="AO7" s="425">
        <v>90820</v>
      </c>
      <c r="AP7" s="425">
        <v>924309</v>
      </c>
      <c r="AQ7" s="425">
        <v>1183823</v>
      </c>
      <c r="AR7" s="428">
        <v>2237082</v>
      </c>
      <c r="AS7" s="429">
        <v>2237082</v>
      </c>
      <c r="AT7" s="424">
        <v>0</v>
      </c>
      <c r="AU7" s="425">
        <v>0</v>
      </c>
      <c r="AV7" s="426">
        <v>0</v>
      </c>
      <c r="AW7" s="430"/>
      <c r="AX7" s="425">
        <v>229245</v>
      </c>
      <c r="AY7" s="425">
        <v>151755</v>
      </c>
      <c r="AZ7" s="425">
        <v>532300</v>
      </c>
      <c r="BA7" s="425">
        <v>1693315</v>
      </c>
      <c r="BB7" s="425">
        <v>2385803</v>
      </c>
      <c r="BC7" s="428">
        <v>4992418</v>
      </c>
      <c r="BD7" s="429">
        <v>4992418</v>
      </c>
      <c r="BE7" s="424">
        <v>0</v>
      </c>
      <c r="BF7" s="425">
        <v>0</v>
      </c>
      <c r="BG7" s="426">
        <v>0</v>
      </c>
      <c r="BH7" s="430"/>
      <c r="BI7" s="425">
        <v>68882</v>
      </c>
      <c r="BJ7" s="425">
        <v>265740</v>
      </c>
      <c r="BK7" s="425">
        <v>1581816</v>
      </c>
      <c r="BL7" s="425">
        <v>1737906</v>
      </c>
      <c r="BM7" s="425">
        <v>1233327</v>
      </c>
      <c r="BN7" s="428">
        <v>4887671</v>
      </c>
      <c r="BO7" s="429">
        <v>4887671</v>
      </c>
      <c r="BP7" s="424">
        <v>10546</v>
      </c>
      <c r="BQ7" s="425">
        <v>149487</v>
      </c>
      <c r="BR7" s="426">
        <v>160033</v>
      </c>
      <c r="BS7" s="427">
        <v>0</v>
      </c>
      <c r="BT7" s="425">
        <v>1928701</v>
      </c>
      <c r="BU7" s="425">
        <v>4388376</v>
      </c>
      <c r="BV7" s="425">
        <v>9006054</v>
      </c>
      <c r="BW7" s="425">
        <v>6711033</v>
      </c>
      <c r="BX7" s="425">
        <v>3553498</v>
      </c>
      <c r="BY7" s="428">
        <v>25587662</v>
      </c>
      <c r="BZ7" s="429">
        <v>25747695</v>
      </c>
      <c r="CA7" s="424">
        <v>0</v>
      </c>
      <c r="CB7" s="425">
        <v>8015</v>
      </c>
      <c r="CC7" s="426">
        <v>8015</v>
      </c>
      <c r="CD7" s="427">
        <v>0</v>
      </c>
      <c r="CE7" s="425">
        <v>127174</v>
      </c>
      <c r="CF7" s="425">
        <v>279244</v>
      </c>
      <c r="CG7" s="425">
        <v>503225</v>
      </c>
      <c r="CH7" s="425">
        <v>298814</v>
      </c>
      <c r="CI7" s="425">
        <v>299507</v>
      </c>
      <c r="CJ7" s="428">
        <v>1507964</v>
      </c>
      <c r="CK7" s="429">
        <v>1515979</v>
      </c>
      <c r="CL7" s="424">
        <v>0</v>
      </c>
      <c r="CM7" s="425">
        <v>0</v>
      </c>
      <c r="CN7" s="426">
        <v>0</v>
      </c>
      <c r="CO7" s="427">
        <v>0</v>
      </c>
      <c r="CP7" s="425">
        <v>0</v>
      </c>
      <c r="CQ7" s="425">
        <v>0</v>
      </c>
      <c r="CR7" s="425">
        <v>0</v>
      </c>
      <c r="CS7" s="425">
        <v>0</v>
      </c>
      <c r="CT7" s="425">
        <v>0</v>
      </c>
      <c r="CU7" s="428">
        <v>0</v>
      </c>
      <c r="CV7" s="429">
        <v>0</v>
      </c>
      <c r="CW7" s="424">
        <v>0</v>
      </c>
      <c r="CX7" s="425">
        <v>0</v>
      </c>
      <c r="CY7" s="426">
        <v>0</v>
      </c>
      <c r="CZ7" s="430"/>
      <c r="DA7" s="425">
        <v>0</v>
      </c>
      <c r="DB7" s="425">
        <v>0</v>
      </c>
      <c r="DC7" s="425">
        <v>435</v>
      </c>
      <c r="DD7" s="425">
        <v>0</v>
      </c>
      <c r="DE7" s="425">
        <v>0</v>
      </c>
      <c r="DF7" s="428">
        <v>435</v>
      </c>
      <c r="DG7" s="429">
        <v>435</v>
      </c>
      <c r="DH7" s="424">
        <v>19756</v>
      </c>
      <c r="DI7" s="425">
        <v>194854</v>
      </c>
      <c r="DJ7" s="426">
        <v>214610</v>
      </c>
      <c r="DK7" s="427">
        <v>0</v>
      </c>
      <c r="DL7" s="425">
        <v>11906235</v>
      </c>
      <c r="DM7" s="425">
        <v>34037272</v>
      </c>
      <c r="DN7" s="425">
        <v>132196397</v>
      </c>
      <c r="DO7" s="425">
        <v>166975815</v>
      </c>
      <c r="DP7" s="425">
        <v>105278609</v>
      </c>
      <c r="DQ7" s="428">
        <v>450394328</v>
      </c>
      <c r="DR7" s="431">
        <v>450608938</v>
      </c>
      <c r="DS7" s="424">
        <v>0</v>
      </c>
      <c r="DT7" s="425">
        <v>0</v>
      </c>
      <c r="DU7" s="426">
        <v>0</v>
      </c>
      <c r="DV7" s="430"/>
      <c r="DW7" s="425">
        <v>5960195</v>
      </c>
      <c r="DX7" s="425">
        <v>20216263</v>
      </c>
      <c r="DY7" s="425">
        <v>108471856</v>
      </c>
      <c r="DZ7" s="425">
        <v>146269795</v>
      </c>
      <c r="EA7" s="425">
        <v>92771538</v>
      </c>
      <c r="EB7" s="428">
        <v>373689647</v>
      </c>
      <c r="EC7" s="429">
        <v>373689647</v>
      </c>
      <c r="ED7" s="424">
        <v>0</v>
      </c>
      <c r="EE7" s="425">
        <v>0</v>
      </c>
      <c r="EF7" s="426">
        <v>0</v>
      </c>
      <c r="EG7" s="430"/>
      <c r="EH7" s="425">
        <v>2729770</v>
      </c>
      <c r="EI7" s="425">
        <v>6444904</v>
      </c>
      <c r="EJ7" s="425">
        <v>6583972</v>
      </c>
      <c r="EK7" s="425">
        <v>7069103</v>
      </c>
      <c r="EL7" s="425">
        <v>4051089</v>
      </c>
      <c r="EM7" s="428">
        <v>26878838</v>
      </c>
      <c r="EN7" s="429">
        <v>26878838</v>
      </c>
      <c r="EO7" s="424">
        <v>0</v>
      </c>
      <c r="EP7" s="425">
        <v>0</v>
      </c>
      <c r="EQ7" s="426">
        <v>0</v>
      </c>
      <c r="ER7" s="430"/>
      <c r="ES7" s="425">
        <v>217</v>
      </c>
      <c r="ET7" s="425">
        <v>11687</v>
      </c>
      <c r="EU7" s="425">
        <v>12184</v>
      </c>
      <c r="EV7" s="425">
        <v>106214</v>
      </c>
      <c r="EW7" s="425">
        <v>216010</v>
      </c>
      <c r="EX7" s="428">
        <v>346312</v>
      </c>
      <c r="EY7" s="429">
        <v>346312</v>
      </c>
      <c r="EZ7" s="424">
        <v>0</v>
      </c>
      <c r="FA7" s="425">
        <v>0</v>
      </c>
      <c r="FB7" s="426">
        <v>0</v>
      </c>
      <c r="FC7" s="430"/>
      <c r="FD7" s="425">
        <v>47833</v>
      </c>
      <c r="FE7" s="425">
        <v>47560</v>
      </c>
      <c r="FF7" s="425">
        <v>119938</v>
      </c>
      <c r="FG7" s="425">
        <v>320032</v>
      </c>
      <c r="FH7" s="425">
        <v>379912</v>
      </c>
      <c r="FI7" s="428">
        <v>915275</v>
      </c>
      <c r="FJ7" s="429">
        <v>915275</v>
      </c>
      <c r="FK7" s="424">
        <v>0</v>
      </c>
      <c r="FL7" s="425">
        <v>0</v>
      </c>
      <c r="FM7" s="426">
        <v>0</v>
      </c>
      <c r="FN7" s="430"/>
      <c r="FO7" s="425">
        <v>166222</v>
      </c>
      <c r="FP7" s="425">
        <v>363143</v>
      </c>
      <c r="FQ7" s="425">
        <v>2815470</v>
      </c>
      <c r="FR7" s="425">
        <v>3146179</v>
      </c>
      <c r="FS7" s="425">
        <v>2198112</v>
      </c>
      <c r="FT7" s="428">
        <v>8689126</v>
      </c>
      <c r="FU7" s="429">
        <v>8689126</v>
      </c>
      <c r="FV7" s="424">
        <v>19756</v>
      </c>
      <c r="FW7" s="425">
        <v>192215</v>
      </c>
      <c r="FX7" s="426">
        <v>211971</v>
      </c>
      <c r="FY7" s="427">
        <v>0</v>
      </c>
      <c r="FZ7" s="425">
        <v>2938768</v>
      </c>
      <c r="GA7" s="425">
        <v>6818694</v>
      </c>
      <c r="GB7" s="425">
        <v>13950872</v>
      </c>
      <c r="GC7" s="425">
        <v>9894549</v>
      </c>
      <c r="GD7" s="425">
        <v>5523885</v>
      </c>
      <c r="GE7" s="428">
        <v>39126768</v>
      </c>
      <c r="GF7" s="429">
        <v>39338739</v>
      </c>
      <c r="GG7" s="424">
        <v>0</v>
      </c>
      <c r="GH7" s="425">
        <v>2639</v>
      </c>
      <c r="GI7" s="426">
        <v>2639</v>
      </c>
      <c r="GJ7" s="427">
        <v>0</v>
      </c>
      <c r="GK7" s="425">
        <v>63230</v>
      </c>
      <c r="GL7" s="425">
        <v>135021</v>
      </c>
      <c r="GM7" s="425">
        <v>242077</v>
      </c>
      <c r="GN7" s="425">
        <v>169943</v>
      </c>
      <c r="GO7" s="425">
        <v>138063</v>
      </c>
      <c r="GP7" s="428">
        <v>748334</v>
      </c>
      <c r="GQ7" s="429">
        <v>750973</v>
      </c>
      <c r="GR7" s="424">
        <v>0</v>
      </c>
      <c r="GS7" s="425">
        <v>0</v>
      </c>
      <c r="GT7" s="426">
        <v>0</v>
      </c>
      <c r="GU7" s="427">
        <v>0</v>
      </c>
      <c r="GV7" s="425">
        <v>0</v>
      </c>
      <c r="GW7" s="425">
        <v>0</v>
      </c>
      <c r="GX7" s="425">
        <v>0</v>
      </c>
      <c r="GY7" s="425">
        <v>0</v>
      </c>
      <c r="GZ7" s="425">
        <v>0</v>
      </c>
      <c r="HA7" s="428">
        <v>0</v>
      </c>
      <c r="HB7" s="429">
        <v>0</v>
      </c>
      <c r="HC7" s="424">
        <v>0</v>
      </c>
      <c r="HD7" s="425">
        <v>0</v>
      </c>
      <c r="HE7" s="426">
        <v>0</v>
      </c>
      <c r="HF7" s="430"/>
      <c r="HG7" s="425">
        <v>0</v>
      </c>
      <c r="HH7" s="425">
        <v>0</v>
      </c>
      <c r="HI7" s="425">
        <v>28</v>
      </c>
      <c r="HJ7" s="425">
        <v>0</v>
      </c>
      <c r="HK7" s="425">
        <v>0</v>
      </c>
      <c r="HL7" s="428">
        <v>28</v>
      </c>
      <c r="HM7" s="429">
        <v>28</v>
      </c>
      <c r="HN7" s="424">
        <v>30302</v>
      </c>
      <c r="HO7" s="425">
        <v>352356</v>
      </c>
      <c r="HP7" s="426">
        <v>382658</v>
      </c>
      <c r="HQ7" s="427">
        <v>0</v>
      </c>
      <c r="HR7" s="425">
        <v>32593682</v>
      </c>
      <c r="HS7" s="425">
        <v>76804057</v>
      </c>
      <c r="HT7" s="425">
        <v>256540015</v>
      </c>
      <c r="HU7" s="425">
        <v>325649209</v>
      </c>
      <c r="HV7" s="425">
        <v>207481500</v>
      </c>
      <c r="HW7" s="428">
        <v>899068463</v>
      </c>
      <c r="HX7" s="429">
        <v>899451121</v>
      </c>
    </row>
    <row r="8" spans="1:232" ht="16.5" customHeight="1" x14ac:dyDescent="0.2">
      <c r="A8" s="327" t="s">
        <v>5</v>
      </c>
      <c r="B8" s="329">
        <v>145</v>
      </c>
      <c r="C8" s="330">
        <v>43430</v>
      </c>
      <c r="D8" s="331">
        <v>43575</v>
      </c>
      <c r="E8" s="332">
        <v>0</v>
      </c>
      <c r="F8" s="330">
        <v>7959509</v>
      </c>
      <c r="G8" s="330">
        <v>21281406</v>
      </c>
      <c r="H8" s="330">
        <v>53377385</v>
      </c>
      <c r="I8" s="330">
        <v>66534533</v>
      </c>
      <c r="J8" s="330">
        <v>44163443</v>
      </c>
      <c r="K8" s="333">
        <v>193316276</v>
      </c>
      <c r="L8" s="334">
        <v>193359851</v>
      </c>
      <c r="M8" s="329">
        <v>0</v>
      </c>
      <c r="N8" s="330">
        <v>0</v>
      </c>
      <c r="O8" s="331">
        <v>0</v>
      </c>
      <c r="P8" s="335"/>
      <c r="Q8" s="330">
        <v>2592052</v>
      </c>
      <c r="R8" s="330">
        <v>9064358</v>
      </c>
      <c r="S8" s="330">
        <v>36212297</v>
      </c>
      <c r="T8" s="330">
        <v>49768548</v>
      </c>
      <c r="U8" s="330">
        <v>34016065</v>
      </c>
      <c r="V8" s="333">
        <v>131653320</v>
      </c>
      <c r="W8" s="334">
        <v>131653320</v>
      </c>
      <c r="X8" s="329">
        <v>0</v>
      </c>
      <c r="Y8" s="330">
        <v>0</v>
      </c>
      <c r="Z8" s="331">
        <v>0</v>
      </c>
      <c r="AA8" s="335"/>
      <c r="AB8" s="330">
        <v>4608880</v>
      </c>
      <c r="AC8" s="330">
        <v>10224083</v>
      </c>
      <c r="AD8" s="330">
        <v>12760545</v>
      </c>
      <c r="AE8" s="330">
        <v>13263329</v>
      </c>
      <c r="AF8" s="330">
        <v>7521145</v>
      </c>
      <c r="AG8" s="333">
        <v>48377982</v>
      </c>
      <c r="AH8" s="334">
        <v>48377982</v>
      </c>
      <c r="AI8" s="329">
        <v>0</v>
      </c>
      <c r="AJ8" s="330">
        <v>0</v>
      </c>
      <c r="AK8" s="331">
        <v>0</v>
      </c>
      <c r="AL8" s="335"/>
      <c r="AM8" s="330">
        <v>0</v>
      </c>
      <c r="AN8" s="330">
        <v>35495</v>
      </c>
      <c r="AO8" s="330">
        <v>36260</v>
      </c>
      <c r="AP8" s="330">
        <v>131315</v>
      </c>
      <c r="AQ8" s="330">
        <v>274138</v>
      </c>
      <c r="AR8" s="333">
        <v>477208</v>
      </c>
      <c r="AS8" s="334">
        <v>477208</v>
      </c>
      <c r="AT8" s="329">
        <v>0</v>
      </c>
      <c r="AU8" s="330">
        <v>0</v>
      </c>
      <c r="AV8" s="331">
        <v>0</v>
      </c>
      <c r="AW8" s="335"/>
      <c r="AX8" s="330">
        <v>35495</v>
      </c>
      <c r="AY8" s="330">
        <v>37195</v>
      </c>
      <c r="AZ8" s="330">
        <v>40765</v>
      </c>
      <c r="BA8" s="330">
        <v>333830</v>
      </c>
      <c r="BB8" s="330">
        <v>526470</v>
      </c>
      <c r="BC8" s="333">
        <v>973755</v>
      </c>
      <c r="BD8" s="334">
        <v>973755</v>
      </c>
      <c r="BE8" s="329">
        <v>0</v>
      </c>
      <c r="BF8" s="330">
        <v>0</v>
      </c>
      <c r="BG8" s="331">
        <v>0</v>
      </c>
      <c r="BH8" s="335"/>
      <c r="BI8" s="330">
        <v>37975</v>
      </c>
      <c r="BJ8" s="330">
        <v>47810</v>
      </c>
      <c r="BK8" s="330">
        <v>203145</v>
      </c>
      <c r="BL8" s="330">
        <v>243045</v>
      </c>
      <c r="BM8" s="330">
        <v>197860</v>
      </c>
      <c r="BN8" s="333">
        <v>729835</v>
      </c>
      <c r="BO8" s="334">
        <v>729835</v>
      </c>
      <c r="BP8" s="329">
        <v>145</v>
      </c>
      <c r="BQ8" s="330">
        <v>35415</v>
      </c>
      <c r="BR8" s="331">
        <v>35560</v>
      </c>
      <c r="BS8" s="332">
        <v>0</v>
      </c>
      <c r="BT8" s="330">
        <v>635723</v>
      </c>
      <c r="BU8" s="330">
        <v>1713375</v>
      </c>
      <c r="BV8" s="330">
        <v>3804599</v>
      </c>
      <c r="BW8" s="330">
        <v>2632997</v>
      </c>
      <c r="BX8" s="330">
        <v>1470792</v>
      </c>
      <c r="BY8" s="333">
        <v>10257486</v>
      </c>
      <c r="BZ8" s="334">
        <v>10293046</v>
      </c>
      <c r="CA8" s="329">
        <v>0</v>
      </c>
      <c r="CB8" s="330">
        <v>8015</v>
      </c>
      <c r="CC8" s="331">
        <v>8015</v>
      </c>
      <c r="CD8" s="332">
        <v>0</v>
      </c>
      <c r="CE8" s="330">
        <v>49384</v>
      </c>
      <c r="CF8" s="330">
        <v>159090</v>
      </c>
      <c r="CG8" s="330">
        <v>319774</v>
      </c>
      <c r="CH8" s="330">
        <v>161469</v>
      </c>
      <c r="CI8" s="330">
        <v>156973</v>
      </c>
      <c r="CJ8" s="333">
        <v>846690</v>
      </c>
      <c r="CK8" s="334">
        <v>854705</v>
      </c>
      <c r="CL8" s="329">
        <v>0</v>
      </c>
      <c r="CM8" s="330">
        <v>0</v>
      </c>
      <c r="CN8" s="331">
        <v>0</v>
      </c>
      <c r="CO8" s="332">
        <v>0</v>
      </c>
      <c r="CP8" s="330">
        <v>0</v>
      </c>
      <c r="CQ8" s="330">
        <v>0</v>
      </c>
      <c r="CR8" s="330">
        <v>0</v>
      </c>
      <c r="CS8" s="330">
        <v>0</v>
      </c>
      <c r="CT8" s="330">
        <v>0</v>
      </c>
      <c r="CU8" s="333">
        <v>0</v>
      </c>
      <c r="CV8" s="334">
        <v>0</v>
      </c>
      <c r="CW8" s="329">
        <v>0</v>
      </c>
      <c r="CX8" s="330">
        <v>0</v>
      </c>
      <c r="CY8" s="331">
        <v>0</v>
      </c>
      <c r="CZ8" s="335"/>
      <c r="DA8" s="330">
        <v>0</v>
      </c>
      <c r="DB8" s="330">
        <v>0</v>
      </c>
      <c r="DC8" s="330">
        <v>0</v>
      </c>
      <c r="DD8" s="330">
        <v>0</v>
      </c>
      <c r="DE8" s="330">
        <v>0</v>
      </c>
      <c r="DF8" s="333">
        <v>0</v>
      </c>
      <c r="DG8" s="334">
        <v>0</v>
      </c>
      <c r="DH8" s="329">
        <v>1980</v>
      </c>
      <c r="DI8" s="330">
        <v>52863</v>
      </c>
      <c r="DJ8" s="331">
        <v>54843</v>
      </c>
      <c r="DK8" s="332">
        <v>0</v>
      </c>
      <c r="DL8" s="330">
        <v>5600956</v>
      </c>
      <c r="DM8" s="330">
        <v>19900155</v>
      </c>
      <c r="DN8" s="330">
        <v>58171930</v>
      </c>
      <c r="DO8" s="330">
        <v>72608951</v>
      </c>
      <c r="DP8" s="330">
        <v>47560065</v>
      </c>
      <c r="DQ8" s="333">
        <v>203842057</v>
      </c>
      <c r="DR8" s="336">
        <v>203896900</v>
      </c>
      <c r="DS8" s="329">
        <v>0</v>
      </c>
      <c r="DT8" s="330">
        <v>0</v>
      </c>
      <c r="DU8" s="331">
        <v>0</v>
      </c>
      <c r="DV8" s="335"/>
      <c r="DW8" s="330">
        <v>3179866</v>
      </c>
      <c r="DX8" s="330">
        <v>12970200</v>
      </c>
      <c r="DY8" s="330">
        <v>48221262</v>
      </c>
      <c r="DZ8" s="330">
        <v>64005589</v>
      </c>
      <c r="EA8" s="330">
        <v>41929354</v>
      </c>
      <c r="EB8" s="333">
        <v>170306271</v>
      </c>
      <c r="EC8" s="334">
        <v>170306271</v>
      </c>
      <c r="ED8" s="329">
        <v>0</v>
      </c>
      <c r="EE8" s="330">
        <v>0</v>
      </c>
      <c r="EF8" s="331">
        <v>0</v>
      </c>
      <c r="EG8" s="335"/>
      <c r="EH8" s="330">
        <v>1324933</v>
      </c>
      <c r="EI8" s="330">
        <v>3909370</v>
      </c>
      <c r="EJ8" s="330">
        <v>3752824</v>
      </c>
      <c r="EK8" s="330">
        <v>4004181</v>
      </c>
      <c r="EL8" s="330">
        <v>2705645</v>
      </c>
      <c r="EM8" s="333">
        <v>15696953</v>
      </c>
      <c r="EN8" s="334">
        <v>15696953</v>
      </c>
      <c r="EO8" s="329">
        <v>0</v>
      </c>
      <c r="EP8" s="330">
        <v>0</v>
      </c>
      <c r="EQ8" s="331">
        <v>0</v>
      </c>
      <c r="ER8" s="335"/>
      <c r="ES8" s="330">
        <v>0</v>
      </c>
      <c r="ET8" s="330">
        <v>11687</v>
      </c>
      <c r="EU8" s="330">
        <v>11533</v>
      </c>
      <c r="EV8" s="330">
        <v>8933</v>
      </c>
      <c r="EW8" s="330">
        <v>16244</v>
      </c>
      <c r="EX8" s="333">
        <v>48397</v>
      </c>
      <c r="EY8" s="334">
        <v>48397</v>
      </c>
      <c r="EZ8" s="329">
        <v>0</v>
      </c>
      <c r="FA8" s="330">
        <v>0</v>
      </c>
      <c r="FB8" s="331">
        <v>0</v>
      </c>
      <c r="FC8" s="335"/>
      <c r="FD8" s="330">
        <v>11687</v>
      </c>
      <c r="FE8" s="330">
        <v>11827</v>
      </c>
      <c r="FF8" s="330">
        <v>12121</v>
      </c>
      <c r="FG8" s="330">
        <v>86870</v>
      </c>
      <c r="FH8" s="330">
        <v>97400</v>
      </c>
      <c r="FI8" s="333">
        <v>219905</v>
      </c>
      <c r="FJ8" s="334">
        <v>219905</v>
      </c>
      <c r="FK8" s="329">
        <v>0</v>
      </c>
      <c r="FL8" s="330">
        <v>0</v>
      </c>
      <c r="FM8" s="331">
        <v>0</v>
      </c>
      <c r="FN8" s="335"/>
      <c r="FO8" s="330">
        <v>79918</v>
      </c>
      <c r="FP8" s="330">
        <v>54166</v>
      </c>
      <c r="FQ8" s="330">
        <v>378832</v>
      </c>
      <c r="FR8" s="330">
        <v>335848</v>
      </c>
      <c r="FS8" s="330">
        <v>316888</v>
      </c>
      <c r="FT8" s="333">
        <v>1165652</v>
      </c>
      <c r="FU8" s="334">
        <v>1165652</v>
      </c>
      <c r="FV8" s="329">
        <v>1980</v>
      </c>
      <c r="FW8" s="330">
        <v>50224</v>
      </c>
      <c r="FX8" s="331">
        <v>52204</v>
      </c>
      <c r="FY8" s="332">
        <v>0</v>
      </c>
      <c r="FZ8" s="330">
        <v>989314</v>
      </c>
      <c r="GA8" s="330">
        <v>2838967</v>
      </c>
      <c r="GB8" s="330">
        <v>5674896</v>
      </c>
      <c r="GC8" s="330">
        <v>4075891</v>
      </c>
      <c r="GD8" s="330">
        <v>2413645</v>
      </c>
      <c r="GE8" s="333">
        <v>15992713</v>
      </c>
      <c r="GF8" s="334">
        <v>16044917</v>
      </c>
      <c r="GG8" s="329">
        <v>0</v>
      </c>
      <c r="GH8" s="330">
        <v>2639</v>
      </c>
      <c r="GI8" s="331">
        <v>2639</v>
      </c>
      <c r="GJ8" s="332">
        <v>0</v>
      </c>
      <c r="GK8" s="330">
        <v>15238</v>
      </c>
      <c r="GL8" s="330">
        <v>103938</v>
      </c>
      <c r="GM8" s="330">
        <v>120462</v>
      </c>
      <c r="GN8" s="330">
        <v>91639</v>
      </c>
      <c r="GO8" s="330">
        <v>80889</v>
      </c>
      <c r="GP8" s="333">
        <v>412166</v>
      </c>
      <c r="GQ8" s="334">
        <v>414805</v>
      </c>
      <c r="GR8" s="329">
        <v>0</v>
      </c>
      <c r="GS8" s="330">
        <v>0</v>
      </c>
      <c r="GT8" s="331">
        <v>0</v>
      </c>
      <c r="GU8" s="332">
        <v>0</v>
      </c>
      <c r="GV8" s="330">
        <v>0</v>
      </c>
      <c r="GW8" s="330">
        <v>0</v>
      </c>
      <c r="GX8" s="330">
        <v>0</v>
      </c>
      <c r="GY8" s="330">
        <v>0</v>
      </c>
      <c r="GZ8" s="330">
        <v>0</v>
      </c>
      <c r="HA8" s="333">
        <v>0</v>
      </c>
      <c r="HB8" s="334">
        <v>0</v>
      </c>
      <c r="HC8" s="329">
        <v>0</v>
      </c>
      <c r="HD8" s="330">
        <v>0</v>
      </c>
      <c r="HE8" s="331">
        <v>0</v>
      </c>
      <c r="HF8" s="335"/>
      <c r="HG8" s="330">
        <v>0</v>
      </c>
      <c r="HH8" s="330">
        <v>0</v>
      </c>
      <c r="HI8" s="330">
        <v>0</v>
      </c>
      <c r="HJ8" s="330">
        <v>0</v>
      </c>
      <c r="HK8" s="330">
        <v>0</v>
      </c>
      <c r="HL8" s="333">
        <v>0</v>
      </c>
      <c r="HM8" s="334">
        <v>0</v>
      </c>
      <c r="HN8" s="329">
        <v>2125</v>
      </c>
      <c r="HO8" s="330">
        <v>96293</v>
      </c>
      <c r="HP8" s="331">
        <v>98418</v>
      </c>
      <c r="HQ8" s="332">
        <v>0</v>
      </c>
      <c r="HR8" s="330">
        <v>13560465</v>
      </c>
      <c r="HS8" s="330">
        <v>41181561</v>
      </c>
      <c r="HT8" s="330">
        <v>111549315</v>
      </c>
      <c r="HU8" s="330">
        <v>139143484</v>
      </c>
      <c r="HV8" s="330">
        <v>91723508</v>
      </c>
      <c r="HW8" s="333">
        <v>397158333</v>
      </c>
      <c r="HX8" s="334">
        <v>397256751</v>
      </c>
    </row>
    <row r="9" spans="1:232" ht="16.5" customHeight="1" x14ac:dyDescent="0.2">
      <c r="A9" s="327" t="s">
        <v>6</v>
      </c>
      <c r="B9" s="329">
        <v>340</v>
      </c>
      <c r="C9" s="330">
        <v>40180</v>
      </c>
      <c r="D9" s="331">
        <v>40520</v>
      </c>
      <c r="E9" s="332">
        <v>0</v>
      </c>
      <c r="F9" s="330">
        <v>3299590</v>
      </c>
      <c r="G9" s="330">
        <v>5167521</v>
      </c>
      <c r="H9" s="330">
        <v>15719317</v>
      </c>
      <c r="I9" s="330">
        <v>21487677</v>
      </c>
      <c r="J9" s="330">
        <v>14441548</v>
      </c>
      <c r="K9" s="333">
        <v>60115653</v>
      </c>
      <c r="L9" s="334">
        <v>60156173</v>
      </c>
      <c r="M9" s="329">
        <v>0</v>
      </c>
      <c r="N9" s="330">
        <v>0</v>
      </c>
      <c r="O9" s="331">
        <v>0</v>
      </c>
      <c r="P9" s="335"/>
      <c r="Q9" s="330">
        <v>1141010</v>
      </c>
      <c r="R9" s="330">
        <v>1856830</v>
      </c>
      <c r="S9" s="330">
        <v>11094105</v>
      </c>
      <c r="T9" s="330">
        <v>14741257</v>
      </c>
      <c r="U9" s="330">
        <v>10950860</v>
      </c>
      <c r="V9" s="333">
        <v>39784062</v>
      </c>
      <c r="W9" s="334">
        <v>39784062</v>
      </c>
      <c r="X9" s="329">
        <v>0</v>
      </c>
      <c r="Y9" s="330">
        <v>0</v>
      </c>
      <c r="Z9" s="331">
        <v>0</v>
      </c>
      <c r="AA9" s="335"/>
      <c r="AB9" s="330">
        <v>1810680</v>
      </c>
      <c r="AC9" s="330">
        <v>2568730</v>
      </c>
      <c r="AD9" s="330">
        <v>3366160</v>
      </c>
      <c r="AE9" s="330">
        <v>4503407</v>
      </c>
      <c r="AF9" s="330">
        <v>2026566</v>
      </c>
      <c r="AG9" s="333">
        <v>14275543</v>
      </c>
      <c r="AH9" s="334">
        <v>14275543</v>
      </c>
      <c r="AI9" s="329">
        <v>0</v>
      </c>
      <c r="AJ9" s="330">
        <v>0</v>
      </c>
      <c r="AK9" s="331">
        <v>0</v>
      </c>
      <c r="AL9" s="335"/>
      <c r="AM9" s="330">
        <v>2635</v>
      </c>
      <c r="AN9" s="330">
        <v>0</v>
      </c>
      <c r="AO9" s="330">
        <v>27280</v>
      </c>
      <c r="AP9" s="330">
        <v>418917</v>
      </c>
      <c r="AQ9" s="330">
        <v>453745</v>
      </c>
      <c r="AR9" s="333">
        <v>902577</v>
      </c>
      <c r="AS9" s="334">
        <v>902577</v>
      </c>
      <c r="AT9" s="329">
        <v>0</v>
      </c>
      <c r="AU9" s="330">
        <v>0</v>
      </c>
      <c r="AV9" s="331">
        <v>0</v>
      </c>
      <c r="AW9" s="335"/>
      <c r="AX9" s="330">
        <v>0</v>
      </c>
      <c r="AY9" s="330">
        <v>0</v>
      </c>
      <c r="AZ9" s="330">
        <v>32550</v>
      </c>
      <c r="BA9" s="330">
        <v>301015</v>
      </c>
      <c r="BB9" s="330">
        <v>381053</v>
      </c>
      <c r="BC9" s="333">
        <v>714618</v>
      </c>
      <c r="BD9" s="334">
        <v>714618</v>
      </c>
      <c r="BE9" s="329">
        <v>0</v>
      </c>
      <c r="BF9" s="330">
        <v>0</v>
      </c>
      <c r="BG9" s="331">
        <v>0</v>
      </c>
      <c r="BH9" s="335"/>
      <c r="BI9" s="330">
        <v>27280</v>
      </c>
      <c r="BJ9" s="330">
        <v>65410</v>
      </c>
      <c r="BK9" s="330">
        <v>222890</v>
      </c>
      <c r="BL9" s="330">
        <v>559350</v>
      </c>
      <c r="BM9" s="330">
        <v>283175</v>
      </c>
      <c r="BN9" s="333">
        <v>1158105</v>
      </c>
      <c r="BO9" s="334">
        <v>1158105</v>
      </c>
      <c r="BP9" s="329">
        <v>340</v>
      </c>
      <c r="BQ9" s="330">
        <v>40180</v>
      </c>
      <c r="BR9" s="331">
        <v>40520</v>
      </c>
      <c r="BS9" s="332">
        <v>0</v>
      </c>
      <c r="BT9" s="330">
        <v>296145</v>
      </c>
      <c r="BU9" s="330">
        <v>636976</v>
      </c>
      <c r="BV9" s="330">
        <v>915202</v>
      </c>
      <c r="BW9" s="330">
        <v>911742</v>
      </c>
      <c r="BX9" s="330">
        <v>285089</v>
      </c>
      <c r="BY9" s="333">
        <v>3045154</v>
      </c>
      <c r="BZ9" s="334">
        <v>3085674</v>
      </c>
      <c r="CA9" s="329">
        <v>0</v>
      </c>
      <c r="CB9" s="330">
        <v>0</v>
      </c>
      <c r="CC9" s="331">
        <v>0</v>
      </c>
      <c r="CD9" s="332">
        <v>0</v>
      </c>
      <c r="CE9" s="330">
        <v>21840</v>
      </c>
      <c r="CF9" s="330">
        <v>39575</v>
      </c>
      <c r="CG9" s="330">
        <v>61130</v>
      </c>
      <c r="CH9" s="330">
        <v>51989</v>
      </c>
      <c r="CI9" s="330">
        <v>61060</v>
      </c>
      <c r="CJ9" s="333">
        <v>235594</v>
      </c>
      <c r="CK9" s="334">
        <v>235594</v>
      </c>
      <c r="CL9" s="329">
        <v>0</v>
      </c>
      <c r="CM9" s="330">
        <v>0</v>
      </c>
      <c r="CN9" s="331">
        <v>0</v>
      </c>
      <c r="CO9" s="332">
        <v>0</v>
      </c>
      <c r="CP9" s="330">
        <v>0</v>
      </c>
      <c r="CQ9" s="330">
        <v>0</v>
      </c>
      <c r="CR9" s="330">
        <v>0</v>
      </c>
      <c r="CS9" s="330">
        <v>0</v>
      </c>
      <c r="CT9" s="330">
        <v>0</v>
      </c>
      <c r="CU9" s="333">
        <v>0</v>
      </c>
      <c r="CV9" s="334">
        <v>0</v>
      </c>
      <c r="CW9" s="329">
        <v>0</v>
      </c>
      <c r="CX9" s="330">
        <v>0</v>
      </c>
      <c r="CY9" s="331">
        <v>0</v>
      </c>
      <c r="CZ9" s="335"/>
      <c r="DA9" s="330">
        <v>0</v>
      </c>
      <c r="DB9" s="330">
        <v>0</v>
      </c>
      <c r="DC9" s="330">
        <v>0</v>
      </c>
      <c r="DD9" s="330">
        <v>0</v>
      </c>
      <c r="DE9" s="330">
        <v>0</v>
      </c>
      <c r="DF9" s="333">
        <v>0</v>
      </c>
      <c r="DG9" s="334">
        <v>0</v>
      </c>
      <c r="DH9" s="329">
        <v>1053</v>
      </c>
      <c r="DI9" s="330">
        <v>45206</v>
      </c>
      <c r="DJ9" s="331">
        <v>46259</v>
      </c>
      <c r="DK9" s="332">
        <v>0</v>
      </c>
      <c r="DL9" s="330">
        <v>1766454</v>
      </c>
      <c r="DM9" s="330">
        <v>3683029</v>
      </c>
      <c r="DN9" s="330">
        <v>14564810</v>
      </c>
      <c r="DO9" s="330">
        <v>19276146</v>
      </c>
      <c r="DP9" s="330">
        <v>12905633</v>
      </c>
      <c r="DQ9" s="333">
        <v>52196072</v>
      </c>
      <c r="DR9" s="336">
        <v>52242331</v>
      </c>
      <c r="DS9" s="329">
        <v>0</v>
      </c>
      <c r="DT9" s="330">
        <v>0</v>
      </c>
      <c r="DU9" s="331">
        <v>0</v>
      </c>
      <c r="DV9" s="335"/>
      <c r="DW9" s="330">
        <v>975100</v>
      </c>
      <c r="DX9" s="330">
        <v>2103169</v>
      </c>
      <c r="DY9" s="330">
        <v>12026136</v>
      </c>
      <c r="DZ9" s="330">
        <v>15829192</v>
      </c>
      <c r="EA9" s="330">
        <v>11216673</v>
      </c>
      <c r="EB9" s="333">
        <v>42150270</v>
      </c>
      <c r="EC9" s="334">
        <v>42150270</v>
      </c>
      <c r="ED9" s="329">
        <v>0</v>
      </c>
      <c r="EE9" s="330">
        <v>0</v>
      </c>
      <c r="EF9" s="331">
        <v>0</v>
      </c>
      <c r="EG9" s="335"/>
      <c r="EH9" s="330">
        <v>350647</v>
      </c>
      <c r="EI9" s="330">
        <v>669254</v>
      </c>
      <c r="EJ9" s="330">
        <v>755586</v>
      </c>
      <c r="EK9" s="330">
        <v>1135879</v>
      </c>
      <c r="EL9" s="330">
        <v>551989</v>
      </c>
      <c r="EM9" s="333">
        <v>3463355</v>
      </c>
      <c r="EN9" s="334">
        <v>3463355</v>
      </c>
      <c r="EO9" s="329">
        <v>0</v>
      </c>
      <c r="EP9" s="330">
        <v>0</v>
      </c>
      <c r="EQ9" s="331">
        <v>0</v>
      </c>
      <c r="ER9" s="335"/>
      <c r="ES9" s="330">
        <v>217</v>
      </c>
      <c r="ET9" s="330">
        <v>0</v>
      </c>
      <c r="EU9" s="330">
        <v>434</v>
      </c>
      <c r="EV9" s="330">
        <v>60050</v>
      </c>
      <c r="EW9" s="330">
        <v>96073</v>
      </c>
      <c r="EX9" s="333">
        <v>156774</v>
      </c>
      <c r="EY9" s="334">
        <v>156774</v>
      </c>
      <c r="EZ9" s="329">
        <v>0</v>
      </c>
      <c r="FA9" s="330">
        <v>0</v>
      </c>
      <c r="FB9" s="331">
        <v>0</v>
      </c>
      <c r="FC9" s="335"/>
      <c r="FD9" s="330">
        <v>0</v>
      </c>
      <c r="FE9" s="330">
        <v>0</v>
      </c>
      <c r="FF9" s="330">
        <v>651</v>
      </c>
      <c r="FG9" s="330">
        <v>59828</v>
      </c>
      <c r="FH9" s="330">
        <v>58909</v>
      </c>
      <c r="FI9" s="333">
        <v>119388</v>
      </c>
      <c r="FJ9" s="334">
        <v>119388</v>
      </c>
      <c r="FK9" s="329">
        <v>0</v>
      </c>
      <c r="FL9" s="330">
        <v>0</v>
      </c>
      <c r="FM9" s="331">
        <v>0</v>
      </c>
      <c r="FN9" s="335"/>
      <c r="FO9" s="330">
        <v>43152</v>
      </c>
      <c r="FP9" s="330">
        <v>73532</v>
      </c>
      <c r="FQ9" s="330">
        <v>448818</v>
      </c>
      <c r="FR9" s="330">
        <v>1058795</v>
      </c>
      <c r="FS9" s="330">
        <v>509709</v>
      </c>
      <c r="FT9" s="333">
        <v>2134006</v>
      </c>
      <c r="FU9" s="334">
        <v>2134006</v>
      </c>
      <c r="FV9" s="329">
        <v>1053</v>
      </c>
      <c r="FW9" s="330">
        <v>45206</v>
      </c>
      <c r="FX9" s="331">
        <v>46259</v>
      </c>
      <c r="FY9" s="332">
        <v>0</v>
      </c>
      <c r="FZ9" s="330">
        <v>382910</v>
      </c>
      <c r="GA9" s="330">
        <v>828535</v>
      </c>
      <c r="GB9" s="330">
        <v>1275135</v>
      </c>
      <c r="GC9" s="330">
        <v>1089906</v>
      </c>
      <c r="GD9" s="330">
        <v>446746</v>
      </c>
      <c r="GE9" s="333">
        <v>4023232</v>
      </c>
      <c r="GF9" s="334">
        <v>4069491</v>
      </c>
      <c r="GG9" s="329">
        <v>0</v>
      </c>
      <c r="GH9" s="330">
        <v>0</v>
      </c>
      <c r="GI9" s="331">
        <v>0</v>
      </c>
      <c r="GJ9" s="332">
        <v>0</v>
      </c>
      <c r="GK9" s="330">
        <v>14428</v>
      </c>
      <c r="GL9" s="330">
        <v>8539</v>
      </c>
      <c r="GM9" s="330">
        <v>58050</v>
      </c>
      <c r="GN9" s="330">
        <v>42496</v>
      </c>
      <c r="GO9" s="330">
        <v>25534</v>
      </c>
      <c r="GP9" s="333">
        <v>149047</v>
      </c>
      <c r="GQ9" s="334">
        <v>149047</v>
      </c>
      <c r="GR9" s="329">
        <v>0</v>
      </c>
      <c r="GS9" s="330">
        <v>0</v>
      </c>
      <c r="GT9" s="331">
        <v>0</v>
      </c>
      <c r="GU9" s="332">
        <v>0</v>
      </c>
      <c r="GV9" s="330">
        <v>0</v>
      </c>
      <c r="GW9" s="330">
        <v>0</v>
      </c>
      <c r="GX9" s="330">
        <v>0</v>
      </c>
      <c r="GY9" s="330">
        <v>0</v>
      </c>
      <c r="GZ9" s="330">
        <v>0</v>
      </c>
      <c r="HA9" s="333">
        <v>0</v>
      </c>
      <c r="HB9" s="334">
        <v>0</v>
      </c>
      <c r="HC9" s="329">
        <v>0</v>
      </c>
      <c r="HD9" s="330">
        <v>0</v>
      </c>
      <c r="HE9" s="331">
        <v>0</v>
      </c>
      <c r="HF9" s="335"/>
      <c r="HG9" s="330">
        <v>0</v>
      </c>
      <c r="HH9" s="330">
        <v>0</v>
      </c>
      <c r="HI9" s="330">
        <v>0</v>
      </c>
      <c r="HJ9" s="330">
        <v>0</v>
      </c>
      <c r="HK9" s="330">
        <v>0</v>
      </c>
      <c r="HL9" s="333">
        <v>0</v>
      </c>
      <c r="HM9" s="334">
        <v>0</v>
      </c>
      <c r="HN9" s="329">
        <v>1393</v>
      </c>
      <c r="HO9" s="330">
        <v>85386</v>
      </c>
      <c r="HP9" s="331">
        <v>86779</v>
      </c>
      <c r="HQ9" s="332">
        <v>0</v>
      </c>
      <c r="HR9" s="330">
        <v>5066044</v>
      </c>
      <c r="HS9" s="330">
        <v>8850550</v>
      </c>
      <c r="HT9" s="330">
        <v>30284127</v>
      </c>
      <c r="HU9" s="330">
        <v>40763823</v>
      </c>
      <c r="HV9" s="330">
        <v>27347181</v>
      </c>
      <c r="HW9" s="333">
        <v>112311725</v>
      </c>
      <c r="HX9" s="334">
        <v>112398504</v>
      </c>
    </row>
    <row r="10" spans="1:232" ht="16.5" customHeight="1" x14ac:dyDescent="0.2">
      <c r="A10" s="327" t="s">
        <v>14</v>
      </c>
      <c r="B10" s="329">
        <v>0</v>
      </c>
      <c r="C10" s="330">
        <v>27745</v>
      </c>
      <c r="D10" s="331">
        <v>27745</v>
      </c>
      <c r="E10" s="332">
        <v>0</v>
      </c>
      <c r="F10" s="330">
        <v>1139657</v>
      </c>
      <c r="G10" s="330">
        <v>2221486</v>
      </c>
      <c r="H10" s="330">
        <v>8620201</v>
      </c>
      <c r="I10" s="330">
        <v>13319710</v>
      </c>
      <c r="J10" s="330">
        <v>7056580</v>
      </c>
      <c r="K10" s="333">
        <v>32357634</v>
      </c>
      <c r="L10" s="334">
        <v>32385379</v>
      </c>
      <c r="M10" s="329">
        <v>0</v>
      </c>
      <c r="N10" s="330">
        <v>0</v>
      </c>
      <c r="O10" s="331">
        <v>0</v>
      </c>
      <c r="P10" s="335"/>
      <c r="Q10" s="330">
        <v>171895</v>
      </c>
      <c r="R10" s="330">
        <v>395521</v>
      </c>
      <c r="S10" s="330">
        <v>6008081</v>
      </c>
      <c r="T10" s="330">
        <v>9679375</v>
      </c>
      <c r="U10" s="330">
        <v>5105979</v>
      </c>
      <c r="V10" s="333">
        <v>21360851</v>
      </c>
      <c r="W10" s="334">
        <v>21360851</v>
      </c>
      <c r="X10" s="329">
        <v>0</v>
      </c>
      <c r="Y10" s="330">
        <v>0</v>
      </c>
      <c r="Z10" s="331">
        <v>0</v>
      </c>
      <c r="AA10" s="335"/>
      <c r="AB10" s="330">
        <v>827139</v>
      </c>
      <c r="AC10" s="330">
        <v>1488876</v>
      </c>
      <c r="AD10" s="330">
        <v>1786104</v>
      </c>
      <c r="AE10" s="330">
        <v>2023417</v>
      </c>
      <c r="AF10" s="330">
        <v>1016495</v>
      </c>
      <c r="AG10" s="333">
        <v>7142031</v>
      </c>
      <c r="AH10" s="334">
        <v>7142031</v>
      </c>
      <c r="AI10" s="329">
        <v>0</v>
      </c>
      <c r="AJ10" s="330">
        <v>0</v>
      </c>
      <c r="AK10" s="331">
        <v>0</v>
      </c>
      <c r="AL10" s="335"/>
      <c r="AM10" s="330">
        <v>0</v>
      </c>
      <c r="AN10" s="330">
        <v>0</v>
      </c>
      <c r="AO10" s="330">
        <v>24645</v>
      </c>
      <c r="AP10" s="330">
        <v>174375</v>
      </c>
      <c r="AQ10" s="330">
        <v>142015</v>
      </c>
      <c r="AR10" s="333">
        <v>341035</v>
      </c>
      <c r="AS10" s="334">
        <v>341035</v>
      </c>
      <c r="AT10" s="329">
        <v>0</v>
      </c>
      <c r="AU10" s="330">
        <v>0</v>
      </c>
      <c r="AV10" s="331">
        <v>0</v>
      </c>
      <c r="AW10" s="335"/>
      <c r="AX10" s="330">
        <v>0</v>
      </c>
      <c r="AY10" s="330">
        <v>0</v>
      </c>
      <c r="AZ10" s="330">
        <v>29915</v>
      </c>
      <c r="BA10" s="330">
        <v>599985</v>
      </c>
      <c r="BB10" s="330">
        <v>448215</v>
      </c>
      <c r="BC10" s="333">
        <v>1078115</v>
      </c>
      <c r="BD10" s="334">
        <v>1078115</v>
      </c>
      <c r="BE10" s="329">
        <v>0</v>
      </c>
      <c r="BF10" s="330">
        <v>0</v>
      </c>
      <c r="BG10" s="331">
        <v>0</v>
      </c>
      <c r="BH10" s="335"/>
      <c r="BI10" s="330">
        <v>0</v>
      </c>
      <c r="BJ10" s="330">
        <v>24645</v>
      </c>
      <c r="BK10" s="330">
        <v>75795</v>
      </c>
      <c r="BL10" s="330">
        <v>110510</v>
      </c>
      <c r="BM10" s="330">
        <v>35340</v>
      </c>
      <c r="BN10" s="333">
        <v>246290</v>
      </c>
      <c r="BO10" s="334">
        <v>246290</v>
      </c>
      <c r="BP10" s="329">
        <v>0</v>
      </c>
      <c r="BQ10" s="330">
        <v>27745</v>
      </c>
      <c r="BR10" s="331">
        <v>27745</v>
      </c>
      <c r="BS10" s="332">
        <v>0</v>
      </c>
      <c r="BT10" s="330">
        <v>140623</v>
      </c>
      <c r="BU10" s="330">
        <v>310559</v>
      </c>
      <c r="BV10" s="330">
        <v>693051</v>
      </c>
      <c r="BW10" s="330">
        <v>724731</v>
      </c>
      <c r="BX10" s="330">
        <v>306595</v>
      </c>
      <c r="BY10" s="333">
        <v>2175559</v>
      </c>
      <c r="BZ10" s="334">
        <v>2203304</v>
      </c>
      <c r="CA10" s="329">
        <v>0</v>
      </c>
      <c r="CB10" s="330">
        <v>0</v>
      </c>
      <c r="CC10" s="331">
        <v>0</v>
      </c>
      <c r="CD10" s="332">
        <v>0</v>
      </c>
      <c r="CE10" s="330">
        <v>0</v>
      </c>
      <c r="CF10" s="330">
        <v>1885</v>
      </c>
      <c r="CG10" s="330">
        <v>2610</v>
      </c>
      <c r="CH10" s="330">
        <v>7317</v>
      </c>
      <c r="CI10" s="330">
        <v>1941</v>
      </c>
      <c r="CJ10" s="333">
        <v>13753</v>
      </c>
      <c r="CK10" s="334">
        <v>13753</v>
      </c>
      <c r="CL10" s="329">
        <v>0</v>
      </c>
      <c r="CM10" s="330">
        <v>0</v>
      </c>
      <c r="CN10" s="331">
        <v>0</v>
      </c>
      <c r="CO10" s="332">
        <v>0</v>
      </c>
      <c r="CP10" s="330">
        <v>0</v>
      </c>
      <c r="CQ10" s="330">
        <v>0</v>
      </c>
      <c r="CR10" s="330">
        <v>0</v>
      </c>
      <c r="CS10" s="330">
        <v>0</v>
      </c>
      <c r="CT10" s="330">
        <v>0</v>
      </c>
      <c r="CU10" s="333">
        <v>0</v>
      </c>
      <c r="CV10" s="334">
        <v>0</v>
      </c>
      <c r="CW10" s="329">
        <v>0</v>
      </c>
      <c r="CX10" s="330">
        <v>0</v>
      </c>
      <c r="CY10" s="331">
        <v>0</v>
      </c>
      <c r="CZ10" s="335"/>
      <c r="DA10" s="330">
        <v>0</v>
      </c>
      <c r="DB10" s="330">
        <v>0</v>
      </c>
      <c r="DC10" s="330">
        <v>0</v>
      </c>
      <c r="DD10" s="330">
        <v>0</v>
      </c>
      <c r="DE10" s="330">
        <v>0</v>
      </c>
      <c r="DF10" s="333">
        <v>0</v>
      </c>
      <c r="DG10" s="334">
        <v>0</v>
      </c>
      <c r="DH10" s="329">
        <v>0</v>
      </c>
      <c r="DI10" s="330">
        <v>11133</v>
      </c>
      <c r="DJ10" s="331">
        <v>11133</v>
      </c>
      <c r="DK10" s="332">
        <v>0</v>
      </c>
      <c r="DL10" s="330">
        <v>491815</v>
      </c>
      <c r="DM10" s="330">
        <v>1563782</v>
      </c>
      <c r="DN10" s="330">
        <v>9964478</v>
      </c>
      <c r="DO10" s="330">
        <v>14413913</v>
      </c>
      <c r="DP10" s="330">
        <v>7105918</v>
      </c>
      <c r="DQ10" s="333">
        <v>33539906</v>
      </c>
      <c r="DR10" s="336">
        <v>33551039</v>
      </c>
      <c r="DS10" s="329">
        <v>0</v>
      </c>
      <c r="DT10" s="330">
        <v>0</v>
      </c>
      <c r="DU10" s="331">
        <v>0</v>
      </c>
      <c r="DV10" s="335"/>
      <c r="DW10" s="330">
        <v>207328</v>
      </c>
      <c r="DX10" s="330">
        <v>745309</v>
      </c>
      <c r="DY10" s="330">
        <v>8456876</v>
      </c>
      <c r="DZ10" s="330">
        <v>12525036</v>
      </c>
      <c r="EA10" s="330">
        <v>6388583</v>
      </c>
      <c r="EB10" s="333">
        <v>28323132</v>
      </c>
      <c r="EC10" s="334">
        <v>28323132</v>
      </c>
      <c r="ED10" s="329">
        <v>0</v>
      </c>
      <c r="EE10" s="330">
        <v>0</v>
      </c>
      <c r="EF10" s="331">
        <v>0</v>
      </c>
      <c r="EG10" s="335"/>
      <c r="EH10" s="330">
        <v>33902</v>
      </c>
      <c r="EI10" s="330">
        <v>301750</v>
      </c>
      <c r="EJ10" s="330">
        <v>175280</v>
      </c>
      <c r="EK10" s="330">
        <v>417121</v>
      </c>
      <c r="EL10" s="330">
        <v>46342</v>
      </c>
      <c r="EM10" s="333">
        <v>974395</v>
      </c>
      <c r="EN10" s="334">
        <v>974395</v>
      </c>
      <c r="EO10" s="329">
        <v>0</v>
      </c>
      <c r="EP10" s="330">
        <v>0</v>
      </c>
      <c r="EQ10" s="331">
        <v>0</v>
      </c>
      <c r="ER10" s="335"/>
      <c r="ES10" s="330">
        <v>0</v>
      </c>
      <c r="ET10" s="330">
        <v>0</v>
      </c>
      <c r="EU10" s="330">
        <v>0</v>
      </c>
      <c r="EV10" s="330">
        <v>34844</v>
      </c>
      <c r="EW10" s="330">
        <v>33887</v>
      </c>
      <c r="EX10" s="333">
        <v>68731</v>
      </c>
      <c r="EY10" s="334">
        <v>68731</v>
      </c>
      <c r="EZ10" s="329">
        <v>0</v>
      </c>
      <c r="FA10" s="330">
        <v>0</v>
      </c>
      <c r="FB10" s="331">
        <v>0</v>
      </c>
      <c r="FC10" s="335"/>
      <c r="FD10" s="330">
        <v>0</v>
      </c>
      <c r="FE10" s="330">
        <v>0</v>
      </c>
      <c r="FF10" s="330">
        <v>651</v>
      </c>
      <c r="FG10" s="330">
        <v>98655</v>
      </c>
      <c r="FH10" s="330">
        <v>85715</v>
      </c>
      <c r="FI10" s="333">
        <v>185021</v>
      </c>
      <c r="FJ10" s="334">
        <v>185021</v>
      </c>
      <c r="FK10" s="329">
        <v>0</v>
      </c>
      <c r="FL10" s="330">
        <v>0</v>
      </c>
      <c r="FM10" s="331">
        <v>0</v>
      </c>
      <c r="FN10" s="335"/>
      <c r="FO10" s="330">
        <v>0</v>
      </c>
      <c r="FP10" s="330">
        <v>21576</v>
      </c>
      <c r="FQ10" s="330">
        <v>202833</v>
      </c>
      <c r="FR10" s="330">
        <v>319065</v>
      </c>
      <c r="FS10" s="330">
        <v>58342</v>
      </c>
      <c r="FT10" s="333">
        <v>601816</v>
      </c>
      <c r="FU10" s="334">
        <v>601816</v>
      </c>
      <c r="FV10" s="329">
        <v>0</v>
      </c>
      <c r="FW10" s="330">
        <v>11133</v>
      </c>
      <c r="FX10" s="331">
        <v>11133</v>
      </c>
      <c r="FY10" s="332">
        <v>0</v>
      </c>
      <c r="FZ10" s="330">
        <v>250585</v>
      </c>
      <c r="GA10" s="330">
        <v>495049</v>
      </c>
      <c r="GB10" s="330">
        <v>1123447</v>
      </c>
      <c r="GC10" s="330">
        <v>1017557</v>
      </c>
      <c r="GD10" s="330">
        <v>492930</v>
      </c>
      <c r="GE10" s="333">
        <v>3379568</v>
      </c>
      <c r="GF10" s="334">
        <v>3390701</v>
      </c>
      <c r="GG10" s="329">
        <v>0</v>
      </c>
      <c r="GH10" s="330">
        <v>0</v>
      </c>
      <c r="GI10" s="331">
        <v>0</v>
      </c>
      <c r="GJ10" s="332">
        <v>0</v>
      </c>
      <c r="GK10" s="330">
        <v>0</v>
      </c>
      <c r="GL10" s="330">
        <v>98</v>
      </c>
      <c r="GM10" s="330">
        <v>5391</v>
      </c>
      <c r="GN10" s="330">
        <v>1635</v>
      </c>
      <c r="GO10" s="330">
        <v>119</v>
      </c>
      <c r="GP10" s="333">
        <v>7243</v>
      </c>
      <c r="GQ10" s="334">
        <v>7243</v>
      </c>
      <c r="GR10" s="329">
        <v>0</v>
      </c>
      <c r="GS10" s="330">
        <v>0</v>
      </c>
      <c r="GT10" s="331">
        <v>0</v>
      </c>
      <c r="GU10" s="332">
        <v>0</v>
      </c>
      <c r="GV10" s="330">
        <v>0</v>
      </c>
      <c r="GW10" s="330">
        <v>0</v>
      </c>
      <c r="GX10" s="330">
        <v>0</v>
      </c>
      <c r="GY10" s="330">
        <v>0</v>
      </c>
      <c r="GZ10" s="330">
        <v>0</v>
      </c>
      <c r="HA10" s="333">
        <v>0</v>
      </c>
      <c r="HB10" s="334">
        <v>0</v>
      </c>
      <c r="HC10" s="329">
        <v>0</v>
      </c>
      <c r="HD10" s="330">
        <v>0</v>
      </c>
      <c r="HE10" s="331">
        <v>0</v>
      </c>
      <c r="HF10" s="335"/>
      <c r="HG10" s="330">
        <v>0</v>
      </c>
      <c r="HH10" s="330">
        <v>0</v>
      </c>
      <c r="HI10" s="330">
        <v>0</v>
      </c>
      <c r="HJ10" s="330">
        <v>0</v>
      </c>
      <c r="HK10" s="330">
        <v>0</v>
      </c>
      <c r="HL10" s="333">
        <v>0</v>
      </c>
      <c r="HM10" s="334">
        <v>0</v>
      </c>
      <c r="HN10" s="329">
        <v>0</v>
      </c>
      <c r="HO10" s="330">
        <v>38878</v>
      </c>
      <c r="HP10" s="331">
        <v>38878</v>
      </c>
      <c r="HQ10" s="332">
        <v>0</v>
      </c>
      <c r="HR10" s="330">
        <v>1631472</v>
      </c>
      <c r="HS10" s="330">
        <v>3785268</v>
      </c>
      <c r="HT10" s="330">
        <v>18584679</v>
      </c>
      <c r="HU10" s="330">
        <v>27733623</v>
      </c>
      <c r="HV10" s="330">
        <v>14162498</v>
      </c>
      <c r="HW10" s="333">
        <v>65897540</v>
      </c>
      <c r="HX10" s="334">
        <v>65936418</v>
      </c>
    </row>
    <row r="11" spans="1:232" ht="16.5" customHeight="1" x14ac:dyDescent="0.2">
      <c r="A11" s="327" t="s">
        <v>7</v>
      </c>
      <c r="B11" s="329">
        <v>0</v>
      </c>
      <c r="C11" s="330">
        <v>725</v>
      </c>
      <c r="D11" s="331">
        <v>725</v>
      </c>
      <c r="E11" s="332">
        <v>0</v>
      </c>
      <c r="F11" s="330">
        <v>1655244</v>
      </c>
      <c r="G11" s="330">
        <v>2213480</v>
      </c>
      <c r="H11" s="330">
        <v>6928440</v>
      </c>
      <c r="I11" s="330">
        <v>9310403</v>
      </c>
      <c r="J11" s="330">
        <v>5089669</v>
      </c>
      <c r="K11" s="333">
        <v>25197236</v>
      </c>
      <c r="L11" s="334">
        <v>25197961</v>
      </c>
      <c r="M11" s="329">
        <v>0</v>
      </c>
      <c r="N11" s="330">
        <v>0</v>
      </c>
      <c r="O11" s="331">
        <v>0</v>
      </c>
      <c r="P11" s="335"/>
      <c r="Q11" s="330">
        <v>210025</v>
      </c>
      <c r="R11" s="330">
        <v>348621</v>
      </c>
      <c r="S11" s="330">
        <v>4677770</v>
      </c>
      <c r="T11" s="330">
        <v>7549330</v>
      </c>
      <c r="U11" s="330">
        <v>4401682</v>
      </c>
      <c r="V11" s="333">
        <v>17187428</v>
      </c>
      <c r="W11" s="334">
        <v>17187428</v>
      </c>
      <c r="X11" s="329">
        <v>0</v>
      </c>
      <c r="Y11" s="330">
        <v>0</v>
      </c>
      <c r="Z11" s="331">
        <v>0</v>
      </c>
      <c r="AA11" s="335"/>
      <c r="AB11" s="330">
        <v>1290155</v>
      </c>
      <c r="AC11" s="330">
        <v>1535280</v>
      </c>
      <c r="AD11" s="330">
        <v>1722658</v>
      </c>
      <c r="AE11" s="330">
        <v>1451057</v>
      </c>
      <c r="AF11" s="330">
        <v>532823</v>
      </c>
      <c r="AG11" s="333">
        <v>6531973</v>
      </c>
      <c r="AH11" s="334">
        <v>6531973</v>
      </c>
      <c r="AI11" s="329">
        <v>0</v>
      </c>
      <c r="AJ11" s="330">
        <v>0</v>
      </c>
      <c r="AK11" s="331">
        <v>0</v>
      </c>
      <c r="AL11" s="335"/>
      <c r="AM11" s="330">
        <v>0</v>
      </c>
      <c r="AN11" s="330">
        <v>0</v>
      </c>
      <c r="AO11" s="330">
        <v>0</v>
      </c>
      <c r="AP11" s="330">
        <v>65410</v>
      </c>
      <c r="AQ11" s="330">
        <v>7905</v>
      </c>
      <c r="AR11" s="333">
        <v>73315</v>
      </c>
      <c r="AS11" s="334">
        <v>73315</v>
      </c>
      <c r="AT11" s="329">
        <v>0</v>
      </c>
      <c r="AU11" s="330">
        <v>0</v>
      </c>
      <c r="AV11" s="331">
        <v>0</v>
      </c>
      <c r="AW11" s="335"/>
      <c r="AX11" s="330">
        <v>0</v>
      </c>
      <c r="AY11" s="330">
        <v>0</v>
      </c>
      <c r="AZ11" s="330">
        <v>2635</v>
      </c>
      <c r="BA11" s="330">
        <v>0</v>
      </c>
      <c r="BB11" s="330">
        <v>15105</v>
      </c>
      <c r="BC11" s="333">
        <v>17740</v>
      </c>
      <c r="BD11" s="334">
        <v>17740</v>
      </c>
      <c r="BE11" s="329">
        <v>0</v>
      </c>
      <c r="BF11" s="330">
        <v>0</v>
      </c>
      <c r="BG11" s="331">
        <v>0</v>
      </c>
      <c r="BH11" s="335"/>
      <c r="BI11" s="330">
        <v>0</v>
      </c>
      <c r="BJ11" s="330">
        <v>0</v>
      </c>
      <c r="BK11" s="330">
        <v>0</v>
      </c>
      <c r="BL11" s="330">
        <v>0</v>
      </c>
      <c r="BM11" s="330">
        <v>0</v>
      </c>
      <c r="BN11" s="333">
        <v>0</v>
      </c>
      <c r="BO11" s="334">
        <v>0</v>
      </c>
      <c r="BP11" s="329">
        <v>0</v>
      </c>
      <c r="BQ11" s="330">
        <v>725</v>
      </c>
      <c r="BR11" s="331">
        <v>725</v>
      </c>
      <c r="BS11" s="332">
        <v>0</v>
      </c>
      <c r="BT11" s="330">
        <v>153469</v>
      </c>
      <c r="BU11" s="330">
        <v>306824</v>
      </c>
      <c r="BV11" s="330">
        <v>498041</v>
      </c>
      <c r="BW11" s="330">
        <v>232480</v>
      </c>
      <c r="BX11" s="330">
        <v>129979</v>
      </c>
      <c r="BY11" s="333">
        <v>1320793</v>
      </c>
      <c r="BZ11" s="334">
        <v>1321518</v>
      </c>
      <c r="CA11" s="329">
        <v>0</v>
      </c>
      <c r="CB11" s="330">
        <v>0</v>
      </c>
      <c r="CC11" s="331">
        <v>0</v>
      </c>
      <c r="CD11" s="332">
        <v>0</v>
      </c>
      <c r="CE11" s="330">
        <v>1595</v>
      </c>
      <c r="CF11" s="330">
        <v>22755</v>
      </c>
      <c r="CG11" s="330">
        <v>27336</v>
      </c>
      <c r="CH11" s="330">
        <v>12126</v>
      </c>
      <c r="CI11" s="330">
        <v>2175</v>
      </c>
      <c r="CJ11" s="333">
        <v>65987</v>
      </c>
      <c r="CK11" s="334">
        <v>65987</v>
      </c>
      <c r="CL11" s="329">
        <v>0</v>
      </c>
      <c r="CM11" s="330">
        <v>0</v>
      </c>
      <c r="CN11" s="331">
        <v>0</v>
      </c>
      <c r="CO11" s="332">
        <v>0</v>
      </c>
      <c r="CP11" s="330">
        <v>0</v>
      </c>
      <c r="CQ11" s="330">
        <v>0</v>
      </c>
      <c r="CR11" s="330">
        <v>0</v>
      </c>
      <c r="CS11" s="330">
        <v>0</v>
      </c>
      <c r="CT11" s="330">
        <v>0</v>
      </c>
      <c r="CU11" s="333">
        <v>0</v>
      </c>
      <c r="CV11" s="334">
        <v>0</v>
      </c>
      <c r="CW11" s="329">
        <v>0</v>
      </c>
      <c r="CX11" s="330">
        <v>0</v>
      </c>
      <c r="CY11" s="331">
        <v>0</v>
      </c>
      <c r="CZ11" s="335"/>
      <c r="DA11" s="330">
        <v>0</v>
      </c>
      <c r="DB11" s="330">
        <v>0</v>
      </c>
      <c r="DC11" s="330">
        <v>0</v>
      </c>
      <c r="DD11" s="330">
        <v>0</v>
      </c>
      <c r="DE11" s="330">
        <v>0</v>
      </c>
      <c r="DF11" s="333">
        <v>0</v>
      </c>
      <c r="DG11" s="334">
        <v>0</v>
      </c>
      <c r="DH11" s="329">
        <v>0</v>
      </c>
      <c r="DI11" s="330">
        <v>4872</v>
      </c>
      <c r="DJ11" s="331">
        <v>4872</v>
      </c>
      <c r="DK11" s="332">
        <v>0</v>
      </c>
      <c r="DL11" s="330">
        <v>681476</v>
      </c>
      <c r="DM11" s="330">
        <v>1235399</v>
      </c>
      <c r="DN11" s="330">
        <v>7094909</v>
      </c>
      <c r="DO11" s="330">
        <v>9677034</v>
      </c>
      <c r="DP11" s="330">
        <v>5016421</v>
      </c>
      <c r="DQ11" s="333">
        <v>23705239</v>
      </c>
      <c r="DR11" s="336">
        <v>23710111</v>
      </c>
      <c r="DS11" s="329">
        <v>0</v>
      </c>
      <c r="DT11" s="330">
        <v>0</v>
      </c>
      <c r="DU11" s="331">
        <v>0</v>
      </c>
      <c r="DV11" s="335"/>
      <c r="DW11" s="330">
        <v>241552</v>
      </c>
      <c r="DX11" s="330">
        <v>548671</v>
      </c>
      <c r="DY11" s="330">
        <v>6033624</v>
      </c>
      <c r="DZ11" s="330">
        <v>9115637</v>
      </c>
      <c r="EA11" s="330">
        <v>4734088</v>
      </c>
      <c r="EB11" s="333">
        <v>20673572</v>
      </c>
      <c r="EC11" s="334">
        <v>20673572</v>
      </c>
      <c r="ED11" s="329">
        <v>0</v>
      </c>
      <c r="EE11" s="330">
        <v>0</v>
      </c>
      <c r="EF11" s="331">
        <v>0</v>
      </c>
      <c r="EG11" s="335"/>
      <c r="EH11" s="330">
        <v>195085</v>
      </c>
      <c r="EI11" s="330">
        <v>184427</v>
      </c>
      <c r="EJ11" s="330">
        <v>275878</v>
      </c>
      <c r="EK11" s="330">
        <v>181971</v>
      </c>
      <c r="EL11" s="330">
        <v>97893</v>
      </c>
      <c r="EM11" s="333">
        <v>935254</v>
      </c>
      <c r="EN11" s="334">
        <v>935254</v>
      </c>
      <c r="EO11" s="329">
        <v>0</v>
      </c>
      <c r="EP11" s="330">
        <v>0</v>
      </c>
      <c r="EQ11" s="331">
        <v>0</v>
      </c>
      <c r="ER11" s="335"/>
      <c r="ES11" s="330">
        <v>0</v>
      </c>
      <c r="ET11" s="330">
        <v>0</v>
      </c>
      <c r="EU11" s="330">
        <v>0</v>
      </c>
      <c r="EV11" s="330">
        <v>434</v>
      </c>
      <c r="EW11" s="330">
        <v>651</v>
      </c>
      <c r="EX11" s="333">
        <v>1085</v>
      </c>
      <c r="EY11" s="334">
        <v>1085</v>
      </c>
      <c r="EZ11" s="329">
        <v>0</v>
      </c>
      <c r="FA11" s="330">
        <v>0</v>
      </c>
      <c r="FB11" s="331">
        <v>0</v>
      </c>
      <c r="FC11" s="335"/>
      <c r="FD11" s="330">
        <v>0</v>
      </c>
      <c r="FE11" s="330">
        <v>0</v>
      </c>
      <c r="FF11" s="330">
        <v>217</v>
      </c>
      <c r="FG11" s="330">
        <v>0</v>
      </c>
      <c r="FH11" s="330">
        <v>217</v>
      </c>
      <c r="FI11" s="333">
        <v>434</v>
      </c>
      <c r="FJ11" s="334">
        <v>434</v>
      </c>
      <c r="FK11" s="329">
        <v>0</v>
      </c>
      <c r="FL11" s="330">
        <v>0</v>
      </c>
      <c r="FM11" s="331">
        <v>0</v>
      </c>
      <c r="FN11" s="335"/>
      <c r="FO11" s="330">
        <v>0</v>
      </c>
      <c r="FP11" s="330">
        <v>0</v>
      </c>
      <c r="FQ11" s="330">
        <v>0</v>
      </c>
      <c r="FR11" s="330">
        <v>0</v>
      </c>
      <c r="FS11" s="330">
        <v>0</v>
      </c>
      <c r="FT11" s="333">
        <v>0</v>
      </c>
      <c r="FU11" s="334">
        <v>0</v>
      </c>
      <c r="FV11" s="329">
        <v>0</v>
      </c>
      <c r="FW11" s="330">
        <v>4872</v>
      </c>
      <c r="FX11" s="331">
        <v>4872</v>
      </c>
      <c r="FY11" s="332">
        <v>0</v>
      </c>
      <c r="FZ11" s="330">
        <v>244762</v>
      </c>
      <c r="GA11" s="330">
        <v>497288</v>
      </c>
      <c r="GB11" s="330">
        <v>783620</v>
      </c>
      <c r="GC11" s="330">
        <v>369449</v>
      </c>
      <c r="GD11" s="330">
        <v>178202</v>
      </c>
      <c r="GE11" s="333">
        <v>2073321</v>
      </c>
      <c r="GF11" s="334">
        <v>2078193</v>
      </c>
      <c r="GG11" s="329">
        <v>0</v>
      </c>
      <c r="GH11" s="330">
        <v>0</v>
      </c>
      <c r="GI11" s="331">
        <v>0</v>
      </c>
      <c r="GJ11" s="332">
        <v>0</v>
      </c>
      <c r="GK11" s="330">
        <v>77</v>
      </c>
      <c r="GL11" s="330">
        <v>5013</v>
      </c>
      <c r="GM11" s="330">
        <v>1570</v>
      </c>
      <c r="GN11" s="330">
        <v>9543</v>
      </c>
      <c r="GO11" s="330">
        <v>5370</v>
      </c>
      <c r="GP11" s="333">
        <v>21573</v>
      </c>
      <c r="GQ11" s="334">
        <v>21573</v>
      </c>
      <c r="GR11" s="329">
        <v>0</v>
      </c>
      <c r="GS11" s="330">
        <v>0</v>
      </c>
      <c r="GT11" s="331">
        <v>0</v>
      </c>
      <c r="GU11" s="332">
        <v>0</v>
      </c>
      <c r="GV11" s="330">
        <v>0</v>
      </c>
      <c r="GW11" s="330">
        <v>0</v>
      </c>
      <c r="GX11" s="330">
        <v>0</v>
      </c>
      <c r="GY11" s="330">
        <v>0</v>
      </c>
      <c r="GZ11" s="330">
        <v>0</v>
      </c>
      <c r="HA11" s="333">
        <v>0</v>
      </c>
      <c r="HB11" s="334">
        <v>0</v>
      </c>
      <c r="HC11" s="329">
        <v>0</v>
      </c>
      <c r="HD11" s="330">
        <v>0</v>
      </c>
      <c r="HE11" s="331">
        <v>0</v>
      </c>
      <c r="HF11" s="335"/>
      <c r="HG11" s="330">
        <v>0</v>
      </c>
      <c r="HH11" s="330">
        <v>0</v>
      </c>
      <c r="HI11" s="330">
        <v>0</v>
      </c>
      <c r="HJ11" s="330">
        <v>0</v>
      </c>
      <c r="HK11" s="330">
        <v>0</v>
      </c>
      <c r="HL11" s="333">
        <v>0</v>
      </c>
      <c r="HM11" s="334">
        <v>0</v>
      </c>
      <c r="HN11" s="329">
        <v>0</v>
      </c>
      <c r="HO11" s="330">
        <v>5597</v>
      </c>
      <c r="HP11" s="331">
        <v>5597</v>
      </c>
      <c r="HQ11" s="332">
        <v>0</v>
      </c>
      <c r="HR11" s="330">
        <v>2336720</v>
      </c>
      <c r="HS11" s="330">
        <v>3448879</v>
      </c>
      <c r="HT11" s="330">
        <v>14023349</v>
      </c>
      <c r="HU11" s="330">
        <v>18987437</v>
      </c>
      <c r="HV11" s="330">
        <v>10106090</v>
      </c>
      <c r="HW11" s="333">
        <v>48902475</v>
      </c>
      <c r="HX11" s="334">
        <v>48908072</v>
      </c>
    </row>
    <row r="12" spans="1:232" ht="16.5" customHeight="1" x14ac:dyDescent="0.2">
      <c r="A12" s="327" t="s">
        <v>8</v>
      </c>
      <c r="B12" s="329">
        <v>0</v>
      </c>
      <c r="C12" s="330">
        <v>10700</v>
      </c>
      <c r="D12" s="331">
        <v>10700</v>
      </c>
      <c r="E12" s="332">
        <v>0</v>
      </c>
      <c r="F12" s="330">
        <v>795569</v>
      </c>
      <c r="G12" s="330">
        <v>1434821</v>
      </c>
      <c r="H12" s="330">
        <v>5088161</v>
      </c>
      <c r="I12" s="330">
        <v>4395318</v>
      </c>
      <c r="J12" s="330">
        <v>2721083</v>
      </c>
      <c r="K12" s="333">
        <v>14434952</v>
      </c>
      <c r="L12" s="334">
        <v>14445652</v>
      </c>
      <c r="M12" s="329">
        <v>0</v>
      </c>
      <c r="N12" s="330">
        <v>0</v>
      </c>
      <c r="O12" s="331">
        <v>0</v>
      </c>
      <c r="P12" s="335"/>
      <c r="Q12" s="330">
        <v>296360</v>
      </c>
      <c r="R12" s="330">
        <v>439750</v>
      </c>
      <c r="S12" s="330">
        <v>3542490</v>
      </c>
      <c r="T12" s="330">
        <v>3318361</v>
      </c>
      <c r="U12" s="330">
        <v>1975684</v>
      </c>
      <c r="V12" s="333">
        <v>9572645</v>
      </c>
      <c r="W12" s="334">
        <v>9572645</v>
      </c>
      <c r="X12" s="329">
        <v>0</v>
      </c>
      <c r="Y12" s="330">
        <v>0</v>
      </c>
      <c r="Z12" s="331">
        <v>0</v>
      </c>
      <c r="AA12" s="335"/>
      <c r="AB12" s="330">
        <v>389915</v>
      </c>
      <c r="AC12" s="330">
        <v>750265</v>
      </c>
      <c r="AD12" s="330">
        <v>1036507</v>
      </c>
      <c r="AE12" s="330">
        <v>708214</v>
      </c>
      <c r="AF12" s="330">
        <v>389721</v>
      </c>
      <c r="AG12" s="333">
        <v>3274622</v>
      </c>
      <c r="AH12" s="334">
        <v>3274622</v>
      </c>
      <c r="AI12" s="329">
        <v>0</v>
      </c>
      <c r="AJ12" s="330">
        <v>0</v>
      </c>
      <c r="AK12" s="331">
        <v>0</v>
      </c>
      <c r="AL12" s="335"/>
      <c r="AM12" s="330">
        <v>0</v>
      </c>
      <c r="AN12" s="330">
        <v>0</v>
      </c>
      <c r="AO12" s="330">
        <v>0</v>
      </c>
      <c r="AP12" s="330">
        <v>24645</v>
      </c>
      <c r="AQ12" s="330">
        <v>24645</v>
      </c>
      <c r="AR12" s="333">
        <v>49290</v>
      </c>
      <c r="AS12" s="334">
        <v>49290</v>
      </c>
      <c r="AT12" s="329">
        <v>0</v>
      </c>
      <c r="AU12" s="330">
        <v>0</v>
      </c>
      <c r="AV12" s="331">
        <v>0</v>
      </c>
      <c r="AW12" s="335"/>
      <c r="AX12" s="330">
        <v>35495</v>
      </c>
      <c r="AY12" s="330">
        <v>0</v>
      </c>
      <c r="AZ12" s="330">
        <v>35495</v>
      </c>
      <c r="BA12" s="330">
        <v>5270</v>
      </c>
      <c r="BB12" s="330">
        <v>38130</v>
      </c>
      <c r="BC12" s="333">
        <v>114390</v>
      </c>
      <c r="BD12" s="334">
        <v>114390</v>
      </c>
      <c r="BE12" s="329">
        <v>0</v>
      </c>
      <c r="BF12" s="330">
        <v>0</v>
      </c>
      <c r="BG12" s="331">
        <v>0</v>
      </c>
      <c r="BH12" s="335"/>
      <c r="BI12" s="330">
        <v>0</v>
      </c>
      <c r="BJ12" s="330">
        <v>37975</v>
      </c>
      <c r="BK12" s="330">
        <v>43515</v>
      </c>
      <c r="BL12" s="330">
        <v>100340</v>
      </c>
      <c r="BM12" s="330">
        <v>125085</v>
      </c>
      <c r="BN12" s="333">
        <v>306915</v>
      </c>
      <c r="BO12" s="334">
        <v>306915</v>
      </c>
      <c r="BP12" s="329">
        <v>0</v>
      </c>
      <c r="BQ12" s="330">
        <v>10700</v>
      </c>
      <c r="BR12" s="331">
        <v>10700</v>
      </c>
      <c r="BS12" s="332">
        <v>0</v>
      </c>
      <c r="BT12" s="330">
        <v>69854</v>
      </c>
      <c r="BU12" s="330">
        <v>193432</v>
      </c>
      <c r="BV12" s="330">
        <v>412764</v>
      </c>
      <c r="BW12" s="330">
        <v>236883</v>
      </c>
      <c r="BX12" s="330">
        <v>167818</v>
      </c>
      <c r="BY12" s="333">
        <v>1080751</v>
      </c>
      <c r="BZ12" s="334">
        <v>1091451</v>
      </c>
      <c r="CA12" s="329">
        <v>0</v>
      </c>
      <c r="CB12" s="330">
        <v>0</v>
      </c>
      <c r="CC12" s="331">
        <v>0</v>
      </c>
      <c r="CD12" s="332">
        <v>0</v>
      </c>
      <c r="CE12" s="330">
        <v>3945</v>
      </c>
      <c r="CF12" s="330">
        <v>13399</v>
      </c>
      <c r="CG12" s="330">
        <v>17390</v>
      </c>
      <c r="CH12" s="330">
        <v>1605</v>
      </c>
      <c r="CI12" s="330">
        <v>0</v>
      </c>
      <c r="CJ12" s="333">
        <v>36339</v>
      </c>
      <c r="CK12" s="334">
        <v>36339</v>
      </c>
      <c r="CL12" s="329">
        <v>0</v>
      </c>
      <c r="CM12" s="330">
        <v>0</v>
      </c>
      <c r="CN12" s="331">
        <v>0</v>
      </c>
      <c r="CO12" s="332">
        <v>0</v>
      </c>
      <c r="CP12" s="330">
        <v>0</v>
      </c>
      <c r="CQ12" s="330">
        <v>0</v>
      </c>
      <c r="CR12" s="330">
        <v>0</v>
      </c>
      <c r="CS12" s="330">
        <v>0</v>
      </c>
      <c r="CT12" s="330">
        <v>0</v>
      </c>
      <c r="CU12" s="333">
        <v>0</v>
      </c>
      <c r="CV12" s="334">
        <v>0</v>
      </c>
      <c r="CW12" s="329">
        <v>0</v>
      </c>
      <c r="CX12" s="330">
        <v>0</v>
      </c>
      <c r="CY12" s="331">
        <v>0</v>
      </c>
      <c r="CZ12" s="335"/>
      <c r="DA12" s="330">
        <v>0</v>
      </c>
      <c r="DB12" s="330">
        <v>0</v>
      </c>
      <c r="DC12" s="330">
        <v>0</v>
      </c>
      <c r="DD12" s="330">
        <v>0</v>
      </c>
      <c r="DE12" s="330">
        <v>0</v>
      </c>
      <c r="DF12" s="333">
        <v>0</v>
      </c>
      <c r="DG12" s="334">
        <v>0</v>
      </c>
      <c r="DH12" s="329">
        <v>0</v>
      </c>
      <c r="DI12" s="330">
        <v>14532</v>
      </c>
      <c r="DJ12" s="331">
        <v>14532</v>
      </c>
      <c r="DK12" s="332">
        <v>0</v>
      </c>
      <c r="DL12" s="330">
        <v>593535</v>
      </c>
      <c r="DM12" s="330">
        <v>1294768</v>
      </c>
      <c r="DN12" s="330">
        <v>5629705</v>
      </c>
      <c r="DO12" s="330">
        <v>5152408</v>
      </c>
      <c r="DP12" s="330">
        <v>3133268</v>
      </c>
      <c r="DQ12" s="333">
        <v>15803684</v>
      </c>
      <c r="DR12" s="336">
        <v>15818216</v>
      </c>
      <c r="DS12" s="329">
        <v>0</v>
      </c>
      <c r="DT12" s="330">
        <v>0</v>
      </c>
      <c r="DU12" s="331">
        <v>0</v>
      </c>
      <c r="DV12" s="335"/>
      <c r="DW12" s="330">
        <v>453840</v>
      </c>
      <c r="DX12" s="330">
        <v>810494</v>
      </c>
      <c r="DY12" s="330">
        <v>4567299</v>
      </c>
      <c r="DZ12" s="330">
        <v>4526182</v>
      </c>
      <c r="EA12" s="330">
        <v>2526572</v>
      </c>
      <c r="EB12" s="333">
        <v>12884387</v>
      </c>
      <c r="EC12" s="334">
        <v>12884387</v>
      </c>
      <c r="ED12" s="329">
        <v>0</v>
      </c>
      <c r="EE12" s="330">
        <v>0</v>
      </c>
      <c r="EF12" s="331">
        <v>0</v>
      </c>
      <c r="EG12" s="335"/>
      <c r="EH12" s="330">
        <v>15363</v>
      </c>
      <c r="EI12" s="330">
        <v>112612</v>
      </c>
      <c r="EJ12" s="330">
        <v>139385</v>
      </c>
      <c r="EK12" s="330">
        <v>85753</v>
      </c>
      <c r="EL12" s="330">
        <v>39251</v>
      </c>
      <c r="EM12" s="333">
        <v>392364</v>
      </c>
      <c r="EN12" s="334">
        <v>392364</v>
      </c>
      <c r="EO12" s="329">
        <v>0</v>
      </c>
      <c r="EP12" s="330">
        <v>0</v>
      </c>
      <c r="EQ12" s="331">
        <v>0</v>
      </c>
      <c r="ER12" s="335"/>
      <c r="ES12" s="330">
        <v>0</v>
      </c>
      <c r="ET12" s="330">
        <v>0</v>
      </c>
      <c r="EU12" s="330">
        <v>0</v>
      </c>
      <c r="EV12" s="330">
        <v>217</v>
      </c>
      <c r="EW12" s="330">
        <v>217</v>
      </c>
      <c r="EX12" s="333">
        <v>434</v>
      </c>
      <c r="EY12" s="334">
        <v>434</v>
      </c>
      <c r="EZ12" s="329">
        <v>0</v>
      </c>
      <c r="FA12" s="330">
        <v>0</v>
      </c>
      <c r="FB12" s="331">
        <v>0</v>
      </c>
      <c r="FC12" s="335"/>
      <c r="FD12" s="330">
        <v>11687</v>
      </c>
      <c r="FE12" s="330">
        <v>0</v>
      </c>
      <c r="FF12" s="330">
        <v>11687</v>
      </c>
      <c r="FG12" s="330">
        <v>434</v>
      </c>
      <c r="FH12" s="330">
        <v>11904</v>
      </c>
      <c r="FI12" s="333">
        <v>35712</v>
      </c>
      <c r="FJ12" s="334">
        <v>35712</v>
      </c>
      <c r="FK12" s="329">
        <v>0</v>
      </c>
      <c r="FL12" s="330">
        <v>0</v>
      </c>
      <c r="FM12" s="331">
        <v>0</v>
      </c>
      <c r="FN12" s="335"/>
      <c r="FO12" s="330">
        <v>0</v>
      </c>
      <c r="FP12" s="330">
        <v>79918</v>
      </c>
      <c r="FQ12" s="330">
        <v>187798</v>
      </c>
      <c r="FR12" s="330">
        <v>181412</v>
      </c>
      <c r="FS12" s="330">
        <v>252526</v>
      </c>
      <c r="FT12" s="333">
        <v>701654</v>
      </c>
      <c r="FU12" s="334">
        <v>701654</v>
      </c>
      <c r="FV12" s="329">
        <v>0</v>
      </c>
      <c r="FW12" s="330">
        <v>14532</v>
      </c>
      <c r="FX12" s="331">
        <v>14532</v>
      </c>
      <c r="FY12" s="332">
        <v>0</v>
      </c>
      <c r="FZ12" s="330">
        <v>107633</v>
      </c>
      <c r="GA12" s="330">
        <v>291560</v>
      </c>
      <c r="GB12" s="330">
        <v>719788</v>
      </c>
      <c r="GC12" s="330">
        <v>358291</v>
      </c>
      <c r="GD12" s="330">
        <v>302798</v>
      </c>
      <c r="GE12" s="333">
        <v>1780070</v>
      </c>
      <c r="GF12" s="334">
        <v>1794602</v>
      </c>
      <c r="GG12" s="329">
        <v>0</v>
      </c>
      <c r="GH12" s="330">
        <v>0</v>
      </c>
      <c r="GI12" s="331">
        <v>0</v>
      </c>
      <c r="GJ12" s="332">
        <v>0</v>
      </c>
      <c r="GK12" s="330">
        <v>5012</v>
      </c>
      <c r="GL12" s="330">
        <v>184</v>
      </c>
      <c r="GM12" s="330">
        <v>3748</v>
      </c>
      <c r="GN12" s="330">
        <v>119</v>
      </c>
      <c r="GO12" s="330">
        <v>0</v>
      </c>
      <c r="GP12" s="333">
        <v>9063</v>
      </c>
      <c r="GQ12" s="334">
        <v>9063</v>
      </c>
      <c r="GR12" s="329">
        <v>0</v>
      </c>
      <c r="GS12" s="330">
        <v>0</v>
      </c>
      <c r="GT12" s="331">
        <v>0</v>
      </c>
      <c r="GU12" s="332">
        <v>0</v>
      </c>
      <c r="GV12" s="330">
        <v>0</v>
      </c>
      <c r="GW12" s="330">
        <v>0</v>
      </c>
      <c r="GX12" s="330">
        <v>0</v>
      </c>
      <c r="GY12" s="330">
        <v>0</v>
      </c>
      <c r="GZ12" s="330">
        <v>0</v>
      </c>
      <c r="HA12" s="333">
        <v>0</v>
      </c>
      <c r="HB12" s="334">
        <v>0</v>
      </c>
      <c r="HC12" s="329">
        <v>0</v>
      </c>
      <c r="HD12" s="330">
        <v>0</v>
      </c>
      <c r="HE12" s="331">
        <v>0</v>
      </c>
      <c r="HF12" s="335"/>
      <c r="HG12" s="330">
        <v>0</v>
      </c>
      <c r="HH12" s="330">
        <v>0</v>
      </c>
      <c r="HI12" s="330">
        <v>0</v>
      </c>
      <c r="HJ12" s="330">
        <v>0</v>
      </c>
      <c r="HK12" s="330">
        <v>0</v>
      </c>
      <c r="HL12" s="333">
        <v>0</v>
      </c>
      <c r="HM12" s="334">
        <v>0</v>
      </c>
      <c r="HN12" s="329">
        <v>0</v>
      </c>
      <c r="HO12" s="330">
        <v>25232</v>
      </c>
      <c r="HP12" s="331">
        <v>25232</v>
      </c>
      <c r="HQ12" s="332">
        <v>0</v>
      </c>
      <c r="HR12" s="330">
        <v>1389104</v>
      </c>
      <c r="HS12" s="330">
        <v>2729589</v>
      </c>
      <c r="HT12" s="330">
        <v>10717866</v>
      </c>
      <c r="HU12" s="330">
        <v>9547726</v>
      </c>
      <c r="HV12" s="330">
        <v>5854351</v>
      </c>
      <c r="HW12" s="333">
        <v>30238636</v>
      </c>
      <c r="HX12" s="334">
        <v>30263868</v>
      </c>
    </row>
    <row r="13" spans="1:232" ht="16.5" customHeight="1" x14ac:dyDescent="0.2">
      <c r="A13" s="327" t="s">
        <v>9</v>
      </c>
      <c r="B13" s="329">
        <v>3410</v>
      </c>
      <c r="C13" s="330">
        <v>0</v>
      </c>
      <c r="D13" s="331">
        <v>3410</v>
      </c>
      <c r="E13" s="332">
        <v>0</v>
      </c>
      <c r="F13" s="330">
        <v>275306</v>
      </c>
      <c r="G13" s="330">
        <v>337716</v>
      </c>
      <c r="H13" s="330">
        <v>1873020</v>
      </c>
      <c r="I13" s="330">
        <v>3093544</v>
      </c>
      <c r="J13" s="330">
        <v>2070948</v>
      </c>
      <c r="K13" s="333">
        <v>7650534</v>
      </c>
      <c r="L13" s="334">
        <v>7653944</v>
      </c>
      <c r="M13" s="329">
        <v>0</v>
      </c>
      <c r="N13" s="330">
        <v>0</v>
      </c>
      <c r="O13" s="331">
        <v>0</v>
      </c>
      <c r="P13" s="335"/>
      <c r="Q13" s="330">
        <v>103385</v>
      </c>
      <c r="R13" s="330">
        <v>35495</v>
      </c>
      <c r="S13" s="330">
        <v>1219686</v>
      </c>
      <c r="T13" s="330">
        <v>2297880</v>
      </c>
      <c r="U13" s="330">
        <v>1653065</v>
      </c>
      <c r="V13" s="333">
        <v>5309511</v>
      </c>
      <c r="W13" s="334">
        <v>5309511</v>
      </c>
      <c r="X13" s="329">
        <v>0</v>
      </c>
      <c r="Y13" s="330">
        <v>0</v>
      </c>
      <c r="Z13" s="331">
        <v>0</v>
      </c>
      <c r="AA13" s="335"/>
      <c r="AB13" s="330">
        <v>116770</v>
      </c>
      <c r="AC13" s="330">
        <v>268465</v>
      </c>
      <c r="AD13" s="330">
        <v>467200</v>
      </c>
      <c r="AE13" s="330">
        <v>641455</v>
      </c>
      <c r="AF13" s="330">
        <v>314402</v>
      </c>
      <c r="AG13" s="333">
        <v>1808292</v>
      </c>
      <c r="AH13" s="334">
        <v>1808292</v>
      </c>
      <c r="AI13" s="329">
        <v>0</v>
      </c>
      <c r="AJ13" s="330">
        <v>0</v>
      </c>
      <c r="AK13" s="331">
        <v>0</v>
      </c>
      <c r="AL13" s="335"/>
      <c r="AM13" s="330">
        <v>0</v>
      </c>
      <c r="AN13" s="330">
        <v>0</v>
      </c>
      <c r="AO13" s="330">
        <v>0</v>
      </c>
      <c r="AP13" s="330">
        <v>3627</v>
      </c>
      <c r="AQ13" s="330">
        <v>2635</v>
      </c>
      <c r="AR13" s="333">
        <v>6262</v>
      </c>
      <c r="AS13" s="334">
        <v>6262</v>
      </c>
      <c r="AT13" s="329">
        <v>0</v>
      </c>
      <c r="AU13" s="330">
        <v>0</v>
      </c>
      <c r="AV13" s="331">
        <v>0</v>
      </c>
      <c r="AW13" s="335"/>
      <c r="AX13" s="330">
        <v>0</v>
      </c>
      <c r="AY13" s="330">
        <v>0</v>
      </c>
      <c r="AZ13" s="330">
        <v>0</v>
      </c>
      <c r="BA13" s="330">
        <v>2380</v>
      </c>
      <c r="BB13" s="330">
        <v>2635</v>
      </c>
      <c r="BC13" s="333">
        <v>5015</v>
      </c>
      <c r="BD13" s="334">
        <v>5015</v>
      </c>
      <c r="BE13" s="329">
        <v>0</v>
      </c>
      <c r="BF13" s="330">
        <v>0</v>
      </c>
      <c r="BG13" s="331">
        <v>0</v>
      </c>
      <c r="BH13" s="335"/>
      <c r="BI13" s="330">
        <v>0</v>
      </c>
      <c r="BJ13" s="330">
        <v>0</v>
      </c>
      <c r="BK13" s="330">
        <v>0</v>
      </c>
      <c r="BL13" s="330">
        <v>24645</v>
      </c>
      <c r="BM13" s="330">
        <v>0</v>
      </c>
      <c r="BN13" s="333">
        <v>24645</v>
      </c>
      <c r="BO13" s="334">
        <v>24645</v>
      </c>
      <c r="BP13" s="329">
        <v>3410</v>
      </c>
      <c r="BQ13" s="330">
        <v>0</v>
      </c>
      <c r="BR13" s="331">
        <v>3410</v>
      </c>
      <c r="BS13" s="332">
        <v>0</v>
      </c>
      <c r="BT13" s="330">
        <v>51416</v>
      </c>
      <c r="BU13" s="330">
        <v>32591</v>
      </c>
      <c r="BV13" s="330">
        <v>183469</v>
      </c>
      <c r="BW13" s="330">
        <v>118007</v>
      </c>
      <c r="BX13" s="330">
        <v>97156</v>
      </c>
      <c r="BY13" s="333">
        <v>482639</v>
      </c>
      <c r="BZ13" s="334">
        <v>486049</v>
      </c>
      <c r="CA13" s="329">
        <v>0</v>
      </c>
      <c r="CB13" s="330">
        <v>0</v>
      </c>
      <c r="CC13" s="331">
        <v>0</v>
      </c>
      <c r="CD13" s="332">
        <v>0</v>
      </c>
      <c r="CE13" s="330">
        <v>3735</v>
      </c>
      <c r="CF13" s="330">
        <v>1165</v>
      </c>
      <c r="CG13" s="330">
        <v>2665</v>
      </c>
      <c r="CH13" s="330">
        <v>5550</v>
      </c>
      <c r="CI13" s="330">
        <v>1055</v>
      </c>
      <c r="CJ13" s="333">
        <v>14170</v>
      </c>
      <c r="CK13" s="334">
        <v>14170</v>
      </c>
      <c r="CL13" s="329">
        <v>0</v>
      </c>
      <c r="CM13" s="330">
        <v>0</v>
      </c>
      <c r="CN13" s="331">
        <v>0</v>
      </c>
      <c r="CO13" s="332">
        <v>0</v>
      </c>
      <c r="CP13" s="330">
        <v>0</v>
      </c>
      <c r="CQ13" s="330">
        <v>0</v>
      </c>
      <c r="CR13" s="330">
        <v>0</v>
      </c>
      <c r="CS13" s="330">
        <v>0</v>
      </c>
      <c r="CT13" s="330">
        <v>0</v>
      </c>
      <c r="CU13" s="333">
        <v>0</v>
      </c>
      <c r="CV13" s="334">
        <v>0</v>
      </c>
      <c r="CW13" s="329">
        <v>0</v>
      </c>
      <c r="CX13" s="330">
        <v>0</v>
      </c>
      <c r="CY13" s="331">
        <v>0</v>
      </c>
      <c r="CZ13" s="335"/>
      <c r="DA13" s="330">
        <v>0</v>
      </c>
      <c r="DB13" s="330">
        <v>0</v>
      </c>
      <c r="DC13" s="330">
        <v>0</v>
      </c>
      <c r="DD13" s="330">
        <v>0</v>
      </c>
      <c r="DE13" s="330">
        <v>0</v>
      </c>
      <c r="DF13" s="333">
        <v>0</v>
      </c>
      <c r="DG13" s="334">
        <v>0</v>
      </c>
      <c r="DH13" s="329">
        <v>2425</v>
      </c>
      <c r="DI13" s="330">
        <v>0</v>
      </c>
      <c r="DJ13" s="331">
        <v>2425</v>
      </c>
      <c r="DK13" s="332">
        <v>0</v>
      </c>
      <c r="DL13" s="330">
        <v>211402</v>
      </c>
      <c r="DM13" s="330">
        <v>145254</v>
      </c>
      <c r="DN13" s="330">
        <v>2185710</v>
      </c>
      <c r="DO13" s="330">
        <v>3452660</v>
      </c>
      <c r="DP13" s="330">
        <v>2676181</v>
      </c>
      <c r="DQ13" s="333">
        <v>8671207</v>
      </c>
      <c r="DR13" s="336">
        <v>8673632</v>
      </c>
      <c r="DS13" s="329">
        <v>0</v>
      </c>
      <c r="DT13" s="330">
        <v>0</v>
      </c>
      <c r="DU13" s="331">
        <v>0</v>
      </c>
      <c r="DV13" s="335"/>
      <c r="DW13" s="330">
        <v>131254</v>
      </c>
      <c r="DX13" s="330">
        <v>26505</v>
      </c>
      <c r="DY13" s="330">
        <v>1784361</v>
      </c>
      <c r="DZ13" s="330">
        <v>3103104</v>
      </c>
      <c r="EA13" s="330">
        <v>2492605</v>
      </c>
      <c r="EB13" s="333">
        <v>7537829</v>
      </c>
      <c r="EC13" s="334">
        <v>7537829</v>
      </c>
      <c r="ED13" s="329">
        <v>0</v>
      </c>
      <c r="EE13" s="330">
        <v>0</v>
      </c>
      <c r="EF13" s="331">
        <v>0</v>
      </c>
      <c r="EG13" s="335"/>
      <c r="EH13" s="330">
        <v>34495</v>
      </c>
      <c r="EI13" s="330">
        <v>26369</v>
      </c>
      <c r="EJ13" s="330">
        <v>30228</v>
      </c>
      <c r="EK13" s="330">
        <v>86184</v>
      </c>
      <c r="EL13" s="330">
        <v>35650</v>
      </c>
      <c r="EM13" s="333">
        <v>212926</v>
      </c>
      <c r="EN13" s="334">
        <v>212926</v>
      </c>
      <c r="EO13" s="329">
        <v>0</v>
      </c>
      <c r="EP13" s="330">
        <v>0</v>
      </c>
      <c r="EQ13" s="331">
        <v>0</v>
      </c>
      <c r="ER13" s="335"/>
      <c r="ES13" s="330">
        <v>0</v>
      </c>
      <c r="ET13" s="330">
        <v>0</v>
      </c>
      <c r="EU13" s="330">
        <v>0</v>
      </c>
      <c r="EV13" s="330">
        <v>434</v>
      </c>
      <c r="EW13" s="330">
        <v>217</v>
      </c>
      <c r="EX13" s="333">
        <v>651</v>
      </c>
      <c r="EY13" s="334">
        <v>651</v>
      </c>
      <c r="EZ13" s="329">
        <v>0</v>
      </c>
      <c r="FA13" s="330">
        <v>0</v>
      </c>
      <c r="FB13" s="331">
        <v>0</v>
      </c>
      <c r="FC13" s="335"/>
      <c r="FD13" s="330">
        <v>0</v>
      </c>
      <c r="FE13" s="330">
        <v>0</v>
      </c>
      <c r="FF13" s="330">
        <v>0</v>
      </c>
      <c r="FG13" s="330">
        <v>217</v>
      </c>
      <c r="FH13" s="330">
        <v>217</v>
      </c>
      <c r="FI13" s="333">
        <v>434</v>
      </c>
      <c r="FJ13" s="334">
        <v>434</v>
      </c>
      <c r="FK13" s="329">
        <v>0</v>
      </c>
      <c r="FL13" s="330">
        <v>0</v>
      </c>
      <c r="FM13" s="331">
        <v>0</v>
      </c>
      <c r="FN13" s="335"/>
      <c r="FO13" s="330">
        <v>0</v>
      </c>
      <c r="FP13" s="330">
        <v>0</v>
      </c>
      <c r="FQ13" s="330">
        <v>0</v>
      </c>
      <c r="FR13" s="330">
        <v>21576</v>
      </c>
      <c r="FS13" s="330">
        <v>0</v>
      </c>
      <c r="FT13" s="333">
        <v>21576</v>
      </c>
      <c r="FU13" s="334">
        <v>21576</v>
      </c>
      <c r="FV13" s="329">
        <v>2425</v>
      </c>
      <c r="FW13" s="330">
        <v>0</v>
      </c>
      <c r="FX13" s="331">
        <v>2425</v>
      </c>
      <c r="FY13" s="332">
        <v>0</v>
      </c>
      <c r="FZ13" s="330">
        <v>45618</v>
      </c>
      <c r="GA13" s="330">
        <v>92296</v>
      </c>
      <c r="GB13" s="330">
        <v>370960</v>
      </c>
      <c r="GC13" s="330">
        <v>239546</v>
      </c>
      <c r="GD13" s="330">
        <v>147387</v>
      </c>
      <c r="GE13" s="333">
        <v>895807</v>
      </c>
      <c r="GF13" s="334">
        <v>898232</v>
      </c>
      <c r="GG13" s="329">
        <v>0</v>
      </c>
      <c r="GH13" s="330">
        <v>0</v>
      </c>
      <c r="GI13" s="331">
        <v>0</v>
      </c>
      <c r="GJ13" s="332">
        <v>0</v>
      </c>
      <c r="GK13" s="330">
        <v>35</v>
      </c>
      <c r="GL13" s="330">
        <v>84</v>
      </c>
      <c r="GM13" s="330">
        <v>161</v>
      </c>
      <c r="GN13" s="330">
        <v>1599</v>
      </c>
      <c r="GO13" s="330">
        <v>105</v>
      </c>
      <c r="GP13" s="333">
        <v>1984</v>
      </c>
      <c r="GQ13" s="334">
        <v>1984</v>
      </c>
      <c r="GR13" s="329">
        <v>0</v>
      </c>
      <c r="GS13" s="330">
        <v>0</v>
      </c>
      <c r="GT13" s="331">
        <v>0</v>
      </c>
      <c r="GU13" s="332">
        <v>0</v>
      </c>
      <c r="GV13" s="330">
        <v>0</v>
      </c>
      <c r="GW13" s="330">
        <v>0</v>
      </c>
      <c r="GX13" s="330">
        <v>0</v>
      </c>
      <c r="GY13" s="330">
        <v>0</v>
      </c>
      <c r="GZ13" s="330">
        <v>0</v>
      </c>
      <c r="HA13" s="333">
        <v>0</v>
      </c>
      <c r="HB13" s="334">
        <v>0</v>
      </c>
      <c r="HC13" s="329">
        <v>0</v>
      </c>
      <c r="HD13" s="330">
        <v>0</v>
      </c>
      <c r="HE13" s="331">
        <v>0</v>
      </c>
      <c r="HF13" s="335"/>
      <c r="HG13" s="330">
        <v>0</v>
      </c>
      <c r="HH13" s="330">
        <v>0</v>
      </c>
      <c r="HI13" s="330">
        <v>0</v>
      </c>
      <c r="HJ13" s="330">
        <v>0</v>
      </c>
      <c r="HK13" s="330">
        <v>0</v>
      </c>
      <c r="HL13" s="333">
        <v>0</v>
      </c>
      <c r="HM13" s="334">
        <v>0</v>
      </c>
      <c r="HN13" s="329">
        <v>5835</v>
      </c>
      <c r="HO13" s="330">
        <v>0</v>
      </c>
      <c r="HP13" s="331">
        <v>5835</v>
      </c>
      <c r="HQ13" s="332">
        <v>0</v>
      </c>
      <c r="HR13" s="330">
        <v>486708</v>
      </c>
      <c r="HS13" s="330">
        <v>482970</v>
      </c>
      <c r="HT13" s="330">
        <v>4058730</v>
      </c>
      <c r="HU13" s="330">
        <v>6546204</v>
      </c>
      <c r="HV13" s="330">
        <v>4747129</v>
      </c>
      <c r="HW13" s="333">
        <v>16321741</v>
      </c>
      <c r="HX13" s="334">
        <v>16327576</v>
      </c>
    </row>
    <row r="14" spans="1:232" ht="16.5" customHeight="1" x14ac:dyDescent="0.2">
      <c r="A14" s="327" t="s">
        <v>10</v>
      </c>
      <c r="B14" s="329">
        <v>2731</v>
      </c>
      <c r="C14" s="330">
        <v>1885</v>
      </c>
      <c r="D14" s="331">
        <v>4616</v>
      </c>
      <c r="E14" s="332">
        <v>0</v>
      </c>
      <c r="F14" s="330">
        <v>1100510</v>
      </c>
      <c r="G14" s="330">
        <v>1268369</v>
      </c>
      <c r="H14" s="330">
        <v>3522062</v>
      </c>
      <c r="I14" s="330">
        <v>5115687</v>
      </c>
      <c r="J14" s="330">
        <v>4405010</v>
      </c>
      <c r="K14" s="333">
        <v>15411638</v>
      </c>
      <c r="L14" s="334">
        <v>15416254</v>
      </c>
      <c r="M14" s="329">
        <v>0</v>
      </c>
      <c r="N14" s="330">
        <v>0</v>
      </c>
      <c r="O14" s="331">
        <v>0</v>
      </c>
      <c r="P14" s="335"/>
      <c r="Q14" s="330">
        <v>103820</v>
      </c>
      <c r="R14" s="330">
        <v>370855</v>
      </c>
      <c r="S14" s="330">
        <v>2310319</v>
      </c>
      <c r="T14" s="330">
        <v>3774738</v>
      </c>
      <c r="U14" s="330">
        <v>3542033</v>
      </c>
      <c r="V14" s="333">
        <v>10101765</v>
      </c>
      <c r="W14" s="334">
        <v>10101765</v>
      </c>
      <c r="X14" s="329">
        <v>0</v>
      </c>
      <c r="Y14" s="330">
        <v>0</v>
      </c>
      <c r="Z14" s="331">
        <v>0</v>
      </c>
      <c r="AA14" s="335"/>
      <c r="AB14" s="330">
        <v>823777</v>
      </c>
      <c r="AC14" s="330">
        <v>701037</v>
      </c>
      <c r="AD14" s="330">
        <v>776308</v>
      </c>
      <c r="AE14" s="330">
        <v>939613</v>
      </c>
      <c r="AF14" s="330">
        <v>532949</v>
      </c>
      <c r="AG14" s="333">
        <v>3773684</v>
      </c>
      <c r="AH14" s="334">
        <v>3773684</v>
      </c>
      <c r="AI14" s="329">
        <v>0</v>
      </c>
      <c r="AJ14" s="330">
        <v>0</v>
      </c>
      <c r="AK14" s="331">
        <v>0</v>
      </c>
      <c r="AL14" s="335"/>
      <c r="AM14" s="330">
        <v>0</v>
      </c>
      <c r="AN14" s="330">
        <v>0</v>
      </c>
      <c r="AO14" s="330">
        <v>0</v>
      </c>
      <c r="AP14" s="330">
        <v>32705</v>
      </c>
      <c r="AQ14" s="330">
        <v>7905</v>
      </c>
      <c r="AR14" s="333">
        <v>40610</v>
      </c>
      <c r="AS14" s="334">
        <v>40610</v>
      </c>
      <c r="AT14" s="329">
        <v>0</v>
      </c>
      <c r="AU14" s="330">
        <v>0</v>
      </c>
      <c r="AV14" s="331">
        <v>0</v>
      </c>
      <c r="AW14" s="335"/>
      <c r="AX14" s="330">
        <v>0</v>
      </c>
      <c r="AY14" s="330">
        <v>0</v>
      </c>
      <c r="AZ14" s="330">
        <v>0</v>
      </c>
      <c r="BA14" s="330">
        <v>0</v>
      </c>
      <c r="BB14" s="330">
        <v>99555</v>
      </c>
      <c r="BC14" s="333">
        <v>99555</v>
      </c>
      <c r="BD14" s="334">
        <v>99555</v>
      </c>
      <c r="BE14" s="329">
        <v>0</v>
      </c>
      <c r="BF14" s="330">
        <v>0</v>
      </c>
      <c r="BG14" s="331">
        <v>0</v>
      </c>
      <c r="BH14" s="335"/>
      <c r="BI14" s="330">
        <v>0</v>
      </c>
      <c r="BJ14" s="330">
        <v>0</v>
      </c>
      <c r="BK14" s="330">
        <v>0</v>
      </c>
      <c r="BL14" s="330">
        <v>95325</v>
      </c>
      <c r="BM14" s="330">
        <v>73315</v>
      </c>
      <c r="BN14" s="333">
        <v>168640</v>
      </c>
      <c r="BO14" s="334">
        <v>168640</v>
      </c>
      <c r="BP14" s="329">
        <v>2731</v>
      </c>
      <c r="BQ14" s="330">
        <v>1885</v>
      </c>
      <c r="BR14" s="331">
        <v>4616</v>
      </c>
      <c r="BS14" s="332">
        <v>0</v>
      </c>
      <c r="BT14" s="330">
        <v>172478</v>
      </c>
      <c r="BU14" s="330">
        <v>189924</v>
      </c>
      <c r="BV14" s="330">
        <v>429940</v>
      </c>
      <c r="BW14" s="330">
        <v>266107</v>
      </c>
      <c r="BX14" s="330">
        <v>145553</v>
      </c>
      <c r="BY14" s="333">
        <v>1204002</v>
      </c>
      <c r="BZ14" s="334">
        <v>1208618</v>
      </c>
      <c r="CA14" s="329">
        <v>0</v>
      </c>
      <c r="CB14" s="330">
        <v>0</v>
      </c>
      <c r="CC14" s="331">
        <v>0</v>
      </c>
      <c r="CD14" s="332">
        <v>0</v>
      </c>
      <c r="CE14" s="330">
        <v>435</v>
      </c>
      <c r="CF14" s="330">
        <v>6553</v>
      </c>
      <c r="CG14" s="330">
        <v>5495</v>
      </c>
      <c r="CH14" s="330">
        <v>7199</v>
      </c>
      <c r="CI14" s="330">
        <v>3700</v>
      </c>
      <c r="CJ14" s="333">
        <v>23382</v>
      </c>
      <c r="CK14" s="334">
        <v>23382</v>
      </c>
      <c r="CL14" s="329">
        <v>0</v>
      </c>
      <c r="CM14" s="330">
        <v>0</v>
      </c>
      <c r="CN14" s="331">
        <v>0</v>
      </c>
      <c r="CO14" s="332">
        <v>0</v>
      </c>
      <c r="CP14" s="330">
        <v>0</v>
      </c>
      <c r="CQ14" s="330">
        <v>0</v>
      </c>
      <c r="CR14" s="330">
        <v>0</v>
      </c>
      <c r="CS14" s="330">
        <v>0</v>
      </c>
      <c r="CT14" s="330">
        <v>0</v>
      </c>
      <c r="CU14" s="333">
        <v>0</v>
      </c>
      <c r="CV14" s="334">
        <v>0</v>
      </c>
      <c r="CW14" s="329">
        <v>0</v>
      </c>
      <c r="CX14" s="330">
        <v>0</v>
      </c>
      <c r="CY14" s="331">
        <v>0</v>
      </c>
      <c r="CZ14" s="335"/>
      <c r="DA14" s="330">
        <v>0</v>
      </c>
      <c r="DB14" s="330">
        <v>0</v>
      </c>
      <c r="DC14" s="330">
        <v>0</v>
      </c>
      <c r="DD14" s="330">
        <v>0</v>
      </c>
      <c r="DE14" s="330">
        <v>0</v>
      </c>
      <c r="DF14" s="333">
        <v>0</v>
      </c>
      <c r="DG14" s="334">
        <v>0</v>
      </c>
      <c r="DH14" s="329">
        <v>4114</v>
      </c>
      <c r="DI14" s="330">
        <v>12528</v>
      </c>
      <c r="DJ14" s="331">
        <v>16642</v>
      </c>
      <c r="DK14" s="332">
        <v>0</v>
      </c>
      <c r="DL14" s="330">
        <v>587411</v>
      </c>
      <c r="DM14" s="330">
        <v>1003103</v>
      </c>
      <c r="DN14" s="330">
        <v>4313234</v>
      </c>
      <c r="DO14" s="330">
        <v>5961306</v>
      </c>
      <c r="DP14" s="330">
        <v>4192879</v>
      </c>
      <c r="DQ14" s="333">
        <v>16057933</v>
      </c>
      <c r="DR14" s="336">
        <v>16074575</v>
      </c>
      <c r="DS14" s="329">
        <v>0</v>
      </c>
      <c r="DT14" s="330">
        <v>0</v>
      </c>
      <c r="DU14" s="331">
        <v>0</v>
      </c>
      <c r="DV14" s="335"/>
      <c r="DW14" s="330">
        <v>146880</v>
      </c>
      <c r="DX14" s="330">
        <v>543516</v>
      </c>
      <c r="DY14" s="330">
        <v>3511575</v>
      </c>
      <c r="DZ14" s="330">
        <v>5255560</v>
      </c>
      <c r="EA14" s="330">
        <v>3698111</v>
      </c>
      <c r="EB14" s="333">
        <v>13155642</v>
      </c>
      <c r="EC14" s="334">
        <v>13155642</v>
      </c>
      <c r="ED14" s="329">
        <v>0</v>
      </c>
      <c r="EE14" s="330">
        <v>0</v>
      </c>
      <c r="EF14" s="331">
        <v>0</v>
      </c>
      <c r="EG14" s="335"/>
      <c r="EH14" s="330">
        <v>205449</v>
      </c>
      <c r="EI14" s="330">
        <v>117025</v>
      </c>
      <c r="EJ14" s="330">
        <v>76217</v>
      </c>
      <c r="EK14" s="330">
        <v>152321</v>
      </c>
      <c r="EL14" s="330">
        <v>86200</v>
      </c>
      <c r="EM14" s="333">
        <v>637212</v>
      </c>
      <c r="EN14" s="334">
        <v>637212</v>
      </c>
      <c r="EO14" s="329">
        <v>0</v>
      </c>
      <c r="EP14" s="330">
        <v>0</v>
      </c>
      <c r="EQ14" s="331">
        <v>0</v>
      </c>
      <c r="ER14" s="335"/>
      <c r="ES14" s="330">
        <v>0</v>
      </c>
      <c r="ET14" s="330">
        <v>0</v>
      </c>
      <c r="EU14" s="330">
        <v>0</v>
      </c>
      <c r="EV14" s="330">
        <v>217</v>
      </c>
      <c r="EW14" s="330">
        <v>651</v>
      </c>
      <c r="EX14" s="333">
        <v>868</v>
      </c>
      <c r="EY14" s="334">
        <v>868</v>
      </c>
      <c r="EZ14" s="329">
        <v>0</v>
      </c>
      <c r="FA14" s="330">
        <v>0</v>
      </c>
      <c r="FB14" s="331">
        <v>0</v>
      </c>
      <c r="FC14" s="335"/>
      <c r="FD14" s="330">
        <v>0</v>
      </c>
      <c r="FE14" s="330">
        <v>0</v>
      </c>
      <c r="FF14" s="330">
        <v>0</v>
      </c>
      <c r="FG14" s="330">
        <v>0</v>
      </c>
      <c r="FH14" s="330">
        <v>1736</v>
      </c>
      <c r="FI14" s="333">
        <v>1736</v>
      </c>
      <c r="FJ14" s="334">
        <v>1736</v>
      </c>
      <c r="FK14" s="329">
        <v>0</v>
      </c>
      <c r="FL14" s="330">
        <v>0</v>
      </c>
      <c r="FM14" s="331">
        <v>0</v>
      </c>
      <c r="FN14" s="335"/>
      <c r="FO14" s="330">
        <v>0</v>
      </c>
      <c r="FP14" s="330">
        <v>0</v>
      </c>
      <c r="FQ14" s="330">
        <v>0</v>
      </c>
      <c r="FR14" s="330">
        <v>124775</v>
      </c>
      <c r="FS14" s="330">
        <v>116870</v>
      </c>
      <c r="FT14" s="333">
        <v>241645</v>
      </c>
      <c r="FU14" s="334">
        <v>241645</v>
      </c>
      <c r="FV14" s="329">
        <v>4114</v>
      </c>
      <c r="FW14" s="330">
        <v>12528</v>
      </c>
      <c r="FX14" s="331">
        <v>16642</v>
      </c>
      <c r="FY14" s="332">
        <v>0</v>
      </c>
      <c r="FZ14" s="330">
        <v>235054</v>
      </c>
      <c r="GA14" s="330">
        <v>342506</v>
      </c>
      <c r="GB14" s="330">
        <v>720788</v>
      </c>
      <c r="GC14" s="330">
        <v>432830</v>
      </c>
      <c r="GD14" s="330">
        <v>288048</v>
      </c>
      <c r="GE14" s="333">
        <v>2019226</v>
      </c>
      <c r="GF14" s="334">
        <v>2035868</v>
      </c>
      <c r="GG14" s="329">
        <v>0</v>
      </c>
      <c r="GH14" s="330">
        <v>0</v>
      </c>
      <c r="GI14" s="331">
        <v>0</v>
      </c>
      <c r="GJ14" s="332">
        <v>0</v>
      </c>
      <c r="GK14" s="330">
        <v>28</v>
      </c>
      <c r="GL14" s="330">
        <v>56</v>
      </c>
      <c r="GM14" s="330">
        <v>4654</v>
      </c>
      <c r="GN14" s="330">
        <v>-4397</v>
      </c>
      <c r="GO14" s="330">
        <v>1263</v>
      </c>
      <c r="GP14" s="333">
        <v>1604</v>
      </c>
      <c r="GQ14" s="334">
        <v>1604</v>
      </c>
      <c r="GR14" s="329">
        <v>0</v>
      </c>
      <c r="GS14" s="330">
        <v>0</v>
      </c>
      <c r="GT14" s="331">
        <v>0</v>
      </c>
      <c r="GU14" s="332">
        <v>0</v>
      </c>
      <c r="GV14" s="330">
        <v>0</v>
      </c>
      <c r="GW14" s="330">
        <v>0</v>
      </c>
      <c r="GX14" s="330">
        <v>0</v>
      </c>
      <c r="GY14" s="330">
        <v>0</v>
      </c>
      <c r="GZ14" s="330">
        <v>0</v>
      </c>
      <c r="HA14" s="333">
        <v>0</v>
      </c>
      <c r="HB14" s="334">
        <v>0</v>
      </c>
      <c r="HC14" s="329">
        <v>0</v>
      </c>
      <c r="HD14" s="330">
        <v>0</v>
      </c>
      <c r="HE14" s="331">
        <v>0</v>
      </c>
      <c r="HF14" s="335"/>
      <c r="HG14" s="330">
        <v>0</v>
      </c>
      <c r="HH14" s="330">
        <v>0</v>
      </c>
      <c r="HI14" s="330">
        <v>0</v>
      </c>
      <c r="HJ14" s="330">
        <v>0</v>
      </c>
      <c r="HK14" s="330">
        <v>0</v>
      </c>
      <c r="HL14" s="333">
        <v>0</v>
      </c>
      <c r="HM14" s="334">
        <v>0</v>
      </c>
      <c r="HN14" s="329">
        <v>6845</v>
      </c>
      <c r="HO14" s="330">
        <v>14413</v>
      </c>
      <c r="HP14" s="331">
        <v>21258</v>
      </c>
      <c r="HQ14" s="332">
        <v>0</v>
      </c>
      <c r="HR14" s="330">
        <v>1687921</v>
      </c>
      <c r="HS14" s="330">
        <v>2271472</v>
      </c>
      <c r="HT14" s="330">
        <v>7835296</v>
      </c>
      <c r="HU14" s="330">
        <v>11076993</v>
      </c>
      <c r="HV14" s="330">
        <v>8597889</v>
      </c>
      <c r="HW14" s="333">
        <v>31469571</v>
      </c>
      <c r="HX14" s="334">
        <v>31490829</v>
      </c>
    </row>
    <row r="15" spans="1:232" ht="16.5" customHeight="1" x14ac:dyDescent="0.2">
      <c r="A15" s="327" t="s">
        <v>11</v>
      </c>
      <c r="B15" s="329">
        <v>3920</v>
      </c>
      <c r="C15" s="330">
        <v>3760</v>
      </c>
      <c r="D15" s="331">
        <v>7680</v>
      </c>
      <c r="E15" s="332">
        <v>0</v>
      </c>
      <c r="F15" s="330">
        <v>810751</v>
      </c>
      <c r="G15" s="330">
        <v>943481</v>
      </c>
      <c r="H15" s="330">
        <v>3219399</v>
      </c>
      <c r="I15" s="330">
        <v>4370771</v>
      </c>
      <c r="J15" s="330">
        <v>1906918</v>
      </c>
      <c r="K15" s="333">
        <v>11251320</v>
      </c>
      <c r="L15" s="334">
        <v>11259000</v>
      </c>
      <c r="M15" s="329">
        <v>0</v>
      </c>
      <c r="N15" s="330">
        <v>0</v>
      </c>
      <c r="O15" s="331">
        <v>0</v>
      </c>
      <c r="P15" s="335"/>
      <c r="Q15" s="330">
        <v>24645</v>
      </c>
      <c r="R15" s="330">
        <v>68045</v>
      </c>
      <c r="S15" s="330">
        <v>2253465</v>
      </c>
      <c r="T15" s="330">
        <v>2957042</v>
      </c>
      <c r="U15" s="330">
        <v>1280530</v>
      </c>
      <c r="V15" s="333">
        <v>6583727</v>
      </c>
      <c r="W15" s="334">
        <v>6583727</v>
      </c>
      <c r="X15" s="329">
        <v>0</v>
      </c>
      <c r="Y15" s="330">
        <v>0</v>
      </c>
      <c r="Z15" s="331">
        <v>0</v>
      </c>
      <c r="AA15" s="335"/>
      <c r="AB15" s="330">
        <v>649824</v>
      </c>
      <c r="AC15" s="330">
        <v>677815</v>
      </c>
      <c r="AD15" s="330">
        <v>757627</v>
      </c>
      <c r="AE15" s="330">
        <v>1267091</v>
      </c>
      <c r="AF15" s="330">
        <v>364928</v>
      </c>
      <c r="AG15" s="333">
        <v>3717285</v>
      </c>
      <c r="AH15" s="334">
        <v>3717285</v>
      </c>
      <c r="AI15" s="329">
        <v>0</v>
      </c>
      <c r="AJ15" s="330">
        <v>0</v>
      </c>
      <c r="AK15" s="331">
        <v>0</v>
      </c>
      <c r="AL15" s="335"/>
      <c r="AM15" s="330">
        <v>0</v>
      </c>
      <c r="AN15" s="330">
        <v>0</v>
      </c>
      <c r="AO15" s="330">
        <v>0</v>
      </c>
      <c r="AP15" s="330">
        <v>0</v>
      </c>
      <c r="AQ15" s="330">
        <v>24645</v>
      </c>
      <c r="AR15" s="333">
        <v>24645</v>
      </c>
      <c r="AS15" s="334">
        <v>24645</v>
      </c>
      <c r="AT15" s="329">
        <v>0</v>
      </c>
      <c r="AU15" s="330">
        <v>0</v>
      </c>
      <c r="AV15" s="331">
        <v>0</v>
      </c>
      <c r="AW15" s="335"/>
      <c r="AX15" s="330">
        <v>60140</v>
      </c>
      <c r="AY15" s="330">
        <v>38300</v>
      </c>
      <c r="AZ15" s="330">
        <v>2635</v>
      </c>
      <c r="BA15" s="330">
        <v>35495</v>
      </c>
      <c r="BB15" s="330">
        <v>188215</v>
      </c>
      <c r="BC15" s="333">
        <v>324785</v>
      </c>
      <c r="BD15" s="334">
        <v>324785</v>
      </c>
      <c r="BE15" s="329">
        <v>0</v>
      </c>
      <c r="BF15" s="330">
        <v>0</v>
      </c>
      <c r="BG15" s="331">
        <v>0</v>
      </c>
      <c r="BH15" s="335"/>
      <c r="BI15" s="330">
        <v>0</v>
      </c>
      <c r="BJ15" s="330">
        <v>24645</v>
      </c>
      <c r="BK15" s="330">
        <v>32705</v>
      </c>
      <c r="BL15" s="330">
        <v>0</v>
      </c>
      <c r="BM15" s="330">
        <v>0</v>
      </c>
      <c r="BN15" s="333">
        <v>57350</v>
      </c>
      <c r="BO15" s="334">
        <v>57350</v>
      </c>
      <c r="BP15" s="329">
        <v>3920</v>
      </c>
      <c r="BQ15" s="330">
        <v>3760</v>
      </c>
      <c r="BR15" s="331">
        <v>7680</v>
      </c>
      <c r="BS15" s="332">
        <v>0</v>
      </c>
      <c r="BT15" s="330">
        <v>63786</v>
      </c>
      <c r="BU15" s="330">
        <v>131466</v>
      </c>
      <c r="BV15" s="330">
        <v>146949</v>
      </c>
      <c r="BW15" s="330">
        <v>104913</v>
      </c>
      <c r="BX15" s="330">
        <v>48600</v>
      </c>
      <c r="BY15" s="333">
        <v>495714</v>
      </c>
      <c r="BZ15" s="334">
        <v>503394</v>
      </c>
      <c r="CA15" s="329">
        <v>0</v>
      </c>
      <c r="CB15" s="330">
        <v>0</v>
      </c>
      <c r="CC15" s="331">
        <v>0</v>
      </c>
      <c r="CD15" s="332">
        <v>0</v>
      </c>
      <c r="CE15" s="330">
        <v>12356</v>
      </c>
      <c r="CF15" s="330">
        <v>3210</v>
      </c>
      <c r="CG15" s="330">
        <v>26018</v>
      </c>
      <c r="CH15" s="330">
        <v>6230</v>
      </c>
      <c r="CI15" s="330">
        <v>0</v>
      </c>
      <c r="CJ15" s="333">
        <v>47814</v>
      </c>
      <c r="CK15" s="334">
        <v>47814</v>
      </c>
      <c r="CL15" s="329">
        <v>0</v>
      </c>
      <c r="CM15" s="330">
        <v>0</v>
      </c>
      <c r="CN15" s="331">
        <v>0</v>
      </c>
      <c r="CO15" s="332">
        <v>0</v>
      </c>
      <c r="CP15" s="330">
        <v>0</v>
      </c>
      <c r="CQ15" s="330">
        <v>0</v>
      </c>
      <c r="CR15" s="330">
        <v>0</v>
      </c>
      <c r="CS15" s="330">
        <v>0</v>
      </c>
      <c r="CT15" s="330">
        <v>0</v>
      </c>
      <c r="CU15" s="333">
        <v>0</v>
      </c>
      <c r="CV15" s="334">
        <v>0</v>
      </c>
      <c r="CW15" s="329">
        <v>0</v>
      </c>
      <c r="CX15" s="330">
        <v>0</v>
      </c>
      <c r="CY15" s="331">
        <v>0</v>
      </c>
      <c r="CZ15" s="335"/>
      <c r="DA15" s="330">
        <v>0</v>
      </c>
      <c r="DB15" s="330">
        <v>0</v>
      </c>
      <c r="DC15" s="330">
        <v>0</v>
      </c>
      <c r="DD15" s="330">
        <v>0</v>
      </c>
      <c r="DE15" s="330">
        <v>0</v>
      </c>
      <c r="DF15" s="333">
        <v>0</v>
      </c>
      <c r="DG15" s="334">
        <v>0</v>
      </c>
      <c r="DH15" s="329">
        <v>6008</v>
      </c>
      <c r="DI15" s="330">
        <v>3995</v>
      </c>
      <c r="DJ15" s="331">
        <v>10003</v>
      </c>
      <c r="DK15" s="332">
        <v>0</v>
      </c>
      <c r="DL15" s="330">
        <v>288581</v>
      </c>
      <c r="DM15" s="330">
        <v>421847</v>
      </c>
      <c r="DN15" s="330">
        <v>3052211</v>
      </c>
      <c r="DO15" s="330">
        <v>3637085</v>
      </c>
      <c r="DP15" s="330">
        <v>1803085</v>
      </c>
      <c r="DQ15" s="333">
        <v>9202809</v>
      </c>
      <c r="DR15" s="336">
        <v>9212812</v>
      </c>
      <c r="DS15" s="329">
        <v>0</v>
      </c>
      <c r="DT15" s="330">
        <v>0</v>
      </c>
      <c r="DU15" s="331">
        <v>0</v>
      </c>
      <c r="DV15" s="335"/>
      <c r="DW15" s="330">
        <v>15035</v>
      </c>
      <c r="DX15" s="330">
        <v>99727</v>
      </c>
      <c r="DY15" s="330">
        <v>2684879</v>
      </c>
      <c r="DZ15" s="330">
        <v>3293838</v>
      </c>
      <c r="EA15" s="330">
        <v>1664128</v>
      </c>
      <c r="EB15" s="333">
        <v>7757607</v>
      </c>
      <c r="EC15" s="334">
        <v>7757607</v>
      </c>
      <c r="ED15" s="329">
        <v>0</v>
      </c>
      <c r="EE15" s="330">
        <v>0</v>
      </c>
      <c r="EF15" s="331">
        <v>0</v>
      </c>
      <c r="EG15" s="335"/>
      <c r="EH15" s="330">
        <v>141423</v>
      </c>
      <c r="EI15" s="330">
        <v>148199</v>
      </c>
      <c r="EJ15" s="330">
        <v>149179</v>
      </c>
      <c r="EK15" s="330">
        <v>190269</v>
      </c>
      <c r="EL15" s="330">
        <v>49279</v>
      </c>
      <c r="EM15" s="333">
        <v>678349</v>
      </c>
      <c r="EN15" s="334">
        <v>678349</v>
      </c>
      <c r="EO15" s="329">
        <v>0</v>
      </c>
      <c r="EP15" s="330">
        <v>0</v>
      </c>
      <c r="EQ15" s="331">
        <v>0</v>
      </c>
      <c r="ER15" s="335"/>
      <c r="ES15" s="330">
        <v>0</v>
      </c>
      <c r="ET15" s="330">
        <v>0</v>
      </c>
      <c r="EU15" s="330">
        <v>0</v>
      </c>
      <c r="EV15" s="330">
        <v>0</v>
      </c>
      <c r="EW15" s="330">
        <v>217</v>
      </c>
      <c r="EX15" s="333">
        <v>217</v>
      </c>
      <c r="EY15" s="334">
        <v>217</v>
      </c>
      <c r="EZ15" s="329">
        <v>0</v>
      </c>
      <c r="FA15" s="330">
        <v>0</v>
      </c>
      <c r="FB15" s="331">
        <v>0</v>
      </c>
      <c r="FC15" s="335"/>
      <c r="FD15" s="330">
        <v>11904</v>
      </c>
      <c r="FE15" s="330">
        <v>11925</v>
      </c>
      <c r="FF15" s="330">
        <v>217</v>
      </c>
      <c r="FG15" s="330">
        <v>11687</v>
      </c>
      <c r="FH15" s="330">
        <v>22471</v>
      </c>
      <c r="FI15" s="333">
        <v>58204</v>
      </c>
      <c r="FJ15" s="334">
        <v>58204</v>
      </c>
      <c r="FK15" s="329">
        <v>0</v>
      </c>
      <c r="FL15" s="330">
        <v>0</v>
      </c>
      <c r="FM15" s="331">
        <v>0</v>
      </c>
      <c r="FN15" s="335"/>
      <c r="FO15" s="330">
        <v>0</v>
      </c>
      <c r="FP15" s="330">
        <v>21576</v>
      </c>
      <c r="FQ15" s="330">
        <v>23281</v>
      </c>
      <c r="FR15" s="330">
        <v>0</v>
      </c>
      <c r="FS15" s="330">
        <v>0</v>
      </c>
      <c r="FT15" s="333">
        <v>44857</v>
      </c>
      <c r="FU15" s="334">
        <v>44857</v>
      </c>
      <c r="FV15" s="329">
        <v>6008</v>
      </c>
      <c r="FW15" s="330">
        <v>3995</v>
      </c>
      <c r="FX15" s="331">
        <v>10003</v>
      </c>
      <c r="FY15" s="332">
        <v>0</v>
      </c>
      <c r="FZ15" s="330">
        <v>102135</v>
      </c>
      <c r="GA15" s="330">
        <v>140392</v>
      </c>
      <c r="GB15" s="330">
        <v>174124</v>
      </c>
      <c r="GC15" s="330">
        <v>141193</v>
      </c>
      <c r="GD15" s="330">
        <v>66990</v>
      </c>
      <c r="GE15" s="333">
        <v>624834</v>
      </c>
      <c r="GF15" s="334">
        <v>634837</v>
      </c>
      <c r="GG15" s="329">
        <v>0</v>
      </c>
      <c r="GH15" s="330">
        <v>0</v>
      </c>
      <c r="GI15" s="331">
        <v>0</v>
      </c>
      <c r="GJ15" s="332">
        <v>0</v>
      </c>
      <c r="GK15" s="330">
        <v>18084</v>
      </c>
      <c r="GL15" s="330">
        <v>28</v>
      </c>
      <c r="GM15" s="330">
        <v>20531</v>
      </c>
      <c r="GN15" s="330">
        <v>98</v>
      </c>
      <c r="GO15" s="330">
        <v>0</v>
      </c>
      <c r="GP15" s="333">
        <v>38741</v>
      </c>
      <c r="GQ15" s="334">
        <v>38741</v>
      </c>
      <c r="GR15" s="329">
        <v>0</v>
      </c>
      <c r="GS15" s="330">
        <v>0</v>
      </c>
      <c r="GT15" s="331">
        <v>0</v>
      </c>
      <c r="GU15" s="332">
        <v>0</v>
      </c>
      <c r="GV15" s="330">
        <v>0</v>
      </c>
      <c r="GW15" s="330">
        <v>0</v>
      </c>
      <c r="GX15" s="330">
        <v>0</v>
      </c>
      <c r="GY15" s="330">
        <v>0</v>
      </c>
      <c r="GZ15" s="330">
        <v>0</v>
      </c>
      <c r="HA15" s="333">
        <v>0</v>
      </c>
      <c r="HB15" s="334">
        <v>0</v>
      </c>
      <c r="HC15" s="329">
        <v>0</v>
      </c>
      <c r="HD15" s="330">
        <v>0</v>
      </c>
      <c r="HE15" s="331">
        <v>0</v>
      </c>
      <c r="HF15" s="335"/>
      <c r="HG15" s="330">
        <v>0</v>
      </c>
      <c r="HH15" s="330">
        <v>0</v>
      </c>
      <c r="HI15" s="330">
        <v>0</v>
      </c>
      <c r="HJ15" s="330">
        <v>0</v>
      </c>
      <c r="HK15" s="330">
        <v>0</v>
      </c>
      <c r="HL15" s="333">
        <v>0</v>
      </c>
      <c r="HM15" s="334">
        <v>0</v>
      </c>
      <c r="HN15" s="329">
        <v>9928</v>
      </c>
      <c r="HO15" s="330">
        <v>7755</v>
      </c>
      <c r="HP15" s="331">
        <v>17683</v>
      </c>
      <c r="HQ15" s="332">
        <v>0</v>
      </c>
      <c r="HR15" s="330">
        <v>1099332</v>
      </c>
      <c r="HS15" s="330">
        <v>1365328</v>
      </c>
      <c r="HT15" s="330">
        <v>6271610</v>
      </c>
      <c r="HU15" s="330">
        <v>8007856</v>
      </c>
      <c r="HV15" s="330">
        <v>3710003</v>
      </c>
      <c r="HW15" s="333">
        <v>20454129</v>
      </c>
      <c r="HX15" s="334">
        <v>20471812</v>
      </c>
    </row>
    <row r="16" spans="1:232" ht="16.5" customHeight="1" x14ac:dyDescent="0.2">
      <c r="A16" s="327" t="s">
        <v>12</v>
      </c>
      <c r="B16" s="329">
        <v>0</v>
      </c>
      <c r="C16" s="330">
        <v>8530</v>
      </c>
      <c r="D16" s="331">
        <v>8530</v>
      </c>
      <c r="E16" s="332">
        <v>0</v>
      </c>
      <c r="F16" s="330">
        <v>329695</v>
      </c>
      <c r="G16" s="330">
        <v>566838</v>
      </c>
      <c r="H16" s="330">
        <v>2547139</v>
      </c>
      <c r="I16" s="330">
        <v>3339982</v>
      </c>
      <c r="J16" s="330">
        <v>2239426</v>
      </c>
      <c r="K16" s="333">
        <v>9023080</v>
      </c>
      <c r="L16" s="334">
        <v>9031610</v>
      </c>
      <c r="M16" s="329">
        <v>0</v>
      </c>
      <c r="N16" s="330">
        <v>0</v>
      </c>
      <c r="O16" s="331">
        <v>0</v>
      </c>
      <c r="P16" s="335"/>
      <c r="Q16" s="330">
        <v>2635</v>
      </c>
      <c r="R16" s="330">
        <v>111290</v>
      </c>
      <c r="S16" s="330">
        <v>1257320</v>
      </c>
      <c r="T16" s="330">
        <v>2301782</v>
      </c>
      <c r="U16" s="330">
        <v>1534125</v>
      </c>
      <c r="V16" s="333">
        <v>5207152</v>
      </c>
      <c r="W16" s="334">
        <v>5207152</v>
      </c>
      <c r="X16" s="329">
        <v>0</v>
      </c>
      <c r="Y16" s="330">
        <v>0</v>
      </c>
      <c r="Z16" s="331">
        <v>0</v>
      </c>
      <c r="AA16" s="335"/>
      <c r="AB16" s="330">
        <v>279075</v>
      </c>
      <c r="AC16" s="330">
        <v>354945</v>
      </c>
      <c r="AD16" s="330">
        <v>881398</v>
      </c>
      <c r="AE16" s="330">
        <v>724869</v>
      </c>
      <c r="AF16" s="330">
        <v>434742</v>
      </c>
      <c r="AG16" s="333">
        <v>2675029</v>
      </c>
      <c r="AH16" s="334">
        <v>2675029</v>
      </c>
      <c r="AI16" s="329">
        <v>0</v>
      </c>
      <c r="AJ16" s="330">
        <v>0</v>
      </c>
      <c r="AK16" s="331">
        <v>0</v>
      </c>
      <c r="AL16" s="335"/>
      <c r="AM16" s="330">
        <v>0</v>
      </c>
      <c r="AN16" s="330">
        <v>0</v>
      </c>
      <c r="AO16" s="330">
        <v>0</v>
      </c>
      <c r="AP16" s="330">
        <v>35340</v>
      </c>
      <c r="AQ16" s="330">
        <v>63725</v>
      </c>
      <c r="AR16" s="333">
        <v>99065</v>
      </c>
      <c r="AS16" s="334">
        <v>99065</v>
      </c>
      <c r="AT16" s="329">
        <v>0</v>
      </c>
      <c r="AU16" s="330">
        <v>0</v>
      </c>
      <c r="AV16" s="331">
        <v>0</v>
      </c>
      <c r="AW16" s="335"/>
      <c r="AX16" s="330">
        <v>0</v>
      </c>
      <c r="AY16" s="330">
        <v>0</v>
      </c>
      <c r="AZ16" s="330">
        <v>0</v>
      </c>
      <c r="BA16" s="330">
        <v>2635</v>
      </c>
      <c r="BB16" s="330">
        <v>35425</v>
      </c>
      <c r="BC16" s="333">
        <v>38060</v>
      </c>
      <c r="BD16" s="334">
        <v>38060</v>
      </c>
      <c r="BE16" s="329">
        <v>0</v>
      </c>
      <c r="BF16" s="330">
        <v>0</v>
      </c>
      <c r="BG16" s="331">
        <v>0</v>
      </c>
      <c r="BH16" s="335"/>
      <c r="BI16" s="330">
        <v>992</v>
      </c>
      <c r="BJ16" s="330">
        <v>0</v>
      </c>
      <c r="BK16" s="330">
        <v>243226</v>
      </c>
      <c r="BL16" s="330">
        <v>63116</v>
      </c>
      <c r="BM16" s="330">
        <v>992</v>
      </c>
      <c r="BN16" s="333">
        <v>308326</v>
      </c>
      <c r="BO16" s="334">
        <v>308326</v>
      </c>
      <c r="BP16" s="329">
        <v>0</v>
      </c>
      <c r="BQ16" s="330">
        <v>8530</v>
      </c>
      <c r="BR16" s="331">
        <v>8530</v>
      </c>
      <c r="BS16" s="332">
        <v>0</v>
      </c>
      <c r="BT16" s="330">
        <v>46993</v>
      </c>
      <c r="BU16" s="330">
        <v>93473</v>
      </c>
      <c r="BV16" s="330">
        <v>165195</v>
      </c>
      <c r="BW16" s="330">
        <v>212240</v>
      </c>
      <c r="BX16" s="330">
        <v>170417</v>
      </c>
      <c r="BY16" s="333">
        <v>688318</v>
      </c>
      <c r="BZ16" s="334">
        <v>696848</v>
      </c>
      <c r="CA16" s="329">
        <v>0</v>
      </c>
      <c r="CB16" s="330">
        <v>0</v>
      </c>
      <c r="CC16" s="331">
        <v>0</v>
      </c>
      <c r="CD16" s="332">
        <v>0</v>
      </c>
      <c r="CE16" s="330">
        <v>0</v>
      </c>
      <c r="CF16" s="330">
        <v>7130</v>
      </c>
      <c r="CG16" s="330">
        <v>0</v>
      </c>
      <c r="CH16" s="330">
        <v>0</v>
      </c>
      <c r="CI16" s="330">
        <v>0</v>
      </c>
      <c r="CJ16" s="333">
        <v>7130</v>
      </c>
      <c r="CK16" s="334">
        <v>7130</v>
      </c>
      <c r="CL16" s="329">
        <v>0</v>
      </c>
      <c r="CM16" s="330">
        <v>0</v>
      </c>
      <c r="CN16" s="331">
        <v>0</v>
      </c>
      <c r="CO16" s="332">
        <v>0</v>
      </c>
      <c r="CP16" s="330">
        <v>0</v>
      </c>
      <c r="CQ16" s="330">
        <v>0</v>
      </c>
      <c r="CR16" s="330">
        <v>0</v>
      </c>
      <c r="CS16" s="330">
        <v>0</v>
      </c>
      <c r="CT16" s="330">
        <v>0</v>
      </c>
      <c r="CU16" s="333">
        <v>0</v>
      </c>
      <c r="CV16" s="334">
        <v>0</v>
      </c>
      <c r="CW16" s="329">
        <v>0</v>
      </c>
      <c r="CX16" s="330">
        <v>0</v>
      </c>
      <c r="CY16" s="331">
        <v>0</v>
      </c>
      <c r="CZ16" s="335"/>
      <c r="DA16" s="330">
        <v>0</v>
      </c>
      <c r="DB16" s="330">
        <v>0</v>
      </c>
      <c r="DC16" s="330">
        <v>0</v>
      </c>
      <c r="DD16" s="330">
        <v>0</v>
      </c>
      <c r="DE16" s="330">
        <v>0</v>
      </c>
      <c r="DF16" s="333">
        <v>0</v>
      </c>
      <c r="DG16" s="334">
        <v>0</v>
      </c>
      <c r="DH16" s="329">
        <v>0</v>
      </c>
      <c r="DI16" s="330">
        <v>14090</v>
      </c>
      <c r="DJ16" s="331">
        <v>14090</v>
      </c>
      <c r="DK16" s="332">
        <v>0</v>
      </c>
      <c r="DL16" s="330">
        <v>183884</v>
      </c>
      <c r="DM16" s="330">
        <v>472776</v>
      </c>
      <c r="DN16" s="330">
        <v>2713606</v>
      </c>
      <c r="DO16" s="330">
        <v>3781841</v>
      </c>
      <c r="DP16" s="330">
        <v>2148907</v>
      </c>
      <c r="DQ16" s="333">
        <v>9301014</v>
      </c>
      <c r="DR16" s="336">
        <v>9315104</v>
      </c>
      <c r="DS16" s="329">
        <v>0</v>
      </c>
      <c r="DT16" s="330">
        <v>0</v>
      </c>
      <c r="DU16" s="331">
        <v>0</v>
      </c>
      <c r="DV16" s="335"/>
      <c r="DW16" s="330">
        <v>21576</v>
      </c>
      <c r="DX16" s="330">
        <v>222797</v>
      </c>
      <c r="DY16" s="330">
        <v>1950175</v>
      </c>
      <c r="DZ16" s="330">
        <v>3283877</v>
      </c>
      <c r="EA16" s="330">
        <v>1862095</v>
      </c>
      <c r="EB16" s="333">
        <v>7340520</v>
      </c>
      <c r="EC16" s="334">
        <v>7340520</v>
      </c>
      <c r="ED16" s="329">
        <v>0</v>
      </c>
      <c r="EE16" s="330">
        <v>0</v>
      </c>
      <c r="EF16" s="331">
        <v>0</v>
      </c>
      <c r="EG16" s="335"/>
      <c r="EH16" s="330">
        <v>54914</v>
      </c>
      <c r="EI16" s="330">
        <v>56135</v>
      </c>
      <c r="EJ16" s="330">
        <v>103678</v>
      </c>
      <c r="EK16" s="330">
        <v>141981</v>
      </c>
      <c r="EL16" s="330">
        <v>72746</v>
      </c>
      <c r="EM16" s="333">
        <v>429454</v>
      </c>
      <c r="EN16" s="334">
        <v>429454</v>
      </c>
      <c r="EO16" s="329">
        <v>0</v>
      </c>
      <c r="EP16" s="330">
        <v>0</v>
      </c>
      <c r="EQ16" s="331">
        <v>0</v>
      </c>
      <c r="ER16" s="335"/>
      <c r="ES16" s="330">
        <v>0</v>
      </c>
      <c r="ET16" s="330">
        <v>0</v>
      </c>
      <c r="EU16" s="330">
        <v>0</v>
      </c>
      <c r="EV16" s="330">
        <v>434</v>
      </c>
      <c r="EW16" s="330">
        <v>966</v>
      </c>
      <c r="EX16" s="333">
        <v>1400</v>
      </c>
      <c r="EY16" s="334">
        <v>1400</v>
      </c>
      <c r="EZ16" s="329">
        <v>0</v>
      </c>
      <c r="FA16" s="330">
        <v>0</v>
      </c>
      <c r="FB16" s="331">
        <v>0</v>
      </c>
      <c r="FC16" s="335"/>
      <c r="FD16" s="330">
        <v>0</v>
      </c>
      <c r="FE16" s="330">
        <v>0</v>
      </c>
      <c r="FF16" s="330">
        <v>0</v>
      </c>
      <c r="FG16" s="330">
        <v>217</v>
      </c>
      <c r="FH16" s="330">
        <v>434</v>
      </c>
      <c r="FI16" s="333">
        <v>651</v>
      </c>
      <c r="FJ16" s="334">
        <v>651</v>
      </c>
      <c r="FK16" s="329">
        <v>0</v>
      </c>
      <c r="FL16" s="330">
        <v>0</v>
      </c>
      <c r="FM16" s="331">
        <v>0</v>
      </c>
      <c r="FN16" s="335"/>
      <c r="FO16" s="330">
        <v>21576</v>
      </c>
      <c r="FP16" s="330">
        <v>0</v>
      </c>
      <c r="FQ16" s="330">
        <v>341248</v>
      </c>
      <c r="FR16" s="330">
        <v>95108</v>
      </c>
      <c r="FS16" s="330">
        <v>21576</v>
      </c>
      <c r="FT16" s="333">
        <v>479508</v>
      </c>
      <c r="FU16" s="334">
        <v>479508</v>
      </c>
      <c r="FV16" s="329">
        <v>0</v>
      </c>
      <c r="FW16" s="330">
        <v>14090</v>
      </c>
      <c r="FX16" s="331">
        <v>14090</v>
      </c>
      <c r="FY16" s="332">
        <v>0</v>
      </c>
      <c r="FZ16" s="330">
        <v>85818</v>
      </c>
      <c r="GA16" s="330">
        <v>188414</v>
      </c>
      <c r="GB16" s="330">
        <v>318505</v>
      </c>
      <c r="GC16" s="330">
        <v>260224</v>
      </c>
      <c r="GD16" s="330">
        <v>191090</v>
      </c>
      <c r="GE16" s="333">
        <v>1044051</v>
      </c>
      <c r="GF16" s="334">
        <v>1058141</v>
      </c>
      <c r="GG16" s="329">
        <v>0</v>
      </c>
      <c r="GH16" s="330">
        <v>0</v>
      </c>
      <c r="GI16" s="331">
        <v>0</v>
      </c>
      <c r="GJ16" s="332">
        <v>0</v>
      </c>
      <c r="GK16" s="330">
        <v>0</v>
      </c>
      <c r="GL16" s="330">
        <v>5430</v>
      </c>
      <c r="GM16" s="330">
        <v>0</v>
      </c>
      <c r="GN16" s="330">
        <v>0</v>
      </c>
      <c r="GO16" s="330">
        <v>0</v>
      </c>
      <c r="GP16" s="333">
        <v>5430</v>
      </c>
      <c r="GQ16" s="334">
        <v>5430</v>
      </c>
      <c r="GR16" s="329">
        <v>0</v>
      </c>
      <c r="GS16" s="330">
        <v>0</v>
      </c>
      <c r="GT16" s="331">
        <v>0</v>
      </c>
      <c r="GU16" s="332">
        <v>0</v>
      </c>
      <c r="GV16" s="330">
        <v>0</v>
      </c>
      <c r="GW16" s="330">
        <v>0</v>
      </c>
      <c r="GX16" s="330">
        <v>0</v>
      </c>
      <c r="GY16" s="330">
        <v>0</v>
      </c>
      <c r="GZ16" s="330">
        <v>0</v>
      </c>
      <c r="HA16" s="333">
        <v>0</v>
      </c>
      <c r="HB16" s="334">
        <v>0</v>
      </c>
      <c r="HC16" s="329">
        <v>0</v>
      </c>
      <c r="HD16" s="330">
        <v>0</v>
      </c>
      <c r="HE16" s="331">
        <v>0</v>
      </c>
      <c r="HF16" s="335"/>
      <c r="HG16" s="330">
        <v>0</v>
      </c>
      <c r="HH16" s="330">
        <v>0</v>
      </c>
      <c r="HI16" s="330">
        <v>0</v>
      </c>
      <c r="HJ16" s="330">
        <v>0</v>
      </c>
      <c r="HK16" s="330">
        <v>0</v>
      </c>
      <c r="HL16" s="333">
        <v>0</v>
      </c>
      <c r="HM16" s="334">
        <v>0</v>
      </c>
      <c r="HN16" s="329">
        <v>0</v>
      </c>
      <c r="HO16" s="330">
        <v>22620</v>
      </c>
      <c r="HP16" s="331">
        <v>22620</v>
      </c>
      <c r="HQ16" s="332">
        <v>0</v>
      </c>
      <c r="HR16" s="330">
        <v>513579</v>
      </c>
      <c r="HS16" s="330">
        <v>1039614</v>
      </c>
      <c r="HT16" s="330">
        <v>5260745</v>
      </c>
      <c r="HU16" s="330">
        <v>7121823</v>
      </c>
      <c r="HV16" s="330">
        <v>4388333</v>
      </c>
      <c r="HW16" s="333">
        <v>18324094</v>
      </c>
      <c r="HX16" s="334">
        <v>18346714</v>
      </c>
    </row>
    <row r="17" spans="1:232" ht="16.5" customHeight="1" x14ac:dyDescent="0.2">
      <c r="A17" s="327" t="s">
        <v>13</v>
      </c>
      <c r="B17" s="329">
        <v>0</v>
      </c>
      <c r="C17" s="330">
        <v>0</v>
      </c>
      <c r="D17" s="331">
        <v>0</v>
      </c>
      <c r="E17" s="332">
        <v>0</v>
      </c>
      <c r="F17" s="330">
        <v>93013</v>
      </c>
      <c r="G17" s="330">
        <v>135262</v>
      </c>
      <c r="H17" s="330">
        <v>588551</v>
      </c>
      <c r="I17" s="330">
        <v>944969</v>
      </c>
      <c r="J17" s="330">
        <v>744517</v>
      </c>
      <c r="K17" s="333">
        <v>2506312</v>
      </c>
      <c r="L17" s="334">
        <v>2506312</v>
      </c>
      <c r="M17" s="329">
        <v>0</v>
      </c>
      <c r="N17" s="330">
        <v>0</v>
      </c>
      <c r="O17" s="331">
        <v>0</v>
      </c>
      <c r="P17" s="335"/>
      <c r="Q17" s="330">
        <v>19330</v>
      </c>
      <c r="R17" s="330">
        <v>0</v>
      </c>
      <c r="S17" s="330">
        <v>406990</v>
      </c>
      <c r="T17" s="330">
        <v>921872</v>
      </c>
      <c r="U17" s="330">
        <v>650727</v>
      </c>
      <c r="V17" s="333">
        <v>1998919</v>
      </c>
      <c r="W17" s="334">
        <v>1998919</v>
      </c>
      <c r="X17" s="329">
        <v>0</v>
      </c>
      <c r="Y17" s="330">
        <v>0</v>
      </c>
      <c r="Z17" s="331">
        <v>0</v>
      </c>
      <c r="AA17" s="335"/>
      <c r="AB17" s="330">
        <v>73315</v>
      </c>
      <c r="AC17" s="330">
        <v>117152</v>
      </c>
      <c r="AD17" s="330">
        <v>135717</v>
      </c>
      <c r="AE17" s="330">
        <v>-7718</v>
      </c>
      <c r="AF17" s="330">
        <v>77100</v>
      </c>
      <c r="AG17" s="333">
        <v>395566</v>
      </c>
      <c r="AH17" s="334">
        <v>395566</v>
      </c>
      <c r="AI17" s="329">
        <v>0</v>
      </c>
      <c r="AJ17" s="330">
        <v>0</v>
      </c>
      <c r="AK17" s="331">
        <v>0</v>
      </c>
      <c r="AL17" s="335"/>
      <c r="AM17" s="330">
        <v>0</v>
      </c>
      <c r="AN17" s="330">
        <v>0</v>
      </c>
      <c r="AO17" s="330">
        <v>0</v>
      </c>
      <c r="AP17" s="330">
        <v>0</v>
      </c>
      <c r="AQ17" s="330">
        <v>0</v>
      </c>
      <c r="AR17" s="333">
        <v>0</v>
      </c>
      <c r="AS17" s="334">
        <v>0</v>
      </c>
      <c r="AT17" s="329">
        <v>0</v>
      </c>
      <c r="AU17" s="330">
        <v>0</v>
      </c>
      <c r="AV17" s="331">
        <v>0</v>
      </c>
      <c r="AW17" s="335"/>
      <c r="AX17" s="330">
        <v>0</v>
      </c>
      <c r="AY17" s="330">
        <v>0</v>
      </c>
      <c r="AZ17" s="330">
        <v>0</v>
      </c>
      <c r="BA17" s="330">
        <v>0</v>
      </c>
      <c r="BB17" s="330">
        <v>0</v>
      </c>
      <c r="BC17" s="333">
        <v>0</v>
      </c>
      <c r="BD17" s="334">
        <v>0</v>
      </c>
      <c r="BE17" s="329">
        <v>0</v>
      </c>
      <c r="BF17" s="330">
        <v>0</v>
      </c>
      <c r="BG17" s="331">
        <v>0</v>
      </c>
      <c r="BH17" s="335"/>
      <c r="BI17" s="330">
        <v>0</v>
      </c>
      <c r="BJ17" s="330">
        <v>0</v>
      </c>
      <c r="BK17" s="330">
        <v>0</v>
      </c>
      <c r="BL17" s="330">
        <v>0</v>
      </c>
      <c r="BM17" s="330">
        <v>0</v>
      </c>
      <c r="BN17" s="333">
        <v>0</v>
      </c>
      <c r="BO17" s="334">
        <v>0</v>
      </c>
      <c r="BP17" s="329">
        <v>0</v>
      </c>
      <c r="BQ17" s="330">
        <v>0</v>
      </c>
      <c r="BR17" s="331">
        <v>0</v>
      </c>
      <c r="BS17" s="332">
        <v>0</v>
      </c>
      <c r="BT17" s="330">
        <v>368</v>
      </c>
      <c r="BU17" s="330">
        <v>16950</v>
      </c>
      <c r="BV17" s="330">
        <v>37774</v>
      </c>
      <c r="BW17" s="330">
        <v>30815</v>
      </c>
      <c r="BX17" s="330">
        <v>16690</v>
      </c>
      <c r="BY17" s="333">
        <v>102597</v>
      </c>
      <c r="BZ17" s="334">
        <v>102597</v>
      </c>
      <c r="CA17" s="329">
        <v>0</v>
      </c>
      <c r="CB17" s="330">
        <v>0</v>
      </c>
      <c r="CC17" s="331">
        <v>0</v>
      </c>
      <c r="CD17" s="332">
        <v>0</v>
      </c>
      <c r="CE17" s="330">
        <v>0</v>
      </c>
      <c r="CF17" s="330">
        <v>1160</v>
      </c>
      <c r="CG17" s="330">
        <v>8070</v>
      </c>
      <c r="CH17" s="330">
        <v>0</v>
      </c>
      <c r="CI17" s="330">
        <v>0</v>
      </c>
      <c r="CJ17" s="333">
        <v>9230</v>
      </c>
      <c r="CK17" s="334">
        <v>9230</v>
      </c>
      <c r="CL17" s="329">
        <v>0</v>
      </c>
      <c r="CM17" s="330">
        <v>0</v>
      </c>
      <c r="CN17" s="331">
        <v>0</v>
      </c>
      <c r="CO17" s="332">
        <v>0</v>
      </c>
      <c r="CP17" s="330">
        <v>0</v>
      </c>
      <c r="CQ17" s="330">
        <v>0</v>
      </c>
      <c r="CR17" s="330">
        <v>0</v>
      </c>
      <c r="CS17" s="330">
        <v>0</v>
      </c>
      <c r="CT17" s="330">
        <v>0</v>
      </c>
      <c r="CU17" s="333">
        <v>0</v>
      </c>
      <c r="CV17" s="334">
        <v>0</v>
      </c>
      <c r="CW17" s="329">
        <v>0</v>
      </c>
      <c r="CX17" s="330">
        <v>0</v>
      </c>
      <c r="CY17" s="331">
        <v>0</v>
      </c>
      <c r="CZ17" s="335"/>
      <c r="DA17" s="330">
        <v>0</v>
      </c>
      <c r="DB17" s="330">
        <v>0</v>
      </c>
      <c r="DC17" s="330">
        <v>0</v>
      </c>
      <c r="DD17" s="330">
        <v>0</v>
      </c>
      <c r="DE17" s="330">
        <v>0</v>
      </c>
      <c r="DF17" s="333">
        <v>0</v>
      </c>
      <c r="DG17" s="334">
        <v>0</v>
      </c>
      <c r="DH17" s="329">
        <v>0</v>
      </c>
      <c r="DI17" s="330">
        <v>0</v>
      </c>
      <c r="DJ17" s="331">
        <v>0</v>
      </c>
      <c r="DK17" s="332">
        <v>0</v>
      </c>
      <c r="DL17" s="330">
        <v>45131</v>
      </c>
      <c r="DM17" s="330">
        <v>35144</v>
      </c>
      <c r="DN17" s="330">
        <v>685856</v>
      </c>
      <c r="DO17" s="330">
        <v>1142222</v>
      </c>
      <c r="DP17" s="330">
        <v>785445</v>
      </c>
      <c r="DQ17" s="333">
        <v>2693798</v>
      </c>
      <c r="DR17" s="336">
        <v>2693798</v>
      </c>
      <c r="DS17" s="329">
        <v>0</v>
      </c>
      <c r="DT17" s="330">
        <v>0</v>
      </c>
      <c r="DU17" s="331">
        <v>0</v>
      </c>
      <c r="DV17" s="335"/>
      <c r="DW17" s="330">
        <v>31761</v>
      </c>
      <c r="DX17" s="330">
        <v>0</v>
      </c>
      <c r="DY17" s="330">
        <v>553232</v>
      </c>
      <c r="DZ17" s="330">
        <v>1036042</v>
      </c>
      <c r="EA17" s="330">
        <v>697914</v>
      </c>
      <c r="EB17" s="333">
        <v>2318949</v>
      </c>
      <c r="EC17" s="334">
        <v>2318949</v>
      </c>
      <c r="ED17" s="329">
        <v>0</v>
      </c>
      <c r="EE17" s="330">
        <v>0</v>
      </c>
      <c r="EF17" s="331">
        <v>0</v>
      </c>
      <c r="EG17" s="335"/>
      <c r="EH17" s="330">
        <v>11966</v>
      </c>
      <c r="EI17" s="330">
        <v>1876</v>
      </c>
      <c r="EJ17" s="330">
        <v>38079</v>
      </c>
      <c r="EK17" s="330">
        <v>3900</v>
      </c>
      <c r="EL17" s="330">
        <v>34005</v>
      </c>
      <c r="EM17" s="333">
        <v>89826</v>
      </c>
      <c r="EN17" s="334">
        <v>89826</v>
      </c>
      <c r="EO17" s="329">
        <v>0</v>
      </c>
      <c r="EP17" s="330">
        <v>0</v>
      </c>
      <c r="EQ17" s="331">
        <v>0</v>
      </c>
      <c r="ER17" s="335"/>
      <c r="ES17" s="330">
        <v>0</v>
      </c>
      <c r="ET17" s="330">
        <v>0</v>
      </c>
      <c r="EU17" s="330">
        <v>0</v>
      </c>
      <c r="EV17" s="330">
        <v>0</v>
      </c>
      <c r="EW17" s="330">
        <v>0</v>
      </c>
      <c r="EX17" s="333">
        <v>0</v>
      </c>
      <c r="EY17" s="334">
        <v>0</v>
      </c>
      <c r="EZ17" s="329">
        <v>0</v>
      </c>
      <c r="FA17" s="330">
        <v>0</v>
      </c>
      <c r="FB17" s="331">
        <v>0</v>
      </c>
      <c r="FC17" s="335"/>
      <c r="FD17" s="330">
        <v>0</v>
      </c>
      <c r="FE17" s="330">
        <v>0</v>
      </c>
      <c r="FF17" s="330">
        <v>0</v>
      </c>
      <c r="FG17" s="330">
        <v>0</v>
      </c>
      <c r="FH17" s="330">
        <v>0</v>
      </c>
      <c r="FI17" s="333">
        <v>0</v>
      </c>
      <c r="FJ17" s="334">
        <v>0</v>
      </c>
      <c r="FK17" s="329">
        <v>0</v>
      </c>
      <c r="FL17" s="330">
        <v>0</v>
      </c>
      <c r="FM17" s="331">
        <v>0</v>
      </c>
      <c r="FN17" s="335"/>
      <c r="FO17" s="330">
        <v>0</v>
      </c>
      <c r="FP17" s="330">
        <v>0</v>
      </c>
      <c r="FQ17" s="330">
        <v>0</v>
      </c>
      <c r="FR17" s="330">
        <v>0</v>
      </c>
      <c r="FS17" s="330">
        <v>0</v>
      </c>
      <c r="FT17" s="333">
        <v>0</v>
      </c>
      <c r="FU17" s="334">
        <v>0</v>
      </c>
      <c r="FV17" s="329">
        <v>0</v>
      </c>
      <c r="FW17" s="330">
        <v>0</v>
      </c>
      <c r="FX17" s="331">
        <v>0</v>
      </c>
      <c r="FY17" s="332">
        <v>0</v>
      </c>
      <c r="FZ17" s="330">
        <v>1404</v>
      </c>
      <c r="GA17" s="330">
        <v>33212</v>
      </c>
      <c r="GB17" s="330">
        <v>94328</v>
      </c>
      <c r="GC17" s="330">
        <v>102280</v>
      </c>
      <c r="GD17" s="330">
        <v>53526</v>
      </c>
      <c r="GE17" s="333">
        <v>284750</v>
      </c>
      <c r="GF17" s="334">
        <v>284750</v>
      </c>
      <c r="GG17" s="329">
        <v>0</v>
      </c>
      <c r="GH17" s="330">
        <v>0</v>
      </c>
      <c r="GI17" s="331">
        <v>0</v>
      </c>
      <c r="GJ17" s="332">
        <v>0</v>
      </c>
      <c r="GK17" s="330">
        <v>0</v>
      </c>
      <c r="GL17" s="330">
        <v>56</v>
      </c>
      <c r="GM17" s="330">
        <v>217</v>
      </c>
      <c r="GN17" s="330">
        <v>0</v>
      </c>
      <c r="GO17" s="330">
        <v>0</v>
      </c>
      <c r="GP17" s="333">
        <v>273</v>
      </c>
      <c r="GQ17" s="334">
        <v>273</v>
      </c>
      <c r="GR17" s="329">
        <v>0</v>
      </c>
      <c r="GS17" s="330">
        <v>0</v>
      </c>
      <c r="GT17" s="331">
        <v>0</v>
      </c>
      <c r="GU17" s="332">
        <v>0</v>
      </c>
      <c r="GV17" s="330">
        <v>0</v>
      </c>
      <c r="GW17" s="330">
        <v>0</v>
      </c>
      <c r="GX17" s="330">
        <v>0</v>
      </c>
      <c r="GY17" s="330">
        <v>0</v>
      </c>
      <c r="GZ17" s="330">
        <v>0</v>
      </c>
      <c r="HA17" s="333">
        <v>0</v>
      </c>
      <c r="HB17" s="334">
        <v>0</v>
      </c>
      <c r="HC17" s="329">
        <v>0</v>
      </c>
      <c r="HD17" s="330">
        <v>0</v>
      </c>
      <c r="HE17" s="331">
        <v>0</v>
      </c>
      <c r="HF17" s="335"/>
      <c r="HG17" s="330">
        <v>0</v>
      </c>
      <c r="HH17" s="330">
        <v>0</v>
      </c>
      <c r="HI17" s="330">
        <v>0</v>
      </c>
      <c r="HJ17" s="330">
        <v>0</v>
      </c>
      <c r="HK17" s="330">
        <v>0</v>
      </c>
      <c r="HL17" s="333">
        <v>0</v>
      </c>
      <c r="HM17" s="334">
        <v>0</v>
      </c>
      <c r="HN17" s="329">
        <v>0</v>
      </c>
      <c r="HO17" s="330">
        <v>0</v>
      </c>
      <c r="HP17" s="331">
        <v>0</v>
      </c>
      <c r="HQ17" s="332">
        <v>0</v>
      </c>
      <c r="HR17" s="330">
        <v>138144</v>
      </c>
      <c r="HS17" s="330">
        <v>170406</v>
      </c>
      <c r="HT17" s="330">
        <v>1274407</v>
      </c>
      <c r="HU17" s="330">
        <v>2087191</v>
      </c>
      <c r="HV17" s="330">
        <v>1529962</v>
      </c>
      <c r="HW17" s="333">
        <v>5200110</v>
      </c>
      <c r="HX17" s="334">
        <v>5200110</v>
      </c>
    </row>
    <row r="18" spans="1:232" ht="16.5" customHeight="1" x14ac:dyDescent="0.2">
      <c r="A18" s="327" t="s">
        <v>15</v>
      </c>
      <c r="B18" s="329">
        <v>0</v>
      </c>
      <c r="C18" s="330">
        <v>0</v>
      </c>
      <c r="D18" s="331">
        <v>0</v>
      </c>
      <c r="E18" s="332">
        <v>0</v>
      </c>
      <c r="F18" s="330">
        <v>219812</v>
      </c>
      <c r="G18" s="330">
        <v>475229</v>
      </c>
      <c r="H18" s="330">
        <v>1748496</v>
      </c>
      <c r="I18" s="330">
        <v>2208614</v>
      </c>
      <c r="J18" s="330">
        <v>1096606</v>
      </c>
      <c r="K18" s="333">
        <v>5748757</v>
      </c>
      <c r="L18" s="334">
        <v>5748757</v>
      </c>
      <c r="M18" s="329">
        <v>0</v>
      </c>
      <c r="N18" s="330">
        <v>0</v>
      </c>
      <c r="O18" s="331">
        <v>0</v>
      </c>
      <c r="P18" s="335"/>
      <c r="Q18" s="330">
        <v>0</v>
      </c>
      <c r="R18" s="330">
        <v>35495</v>
      </c>
      <c r="S18" s="330">
        <v>991455</v>
      </c>
      <c r="T18" s="330">
        <v>1572740</v>
      </c>
      <c r="U18" s="330">
        <v>830225</v>
      </c>
      <c r="V18" s="333">
        <v>3429915</v>
      </c>
      <c r="W18" s="334">
        <v>3429915</v>
      </c>
      <c r="X18" s="329">
        <v>0</v>
      </c>
      <c r="Y18" s="330">
        <v>0</v>
      </c>
      <c r="Z18" s="331">
        <v>0</v>
      </c>
      <c r="AA18" s="335"/>
      <c r="AB18" s="330">
        <v>199286</v>
      </c>
      <c r="AC18" s="330">
        <v>400242</v>
      </c>
      <c r="AD18" s="330">
        <v>469940</v>
      </c>
      <c r="AE18" s="330">
        <v>515188</v>
      </c>
      <c r="AF18" s="330">
        <v>137671</v>
      </c>
      <c r="AG18" s="333">
        <v>1722327</v>
      </c>
      <c r="AH18" s="334">
        <v>1722327</v>
      </c>
      <c r="AI18" s="329">
        <v>0</v>
      </c>
      <c r="AJ18" s="330">
        <v>0</v>
      </c>
      <c r="AK18" s="331">
        <v>0</v>
      </c>
      <c r="AL18" s="335"/>
      <c r="AM18" s="330">
        <v>0</v>
      </c>
      <c r="AN18" s="330">
        <v>0</v>
      </c>
      <c r="AO18" s="330">
        <v>0</v>
      </c>
      <c r="AP18" s="330">
        <v>0</v>
      </c>
      <c r="AQ18" s="330">
        <v>2635</v>
      </c>
      <c r="AR18" s="333">
        <v>2635</v>
      </c>
      <c r="AS18" s="334">
        <v>2635</v>
      </c>
      <c r="AT18" s="329">
        <v>0</v>
      </c>
      <c r="AU18" s="330">
        <v>0</v>
      </c>
      <c r="AV18" s="331">
        <v>0</v>
      </c>
      <c r="AW18" s="335"/>
      <c r="AX18" s="330">
        <v>0</v>
      </c>
      <c r="AY18" s="330">
        <v>0</v>
      </c>
      <c r="AZ18" s="330">
        <v>0</v>
      </c>
      <c r="BA18" s="330">
        <v>0</v>
      </c>
      <c r="BB18" s="330">
        <v>0</v>
      </c>
      <c r="BC18" s="333">
        <v>0</v>
      </c>
      <c r="BD18" s="334">
        <v>0</v>
      </c>
      <c r="BE18" s="329">
        <v>0</v>
      </c>
      <c r="BF18" s="330">
        <v>0</v>
      </c>
      <c r="BG18" s="331">
        <v>0</v>
      </c>
      <c r="BH18" s="335"/>
      <c r="BI18" s="330">
        <v>0</v>
      </c>
      <c r="BJ18" s="330">
        <v>0</v>
      </c>
      <c r="BK18" s="330">
        <v>116560</v>
      </c>
      <c r="BL18" s="330">
        <v>18895</v>
      </c>
      <c r="BM18" s="330">
        <v>56260</v>
      </c>
      <c r="BN18" s="333">
        <v>191715</v>
      </c>
      <c r="BO18" s="334">
        <v>191715</v>
      </c>
      <c r="BP18" s="329">
        <v>0</v>
      </c>
      <c r="BQ18" s="330">
        <v>0</v>
      </c>
      <c r="BR18" s="331">
        <v>0</v>
      </c>
      <c r="BS18" s="332">
        <v>0</v>
      </c>
      <c r="BT18" s="330">
        <v>7835</v>
      </c>
      <c r="BU18" s="330">
        <v>39492</v>
      </c>
      <c r="BV18" s="330">
        <v>165504</v>
      </c>
      <c r="BW18" s="330">
        <v>101791</v>
      </c>
      <c r="BX18" s="330">
        <v>69815</v>
      </c>
      <c r="BY18" s="333">
        <v>384437</v>
      </c>
      <c r="BZ18" s="334">
        <v>384437</v>
      </c>
      <c r="CA18" s="329">
        <v>0</v>
      </c>
      <c r="CB18" s="330">
        <v>0</v>
      </c>
      <c r="CC18" s="331">
        <v>0</v>
      </c>
      <c r="CD18" s="332">
        <v>0</v>
      </c>
      <c r="CE18" s="330">
        <v>12691</v>
      </c>
      <c r="CF18" s="330">
        <v>0</v>
      </c>
      <c r="CG18" s="330">
        <v>5037</v>
      </c>
      <c r="CH18" s="330">
        <v>0</v>
      </c>
      <c r="CI18" s="330">
        <v>0</v>
      </c>
      <c r="CJ18" s="333">
        <v>17728</v>
      </c>
      <c r="CK18" s="334">
        <v>17728</v>
      </c>
      <c r="CL18" s="329">
        <v>0</v>
      </c>
      <c r="CM18" s="330">
        <v>0</v>
      </c>
      <c r="CN18" s="331">
        <v>0</v>
      </c>
      <c r="CO18" s="332">
        <v>0</v>
      </c>
      <c r="CP18" s="330">
        <v>0</v>
      </c>
      <c r="CQ18" s="330">
        <v>0</v>
      </c>
      <c r="CR18" s="330">
        <v>0</v>
      </c>
      <c r="CS18" s="330">
        <v>0</v>
      </c>
      <c r="CT18" s="330">
        <v>0</v>
      </c>
      <c r="CU18" s="333">
        <v>0</v>
      </c>
      <c r="CV18" s="334">
        <v>0</v>
      </c>
      <c r="CW18" s="329">
        <v>0</v>
      </c>
      <c r="CX18" s="330">
        <v>0</v>
      </c>
      <c r="CY18" s="331">
        <v>0</v>
      </c>
      <c r="CZ18" s="335"/>
      <c r="DA18" s="330">
        <v>0</v>
      </c>
      <c r="DB18" s="330">
        <v>0</v>
      </c>
      <c r="DC18" s="330">
        <v>0</v>
      </c>
      <c r="DD18" s="330">
        <v>0</v>
      </c>
      <c r="DE18" s="330">
        <v>0</v>
      </c>
      <c r="DF18" s="333">
        <v>0</v>
      </c>
      <c r="DG18" s="334">
        <v>0</v>
      </c>
      <c r="DH18" s="329">
        <v>0</v>
      </c>
      <c r="DI18" s="330">
        <v>0</v>
      </c>
      <c r="DJ18" s="331">
        <v>0</v>
      </c>
      <c r="DK18" s="332">
        <v>0</v>
      </c>
      <c r="DL18" s="330">
        <v>36093</v>
      </c>
      <c r="DM18" s="330">
        <v>120125</v>
      </c>
      <c r="DN18" s="330">
        <v>1767964</v>
      </c>
      <c r="DO18" s="330">
        <v>1775630</v>
      </c>
      <c r="DP18" s="330">
        <v>1090029</v>
      </c>
      <c r="DQ18" s="333">
        <v>4789841</v>
      </c>
      <c r="DR18" s="336">
        <v>4789841</v>
      </c>
      <c r="DS18" s="329">
        <v>0</v>
      </c>
      <c r="DT18" s="330">
        <v>0</v>
      </c>
      <c r="DU18" s="331">
        <v>0</v>
      </c>
      <c r="DV18" s="335"/>
      <c r="DW18" s="330">
        <v>0</v>
      </c>
      <c r="DX18" s="330">
        <v>26505</v>
      </c>
      <c r="DY18" s="330">
        <v>1175108</v>
      </c>
      <c r="DZ18" s="330">
        <v>1541674</v>
      </c>
      <c r="EA18" s="330">
        <v>887885</v>
      </c>
      <c r="EB18" s="333">
        <v>3631172</v>
      </c>
      <c r="EC18" s="334">
        <v>3631172</v>
      </c>
      <c r="ED18" s="329">
        <v>0</v>
      </c>
      <c r="EE18" s="330">
        <v>0</v>
      </c>
      <c r="EF18" s="331">
        <v>0</v>
      </c>
      <c r="EG18" s="335"/>
      <c r="EH18" s="330">
        <v>5527</v>
      </c>
      <c r="EI18" s="330">
        <v>49786</v>
      </c>
      <c r="EJ18" s="330">
        <v>26277</v>
      </c>
      <c r="EK18" s="330">
        <v>39099</v>
      </c>
      <c r="EL18" s="330">
        <v>23389</v>
      </c>
      <c r="EM18" s="333">
        <v>144078</v>
      </c>
      <c r="EN18" s="334">
        <v>144078</v>
      </c>
      <c r="EO18" s="329">
        <v>0</v>
      </c>
      <c r="EP18" s="330">
        <v>0</v>
      </c>
      <c r="EQ18" s="331">
        <v>0</v>
      </c>
      <c r="ER18" s="335"/>
      <c r="ES18" s="330">
        <v>0</v>
      </c>
      <c r="ET18" s="330">
        <v>0</v>
      </c>
      <c r="EU18" s="330">
        <v>0</v>
      </c>
      <c r="EV18" s="330">
        <v>0</v>
      </c>
      <c r="EW18" s="330">
        <v>217</v>
      </c>
      <c r="EX18" s="333">
        <v>217</v>
      </c>
      <c r="EY18" s="334">
        <v>217</v>
      </c>
      <c r="EZ18" s="329">
        <v>0</v>
      </c>
      <c r="FA18" s="330">
        <v>0</v>
      </c>
      <c r="FB18" s="331">
        <v>0</v>
      </c>
      <c r="FC18" s="335"/>
      <c r="FD18" s="330">
        <v>0</v>
      </c>
      <c r="FE18" s="330">
        <v>0</v>
      </c>
      <c r="FF18" s="330">
        <v>0</v>
      </c>
      <c r="FG18" s="330">
        <v>0</v>
      </c>
      <c r="FH18" s="330">
        <v>0</v>
      </c>
      <c r="FI18" s="333">
        <v>0</v>
      </c>
      <c r="FJ18" s="334">
        <v>0</v>
      </c>
      <c r="FK18" s="329">
        <v>0</v>
      </c>
      <c r="FL18" s="330">
        <v>0</v>
      </c>
      <c r="FM18" s="331">
        <v>0</v>
      </c>
      <c r="FN18" s="335"/>
      <c r="FO18" s="330">
        <v>0</v>
      </c>
      <c r="FP18" s="330">
        <v>0</v>
      </c>
      <c r="FQ18" s="330">
        <v>261330</v>
      </c>
      <c r="FR18" s="330">
        <v>104094</v>
      </c>
      <c r="FS18" s="330">
        <v>105096</v>
      </c>
      <c r="FT18" s="333">
        <v>470520</v>
      </c>
      <c r="FU18" s="334">
        <v>470520</v>
      </c>
      <c r="FV18" s="329">
        <v>0</v>
      </c>
      <c r="FW18" s="330">
        <v>0</v>
      </c>
      <c r="FX18" s="331">
        <v>0</v>
      </c>
      <c r="FY18" s="332">
        <v>0</v>
      </c>
      <c r="FZ18" s="330">
        <v>30384</v>
      </c>
      <c r="GA18" s="330">
        <v>43834</v>
      </c>
      <c r="GB18" s="330">
        <v>298636</v>
      </c>
      <c r="GC18" s="330">
        <v>90763</v>
      </c>
      <c r="GD18" s="330">
        <v>73442</v>
      </c>
      <c r="GE18" s="333">
        <v>537059</v>
      </c>
      <c r="GF18" s="334">
        <v>537059</v>
      </c>
      <c r="GG18" s="329">
        <v>0</v>
      </c>
      <c r="GH18" s="330">
        <v>0</v>
      </c>
      <c r="GI18" s="331">
        <v>0</v>
      </c>
      <c r="GJ18" s="332">
        <v>0</v>
      </c>
      <c r="GK18" s="330">
        <v>182</v>
      </c>
      <c r="GL18" s="330">
        <v>0</v>
      </c>
      <c r="GM18" s="330">
        <v>6613</v>
      </c>
      <c r="GN18" s="330">
        <v>0</v>
      </c>
      <c r="GO18" s="330">
        <v>0</v>
      </c>
      <c r="GP18" s="333">
        <v>6795</v>
      </c>
      <c r="GQ18" s="334">
        <v>6795</v>
      </c>
      <c r="GR18" s="329">
        <v>0</v>
      </c>
      <c r="GS18" s="330">
        <v>0</v>
      </c>
      <c r="GT18" s="331">
        <v>0</v>
      </c>
      <c r="GU18" s="332">
        <v>0</v>
      </c>
      <c r="GV18" s="330">
        <v>0</v>
      </c>
      <c r="GW18" s="330">
        <v>0</v>
      </c>
      <c r="GX18" s="330">
        <v>0</v>
      </c>
      <c r="GY18" s="330">
        <v>0</v>
      </c>
      <c r="GZ18" s="330">
        <v>0</v>
      </c>
      <c r="HA18" s="333">
        <v>0</v>
      </c>
      <c r="HB18" s="334">
        <v>0</v>
      </c>
      <c r="HC18" s="329">
        <v>0</v>
      </c>
      <c r="HD18" s="330">
        <v>0</v>
      </c>
      <c r="HE18" s="331">
        <v>0</v>
      </c>
      <c r="HF18" s="335"/>
      <c r="HG18" s="330">
        <v>0</v>
      </c>
      <c r="HH18" s="330">
        <v>0</v>
      </c>
      <c r="HI18" s="330">
        <v>0</v>
      </c>
      <c r="HJ18" s="330">
        <v>0</v>
      </c>
      <c r="HK18" s="330">
        <v>0</v>
      </c>
      <c r="HL18" s="333">
        <v>0</v>
      </c>
      <c r="HM18" s="334">
        <v>0</v>
      </c>
      <c r="HN18" s="329">
        <v>0</v>
      </c>
      <c r="HO18" s="330">
        <v>0</v>
      </c>
      <c r="HP18" s="331">
        <v>0</v>
      </c>
      <c r="HQ18" s="332">
        <v>0</v>
      </c>
      <c r="HR18" s="330">
        <v>255905</v>
      </c>
      <c r="HS18" s="330">
        <v>595354</v>
      </c>
      <c r="HT18" s="330">
        <v>3516460</v>
      </c>
      <c r="HU18" s="330">
        <v>3984244</v>
      </c>
      <c r="HV18" s="330">
        <v>2186635</v>
      </c>
      <c r="HW18" s="333">
        <v>10538598</v>
      </c>
      <c r="HX18" s="334">
        <v>10538598</v>
      </c>
    </row>
    <row r="19" spans="1:232" ht="16.5" customHeight="1" x14ac:dyDescent="0.2">
      <c r="A19" s="327" t="s">
        <v>16</v>
      </c>
      <c r="B19" s="329">
        <v>0</v>
      </c>
      <c r="C19" s="330">
        <v>0</v>
      </c>
      <c r="D19" s="331">
        <v>0</v>
      </c>
      <c r="E19" s="332">
        <v>0</v>
      </c>
      <c r="F19" s="330">
        <v>527329</v>
      </c>
      <c r="G19" s="330">
        <v>1121515</v>
      </c>
      <c r="H19" s="330">
        <v>2932106</v>
      </c>
      <c r="I19" s="330">
        <v>3307892</v>
      </c>
      <c r="J19" s="330">
        <v>2172418</v>
      </c>
      <c r="K19" s="333">
        <v>10061260</v>
      </c>
      <c r="L19" s="334">
        <v>10061260</v>
      </c>
      <c r="M19" s="329">
        <v>0</v>
      </c>
      <c r="N19" s="330">
        <v>0</v>
      </c>
      <c r="O19" s="331">
        <v>0</v>
      </c>
      <c r="P19" s="335"/>
      <c r="Q19" s="330">
        <v>73245</v>
      </c>
      <c r="R19" s="330">
        <v>229090</v>
      </c>
      <c r="S19" s="330">
        <v>1744526</v>
      </c>
      <c r="T19" s="330">
        <v>2158567</v>
      </c>
      <c r="U19" s="330">
        <v>1574609</v>
      </c>
      <c r="V19" s="333">
        <v>5780037</v>
      </c>
      <c r="W19" s="334">
        <v>5780037</v>
      </c>
      <c r="X19" s="329">
        <v>0</v>
      </c>
      <c r="Y19" s="330">
        <v>0</v>
      </c>
      <c r="Z19" s="331">
        <v>0</v>
      </c>
      <c r="AA19" s="335"/>
      <c r="AB19" s="330">
        <v>424560</v>
      </c>
      <c r="AC19" s="330">
        <v>823895</v>
      </c>
      <c r="AD19" s="330">
        <v>821740</v>
      </c>
      <c r="AE19" s="330">
        <v>881800</v>
      </c>
      <c r="AF19" s="330">
        <v>306005</v>
      </c>
      <c r="AG19" s="333">
        <v>3258000</v>
      </c>
      <c r="AH19" s="334">
        <v>3258000</v>
      </c>
      <c r="AI19" s="329">
        <v>0</v>
      </c>
      <c r="AJ19" s="330">
        <v>0</v>
      </c>
      <c r="AK19" s="331">
        <v>0</v>
      </c>
      <c r="AL19" s="335"/>
      <c r="AM19" s="330">
        <v>0</v>
      </c>
      <c r="AN19" s="330">
        <v>0</v>
      </c>
      <c r="AO19" s="330">
        <v>0</v>
      </c>
      <c r="AP19" s="330">
        <v>0</v>
      </c>
      <c r="AQ19" s="330">
        <v>4930</v>
      </c>
      <c r="AR19" s="333">
        <v>4930</v>
      </c>
      <c r="AS19" s="334">
        <v>4930</v>
      </c>
      <c r="AT19" s="329">
        <v>0</v>
      </c>
      <c r="AU19" s="330">
        <v>0</v>
      </c>
      <c r="AV19" s="331">
        <v>0</v>
      </c>
      <c r="AW19" s="335"/>
      <c r="AX19" s="330">
        <v>0</v>
      </c>
      <c r="AY19" s="330">
        <v>0</v>
      </c>
      <c r="AZ19" s="330">
        <v>112510</v>
      </c>
      <c r="BA19" s="330">
        <v>76105</v>
      </c>
      <c r="BB19" s="330">
        <v>103540</v>
      </c>
      <c r="BC19" s="333">
        <v>292155</v>
      </c>
      <c r="BD19" s="334">
        <v>292155</v>
      </c>
      <c r="BE19" s="329">
        <v>0</v>
      </c>
      <c r="BF19" s="330">
        <v>0</v>
      </c>
      <c r="BG19" s="331">
        <v>0</v>
      </c>
      <c r="BH19" s="335"/>
      <c r="BI19" s="330">
        <v>2635</v>
      </c>
      <c r="BJ19" s="330">
        <v>27280</v>
      </c>
      <c r="BK19" s="330">
        <v>95170</v>
      </c>
      <c r="BL19" s="330">
        <v>74420</v>
      </c>
      <c r="BM19" s="330">
        <v>102295</v>
      </c>
      <c r="BN19" s="333">
        <v>301800</v>
      </c>
      <c r="BO19" s="334">
        <v>301800</v>
      </c>
      <c r="BP19" s="329">
        <v>0</v>
      </c>
      <c r="BQ19" s="330">
        <v>0</v>
      </c>
      <c r="BR19" s="331">
        <v>0</v>
      </c>
      <c r="BS19" s="332">
        <v>0</v>
      </c>
      <c r="BT19" s="330">
        <v>26591</v>
      </c>
      <c r="BU19" s="330">
        <v>40800</v>
      </c>
      <c r="BV19" s="330">
        <v>158160</v>
      </c>
      <c r="BW19" s="330">
        <v>115884</v>
      </c>
      <c r="BX19" s="330">
        <v>81039</v>
      </c>
      <c r="BY19" s="333">
        <v>422474</v>
      </c>
      <c r="BZ19" s="334">
        <v>422474</v>
      </c>
      <c r="CA19" s="329">
        <v>0</v>
      </c>
      <c r="CB19" s="330">
        <v>0</v>
      </c>
      <c r="CC19" s="331">
        <v>0</v>
      </c>
      <c r="CD19" s="332">
        <v>0</v>
      </c>
      <c r="CE19" s="330">
        <v>298</v>
      </c>
      <c r="CF19" s="330">
        <v>450</v>
      </c>
      <c r="CG19" s="330">
        <v>0</v>
      </c>
      <c r="CH19" s="330">
        <v>1116</v>
      </c>
      <c r="CI19" s="330">
        <v>0</v>
      </c>
      <c r="CJ19" s="333">
        <v>1864</v>
      </c>
      <c r="CK19" s="334">
        <v>1864</v>
      </c>
      <c r="CL19" s="329">
        <v>0</v>
      </c>
      <c r="CM19" s="330">
        <v>0</v>
      </c>
      <c r="CN19" s="331">
        <v>0</v>
      </c>
      <c r="CO19" s="332">
        <v>0</v>
      </c>
      <c r="CP19" s="330">
        <v>0</v>
      </c>
      <c r="CQ19" s="330">
        <v>0</v>
      </c>
      <c r="CR19" s="330">
        <v>0</v>
      </c>
      <c r="CS19" s="330">
        <v>0</v>
      </c>
      <c r="CT19" s="330">
        <v>0</v>
      </c>
      <c r="CU19" s="333">
        <v>0</v>
      </c>
      <c r="CV19" s="334">
        <v>0</v>
      </c>
      <c r="CW19" s="329">
        <v>0</v>
      </c>
      <c r="CX19" s="330">
        <v>0</v>
      </c>
      <c r="CY19" s="331">
        <v>0</v>
      </c>
      <c r="CZ19" s="335"/>
      <c r="DA19" s="330">
        <v>0</v>
      </c>
      <c r="DB19" s="330">
        <v>0</v>
      </c>
      <c r="DC19" s="330">
        <v>0</v>
      </c>
      <c r="DD19" s="330">
        <v>0</v>
      </c>
      <c r="DE19" s="330">
        <v>0</v>
      </c>
      <c r="DF19" s="333">
        <v>0</v>
      </c>
      <c r="DG19" s="334">
        <v>0</v>
      </c>
      <c r="DH19" s="329">
        <v>0</v>
      </c>
      <c r="DI19" s="330">
        <v>0</v>
      </c>
      <c r="DJ19" s="331">
        <v>0</v>
      </c>
      <c r="DK19" s="332">
        <v>0</v>
      </c>
      <c r="DL19" s="330">
        <v>386114</v>
      </c>
      <c r="DM19" s="330">
        <v>823438</v>
      </c>
      <c r="DN19" s="330">
        <v>3187445</v>
      </c>
      <c r="DO19" s="330">
        <v>3590243</v>
      </c>
      <c r="DP19" s="330">
        <v>2197428</v>
      </c>
      <c r="DQ19" s="333">
        <v>10184668</v>
      </c>
      <c r="DR19" s="336">
        <v>10184668</v>
      </c>
      <c r="DS19" s="329">
        <v>0</v>
      </c>
      <c r="DT19" s="330">
        <v>0</v>
      </c>
      <c r="DU19" s="331">
        <v>0</v>
      </c>
      <c r="DV19" s="335"/>
      <c r="DW19" s="330">
        <v>138370</v>
      </c>
      <c r="DX19" s="330">
        <v>387066</v>
      </c>
      <c r="DY19" s="330">
        <v>2425883</v>
      </c>
      <c r="DZ19" s="330">
        <v>3061251</v>
      </c>
      <c r="EA19" s="330">
        <v>1864064</v>
      </c>
      <c r="EB19" s="333">
        <v>7876634</v>
      </c>
      <c r="EC19" s="334">
        <v>7876634</v>
      </c>
      <c r="ED19" s="329">
        <v>0</v>
      </c>
      <c r="EE19" s="330">
        <v>0</v>
      </c>
      <c r="EF19" s="331">
        <v>0</v>
      </c>
      <c r="EG19" s="335"/>
      <c r="EH19" s="330">
        <v>183164</v>
      </c>
      <c r="EI19" s="330">
        <v>310336</v>
      </c>
      <c r="EJ19" s="330">
        <v>306904</v>
      </c>
      <c r="EK19" s="330">
        <v>215453</v>
      </c>
      <c r="EL19" s="330">
        <v>35353</v>
      </c>
      <c r="EM19" s="333">
        <v>1051210</v>
      </c>
      <c r="EN19" s="334">
        <v>1051210</v>
      </c>
      <c r="EO19" s="329">
        <v>0</v>
      </c>
      <c r="EP19" s="330">
        <v>0</v>
      </c>
      <c r="EQ19" s="331">
        <v>0</v>
      </c>
      <c r="ER19" s="335"/>
      <c r="ES19" s="330">
        <v>0</v>
      </c>
      <c r="ET19" s="330">
        <v>0</v>
      </c>
      <c r="EU19" s="330">
        <v>0</v>
      </c>
      <c r="EV19" s="330">
        <v>0</v>
      </c>
      <c r="EW19" s="330">
        <v>406</v>
      </c>
      <c r="EX19" s="333">
        <v>406</v>
      </c>
      <c r="EY19" s="334">
        <v>406</v>
      </c>
      <c r="EZ19" s="329">
        <v>0</v>
      </c>
      <c r="FA19" s="330">
        <v>0</v>
      </c>
      <c r="FB19" s="331">
        <v>0</v>
      </c>
      <c r="FC19" s="335"/>
      <c r="FD19" s="330">
        <v>0</v>
      </c>
      <c r="FE19" s="330">
        <v>0</v>
      </c>
      <c r="FF19" s="330">
        <v>12254</v>
      </c>
      <c r="FG19" s="330">
        <v>12555</v>
      </c>
      <c r="FH19" s="330">
        <v>12338</v>
      </c>
      <c r="FI19" s="333">
        <v>37147</v>
      </c>
      <c r="FJ19" s="334">
        <v>37147</v>
      </c>
      <c r="FK19" s="329">
        <v>0</v>
      </c>
      <c r="FL19" s="330">
        <v>0</v>
      </c>
      <c r="FM19" s="331">
        <v>0</v>
      </c>
      <c r="FN19" s="335"/>
      <c r="FO19" s="330">
        <v>21576</v>
      </c>
      <c r="FP19" s="330">
        <v>43152</v>
      </c>
      <c r="FQ19" s="330">
        <v>187798</v>
      </c>
      <c r="FR19" s="330">
        <v>147308</v>
      </c>
      <c r="FS19" s="330">
        <v>195332</v>
      </c>
      <c r="FT19" s="333">
        <v>595166</v>
      </c>
      <c r="FU19" s="334">
        <v>595166</v>
      </c>
      <c r="FV19" s="329">
        <v>0</v>
      </c>
      <c r="FW19" s="330">
        <v>0</v>
      </c>
      <c r="FX19" s="331">
        <v>0</v>
      </c>
      <c r="FY19" s="332">
        <v>0</v>
      </c>
      <c r="FZ19" s="330">
        <v>42976</v>
      </c>
      <c r="GA19" s="330">
        <v>82856</v>
      </c>
      <c r="GB19" s="330">
        <v>254606</v>
      </c>
      <c r="GC19" s="330">
        <v>150836</v>
      </c>
      <c r="GD19" s="330">
        <v>89935</v>
      </c>
      <c r="GE19" s="333">
        <v>621209</v>
      </c>
      <c r="GF19" s="334">
        <v>621209</v>
      </c>
      <c r="GG19" s="329">
        <v>0</v>
      </c>
      <c r="GH19" s="330">
        <v>0</v>
      </c>
      <c r="GI19" s="331">
        <v>0</v>
      </c>
      <c r="GJ19" s="332">
        <v>0</v>
      </c>
      <c r="GK19" s="330">
        <v>28</v>
      </c>
      <c r="GL19" s="330">
        <v>28</v>
      </c>
      <c r="GM19" s="330">
        <v>0</v>
      </c>
      <c r="GN19" s="330">
        <v>2840</v>
      </c>
      <c r="GO19" s="330">
        <v>0</v>
      </c>
      <c r="GP19" s="333">
        <v>2896</v>
      </c>
      <c r="GQ19" s="334">
        <v>2896</v>
      </c>
      <c r="GR19" s="329">
        <v>0</v>
      </c>
      <c r="GS19" s="330">
        <v>0</v>
      </c>
      <c r="GT19" s="331">
        <v>0</v>
      </c>
      <c r="GU19" s="332">
        <v>0</v>
      </c>
      <c r="GV19" s="330">
        <v>0</v>
      </c>
      <c r="GW19" s="330">
        <v>0</v>
      </c>
      <c r="GX19" s="330">
        <v>0</v>
      </c>
      <c r="GY19" s="330">
        <v>0</v>
      </c>
      <c r="GZ19" s="330">
        <v>0</v>
      </c>
      <c r="HA19" s="333">
        <v>0</v>
      </c>
      <c r="HB19" s="334">
        <v>0</v>
      </c>
      <c r="HC19" s="329">
        <v>0</v>
      </c>
      <c r="HD19" s="330">
        <v>0</v>
      </c>
      <c r="HE19" s="331">
        <v>0</v>
      </c>
      <c r="HF19" s="335"/>
      <c r="HG19" s="330">
        <v>0</v>
      </c>
      <c r="HH19" s="330">
        <v>0</v>
      </c>
      <c r="HI19" s="330">
        <v>0</v>
      </c>
      <c r="HJ19" s="330">
        <v>0</v>
      </c>
      <c r="HK19" s="330">
        <v>0</v>
      </c>
      <c r="HL19" s="333">
        <v>0</v>
      </c>
      <c r="HM19" s="334">
        <v>0</v>
      </c>
      <c r="HN19" s="329">
        <v>0</v>
      </c>
      <c r="HO19" s="330">
        <v>0</v>
      </c>
      <c r="HP19" s="331">
        <v>0</v>
      </c>
      <c r="HQ19" s="332">
        <v>0</v>
      </c>
      <c r="HR19" s="330">
        <v>913443</v>
      </c>
      <c r="HS19" s="330">
        <v>1944953</v>
      </c>
      <c r="HT19" s="330">
        <v>6119551</v>
      </c>
      <c r="HU19" s="330">
        <v>6898135</v>
      </c>
      <c r="HV19" s="330">
        <v>4369846</v>
      </c>
      <c r="HW19" s="333">
        <v>20245928</v>
      </c>
      <c r="HX19" s="334">
        <v>20245928</v>
      </c>
    </row>
    <row r="20" spans="1:232" ht="16.5" customHeight="1" x14ac:dyDescent="0.2">
      <c r="A20" s="327" t="s">
        <v>17</v>
      </c>
      <c r="B20" s="329">
        <v>0</v>
      </c>
      <c r="C20" s="330">
        <v>0</v>
      </c>
      <c r="D20" s="331">
        <v>0</v>
      </c>
      <c r="E20" s="332">
        <v>0</v>
      </c>
      <c r="F20" s="330">
        <v>162825</v>
      </c>
      <c r="G20" s="330">
        <v>1062687</v>
      </c>
      <c r="H20" s="330">
        <v>2813590</v>
      </c>
      <c r="I20" s="330">
        <v>3222659</v>
      </c>
      <c r="J20" s="330">
        <v>2456053</v>
      </c>
      <c r="K20" s="333">
        <v>9717814</v>
      </c>
      <c r="L20" s="334">
        <v>9717814</v>
      </c>
      <c r="M20" s="329">
        <v>0</v>
      </c>
      <c r="N20" s="330">
        <v>0</v>
      </c>
      <c r="O20" s="331">
        <v>0</v>
      </c>
      <c r="P20" s="335"/>
      <c r="Q20" s="330">
        <v>55232</v>
      </c>
      <c r="R20" s="330">
        <v>312500</v>
      </c>
      <c r="S20" s="330">
        <v>1627744</v>
      </c>
      <c r="T20" s="330">
        <v>2359248</v>
      </c>
      <c r="U20" s="330">
        <v>1821454</v>
      </c>
      <c r="V20" s="333">
        <v>6176178</v>
      </c>
      <c r="W20" s="334">
        <v>6176178</v>
      </c>
      <c r="X20" s="329">
        <v>0</v>
      </c>
      <c r="Y20" s="330">
        <v>0</v>
      </c>
      <c r="Z20" s="331">
        <v>0</v>
      </c>
      <c r="AA20" s="335"/>
      <c r="AB20" s="330">
        <v>77240</v>
      </c>
      <c r="AC20" s="330">
        <v>608500</v>
      </c>
      <c r="AD20" s="330">
        <v>834860</v>
      </c>
      <c r="AE20" s="330">
        <v>462567</v>
      </c>
      <c r="AF20" s="330">
        <v>182850</v>
      </c>
      <c r="AG20" s="333">
        <v>2166017</v>
      </c>
      <c r="AH20" s="334">
        <v>2166017</v>
      </c>
      <c r="AI20" s="329">
        <v>0</v>
      </c>
      <c r="AJ20" s="330">
        <v>0</v>
      </c>
      <c r="AK20" s="331">
        <v>0</v>
      </c>
      <c r="AL20" s="335"/>
      <c r="AM20" s="330">
        <v>0</v>
      </c>
      <c r="AN20" s="330">
        <v>0</v>
      </c>
      <c r="AO20" s="330">
        <v>0</v>
      </c>
      <c r="AP20" s="330">
        <v>0</v>
      </c>
      <c r="AQ20" s="330">
        <v>2635</v>
      </c>
      <c r="AR20" s="333">
        <v>2635</v>
      </c>
      <c r="AS20" s="334">
        <v>2635</v>
      </c>
      <c r="AT20" s="329">
        <v>0</v>
      </c>
      <c r="AU20" s="330">
        <v>0</v>
      </c>
      <c r="AV20" s="331">
        <v>0</v>
      </c>
      <c r="AW20" s="335"/>
      <c r="AX20" s="330">
        <v>0</v>
      </c>
      <c r="AY20" s="330">
        <v>0</v>
      </c>
      <c r="AZ20" s="330">
        <v>0</v>
      </c>
      <c r="BA20" s="330">
        <v>2635</v>
      </c>
      <c r="BB20" s="330">
        <v>40610</v>
      </c>
      <c r="BC20" s="333">
        <v>43245</v>
      </c>
      <c r="BD20" s="334">
        <v>43245</v>
      </c>
      <c r="BE20" s="329">
        <v>0</v>
      </c>
      <c r="BF20" s="330">
        <v>0</v>
      </c>
      <c r="BG20" s="331">
        <v>0</v>
      </c>
      <c r="BH20" s="335"/>
      <c r="BI20" s="330">
        <v>0</v>
      </c>
      <c r="BJ20" s="330">
        <v>2635</v>
      </c>
      <c r="BK20" s="330">
        <v>203980</v>
      </c>
      <c r="BL20" s="330">
        <v>135935</v>
      </c>
      <c r="BM20" s="330">
        <v>255605</v>
      </c>
      <c r="BN20" s="333">
        <v>598155</v>
      </c>
      <c r="BO20" s="334">
        <v>598155</v>
      </c>
      <c r="BP20" s="329">
        <v>0</v>
      </c>
      <c r="BQ20" s="330">
        <v>0</v>
      </c>
      <c r="BR20" s="331">
        <v>0</v>
      </c>
      <c r="BS20" s="332">
        <v>0</v>
      </c>
      <c r="BT20" s="330">
        <v>29193</v>
      </c>
      <c r="BU20" s="330">
        <v>138617</v>
      </c>
      <c r="BV20" s="330">
        <v>143526</v>
      </c>
      <c r="BW20" s="330">
        <v>262274</v>
      </c>
      <c r="BX20" s="330">
        <v>97086</v>
      </c>
      <c r="BY20" s="333">
        <v>670696</v>
      </c>
      <c r="BZ20" s="334">
        <v>670696</v>
      </c>
      <c r="CA20" s="329">
        <v>0</v>
      </c>
      <c r="CB20" s="330">
        <v>0</v>
      </c>
      <c r="CC20" s="331">
        <v>0</v>
      </c>
      <c r="CD20" s="332">
        <v>0</v>
      </c>
      <c r="CE20" s="330">
        <v>1160</v>
      </c>
      <c r="CF20" s="330">
        <v>435</v>
      </c>
      <c r="CG20" s="330">
        <v>3480</v>
      </c>
      <c r="CH20" s="330">
        <v>0</v>
      </c>
      <c r="CI20" s="330">
        <v>55813</v>
      </c>
      <c r="CJ20" s="333">
        <v>60888</v>
      </c>
      <c r="CK20" s="334">
        <v>60888</v>
      </c>
      <c r="CL20" s="329">
        <v>0</v>
      </c>
      <c r="CM20" s="330">
        <v>0</v>
      </c>
      <c r="CN20" s="331">
        <v>0</v>
      </c>
      <c r="CO20" s="332">
        <v>0</v>
      </c>
      <c r="CP20" s="330">
        <v>0</v>
      </c>
      <c r="CQ20" s="330">
        <v>0</v>
      </c>
      <c r="CR20" s="330">
        <v>0</v>
      </c>
      <c r="CS20" s="330">
        <v>0</v>
      </c>
      <c r="CT20" s="330">
        <v>0</v>
      </c>
      <c r="CU20" s="333">
        <v>0</v>
      </c>
      <c r="CV20" s="334">
        <v>0</v>
      </c>
      <c r="CW20" s="329">
        <v>0</v>
      </c>
      <c r="CX20" s="330">
        <v>0</v>
      </c>
      <c r="CY20" s="331">
        <v>0</v>
      </c>
      <c r="CZ20" s="335"/>
      <c r="DA20" s="330">
        <v>0</v>
      </c>
      <c r="DB20" s="330">
        <v>0</v>
      </c>
      <c r="DC20" s="330">
        <v>0</v>
      </c>
      <c r="DD20" s="330">
        <v>0</v>
      </c>
      <c r="DE20" s="330">
        <v>0</v>
      </c>
      <c r="DF20" s="333">
        <v>0</v>
      </c>
      <c r="DG20" s="334">
        <v>0</v>
      </c>
      <c r="DH20" s="329">
        <v>0</v>
      </c>
      <c r="DI20" s="330">
        <v>0</v>
      </c>
      <c r="DJ20" s="331">
        <v>0</v>
      </c>
      <c r="DK20" s="332">
        <v>0</v>
      </c>
      <c r="DL20" s="330">
        <v>130535</v>
      </c>
      <c r="DM20" s="330">
        <v>525799</v>
      </c>
      <c r="DN20" s="330">
        <v>3039857</v>
      </c>
      <c r="DO20" s="330">
        <v>3627252</v>
      </c>
      <c r="DP20" s="330">
        <v>2777247</v>
      </c>
      <c r="DQ20" s="333">
        <v>10100690</v>
      </c>
      <c r="DR20" s="336">
        <v>10100690</v>
      </c>
      <c r="DS20" s="329">
        <v>0</v>
      </c>
      <c r="DT20" s="330">
        <v>0</v>
      </c>
      <c r="DU20" s="331">
        <v>0</v>
      </c>
      <c r="DV20" s="335"/>
      <c r="DW20" s="330">
        <v>75238</v>
      </c>
      <c r="DX20" s="330">
        <v>314134</v>
      </c>
      <c r="DY20" s="330">
        <v>2382320</v>
      </c>
      <c r="DZ20" s="330">
        <v>3098765</v>
      </c>
      <c r="EA20" s="330">
        <v>2186099</v>
      </c>
      <c r="EB20" s="333">
        <v>8056556</v>
      </c>
      <c r="EC20" s="334">
        <v>8056556</v>
      </c>
      <c r="ED20" s="329">
        <v>0</v>
      </c>
      <c r="EE20" s="330">
        <v>0</v>
      </c>
      <c r="EF20" s="331">
        <v>0</v>
      </c>
      <c r="EG20" s="335"/>
      <c r="EH20" s="330">
        <v>3051</v>
      </c>
      <c r="EI20" s="330">
        <v>50304</v>
      </c>
      <c r="EJ20" s="330">
        <v>77246</v>
      </c>
      <c r="EK20" s="330">
        <v>6265</v>
      </c>
      <c r="EL20" s="330">
        <v>14892</v>
      </c>
      <c r="EM20" s="333">
        <v>151758</v>
      </c>
      <c r="EN20" s="334">
        <v>151758</v>
      </c>
      <c r="EO20" s="329">
        <v>0</v>
      </c>
      <c r="EP20" s="330">
        <v>0</v>
      </c>
      <c r="EQ20" s="331">
        <v>0</v>
      </c>
      <c r="ER20" s="335"/>
      <c r="ES20" s="330">
        <v>0</v>
      </c>
      <c r="ET20" s="330">
        <v>0</v>
      </c>
      <c r="EU20" s="330">
        <v>0</v>
      </c>
      <c r="EV20" s="330">
        <v>0</v>
      </c>
      <c r="EW20" s="330">
        <v>217</v>
      </c>
      <c r="EX20" s="333">
        <v>217</v>
      </c>
      <c r="EY20" s="334">
        <v>217</v>
      </c>
      <c r="EZ20" s="329">
        <v>0</v>
      </c>
      <c r="FA20" s="330">
        <v>0</v>
      </c>
      <c r="FB20" s="331">
        <v>0</v>
      </c>
      <c r="FC20" s="335"/>
      <c r="FD20" s="330">
        <v>0</v>
      </c>
      <c r="FE20" s="330">
        <v>0</v>
      </c>
      <c r="FF20" s="330">
        <v>0</v>
      </c>
      <c r="FG20" s="330">
        <v>217</v>
      </c>
      <c r="FH20" s="330">
        <v>868</v>
      </c>
      <c r="FI20" s="333">
        <v>1085</v>
      </c>
      <c r="FJ20" s="334">
        <v>1085</v>
      </c>
      <c r="FK20" s="329">
        <v>0</v>
      </c>
      <c r="FL20" s="330">
        <v>0</v>
      </c>
      <c r="FM20" s="331">
        <v>0</v>
      </c>
      <c r="FN20" s="335"/>
      <c r="FO20" s="330">
        <v>0</v>
      </c>
      <c r="FP20" s="330">
        <v>10881</v>
      </c>
      <c r="FQ20" s="330">
        <v>297135</v>
      </c>
      <c r="FR20" s="330">
        <v>182807</v>
      </c>
      <c r="FS20" s="330">
        <v>428052</v>
      </c>
      <c r="FT20" s="333">
        <v>918875</v>
      </c>
      <c r="FU20" s="334">
        <v>918875</v>
      </c>
      <c r="FV20" s="329">
        <v>0</v>
      </c>
      <c r="FW20" s="330">
        <v>0</v>
      </c>
      <c r="FX20" s="331">
        <v>0</v>
      </c>
      <c r="FY20" s="332">
        <v>0</v>
      </c>
      <c r="FZ20" s="330">
        <v>52190</v>
      </c>
      <c r="GA20" s="330">
        <v>150459</v>
      </c>
      <c r="GB20" s="330">
        <v>279478</v>
      </c>
      <c r="GC20" s="330">
        <v>339198</v>
      </c>
      <c r="GD20" s="330">
        <v>129378</v>
      </c>
      <c r="GE20" s="333">
        <v>950703</v>
      </c>
      <c r="GF20" s="334">
        <v>950703</v>
      </c>
      <c r="GG20" s="329">
        <v>0</v>
      </c>
      <c r="GH20" s="330">
        <v>0</v>
      </c>
      <c r="GI20" s="331">
        <v>0</v>
      </c>
      <c r="GJ20" s="332">
        <v>0</v>
      </c>
      <c r="GK20" s="330">
        <v>56</v>
      </c>
      <c r="GL20" s="330">
        <v>21</v>
      </c>
      <c r="GM20" s="330">
        <v>3678</v>
      </c>
      <c r="GN20" s="330">
        <v>0</v>
      </c>
      <c r="GO20" s="330">
        <v>17741</v>
      </c>
      <c r="GP20" s="333">
        <v>21496</v>
      </c>
      <c r="GQ20" s="334">
        <v>21496</v>
      </c>
      <c r="GR20" s="329">
        <v>0</v>
      </c>
      <c r="GS20" s="330">
        <v>0</v>
      </c>
      <c r="GT20" s="331">
        <v>0</v>
      </c>
      <c r="GU20" s="332">
        <v>0</v>
      </c>
      <c r="GV20" s="330">
        <v>0</v>
      </c>
      <c r="GW20" s="330">
        <v>0</v>
      </c>
      <c r="GX20" s="330">
        <v>0</v>
      </c>
      <c r="GY20" s="330">
        <v>0</v>
      </c>
      <c r="GZ20" s="330">
        <v>0</v>
      </c>
      <c r="HA20" s="333">
        <v>0</v>
      </c>
      <c r="HB20" s="334">
        <v>0</v>
      </c>
      <c r="HC20" s="329">
        <v>0</v>
      </c>
      <c r="HD20" s="330">
        <v>0</v>
      </c>
      <c r="HE20" s="331">
        <v>0</v>
      </c>
      <c r="HF20" s="335"/>
      <c r="HG20" s="330">
        <v>0</v>
      </c>
      <c r="HH20" s="330">
        <v>0</v>
      </c>
      <c r="HI20" s="330">
        <v>0</v>
      </c>
      <c r="HJ20" s="330">
        <v>0</v>
      </c>
      <c r="HK20" s="330">
        <v>0</v>
      </c>
      <c r="HL20" s="333">
        <v>0</v>
      </c>
      <c r="HM20" s="334">
        <v>0</v>
      </c>
      <c r="HN20" s="329">
        <v>0</v>
      </c>
      <c r="HO20" s="330">
        <v>0</v>
      </c>
      <c r="HP20" s="331">
        <v>0</v>
      </c>
      <c r="HQ20" s="332">
        <v>0</v>
      </c>
      <c r="HR20" s="330">
        <v>293360</v>
      </c>
      <c r="HS20" s="330">
        <v>1588486</v>
      </c>
      <c r="HT20" s="330">
        <v>5853447</v>
      </c>
      <c r="HU20" s="330">
        <v>6849911</v>
      </c>
      <c r="HV20" s="330">
        <v>5233300</v>
      </c>
      <c r="HW20" s="333">
        <v>19818504</v>
      </c>
      <c r="HX20" s="334">
        <v>19818504</v>
      </c>
    </row>
    <row r="21" spans="1:232" ht="16.5" customHeight="1" x14ac:dyDescent="0.2">
      <c r="A21" s="327" t="s">
        <v>18</v>
      </c>
      <c r="B21" s="329">
        <v>0</v>
      </c>
      <c r="C21" s="330">
        <v>7790</v>
      </c>
      <c r="D21" s="331">
        <v>7790</v>
      </c>
      <c r="E21" s="332">
        <v>0</v>
      </c>
      <c r="F21" s="330">
        <v>357080</v>
      </c>
      <c r="G21" s="330">
        <v>460250</v>
      </c>
      <c r="H21" s="330">
        <v>2455895</v>
      </c>
      <c r="I21" s="330">
        <v>3701468</v>
      </c>
      <c r="J21" s="330">
        <v>2502227</v>
      </c>
      <c r="K21" s="333">
        <v>9476920</v>
      </c>
      <c r="L21" s="334">
        <v>9484710</v>
      </c>
      <c r="M21" s="329">
        <v>0</v>
      </c>
      <c r="N21" s="330">
        <v>0</v>
      </c>
      <c r="O21" s="331">
        <v>0</v>
      </c>
      <c r="P21" s="335"/>
      <c r="Q21" s="330">
        <v>52545</v>
      </c>
      <c r="R21" s="330">
        <v>75795</v>
      </c>
      <c r="S21" s="330">
        <v>1387040</v>
      </c>
      <c r="T21" s="330">
        <v>2609585</v>
      </c>
      <c r="U21" s="330">
        <v>1817842</v>
      </c>
      <c r="V21" s="333">
        <v>5942807</v>
      </c>
      <c r="W21" s="334">
        <v>5942807</v>
      </c>
      <c r="X21" s="329">
        <v>0</v>
      </c>
      <c r="Y21" s="330">
        <v>0</v>
      </c>
      <c r="Z21" s="331">
        <v>0</v>
      </c>
      <c r="AA21" s="335"/>
      <c r="AB21" s="330">
        <v>253920</v>
      </c>
      <c r="AC21" s="330">
        <v>234615</v>
      </c>
      <c r="AD21" s="330">
        <v>668340</v>
      </c>
      <c r="AE21" s="330">
        <v>766480</v>
      </c>
      <c r="AF21" s="330">
        <v>375085</v>
      </c>
      <c r="AG21" s="333">
        <v>2298440</v>
      </c>
      <c r="AH21" s="334">
        <v>2298440</v>
      </c>
      <c r="AI21" s="329">
        <v>0</v>
      </c>
      <c r="AJ21" s="330">
        <v>0</v>
      </c>
      <c r="AK21" s="331">
        <v>0</v>
      </c>
      <c r="AL21" s="335"/>
      <c r="AM21" s="330">
        <v>0</v>
      </c>
      <c r="AN21" s="330">
        <v>0</v>
      </c>
      <c r="AO21" s="330">
        <v>0</v>
      </c>
      <c r="AP21" s="330">
        <v>0</v>
      </c>
      <c r="AQ21" s="330">
        <v>70990</v>
      </c>
      <c r="AR21" s="333">
        <v>70990</v>
      </c>
      <c r="AS21" s="334">
        <v>70990</v>
      </c>
      <c r="AT21" s="329">
        <v>0</v>
      </c>
      <c r="AU21" s="330">
        <v>0</v>
      </c>
      <c r="AV21" s="331">
        <v>0</v>
      </c>
      <c r="AW21" s="335"/>
      <c r="AX21" s="330">
        <v>0</v>
      </c>
      <c r="AY21" s="330">
        <v>0</v>
      </c>
      <c r="AZ21" s="330">
        <v>0</v>
      </c>
      <c r="BA21" s="330">
        <v>24895</v>
      </c>
      <c r="BB21" s="330">
        <v>125240</v>
      </c>
      <c r="BC21" s="333">
        <v>150135</v>
      </c>
      <c r="BD21" s="334">
        <v>150135</v>
      </c>
      <c r="BE21" s="329">
        <v>0</v>
      </c>
      <c r="BF21" s="330">
        <v>0</v>
      </c>
      <c r="BG21" s="331">
        <v>0</v>
      </c>
      <c r="BH21" s="335"/>
      <c r="BI21" s="330">
        <v>0</v>
      </c>
      <c r="BJ21" s="330">
        <v>32705</v>
      </c>
      <c r="BK21" s="330">
        <v>9095</v>
      </c>
      <c r="BL21" s="330">
        <v>81220</v>
      </c>
      <c r="BM21" s="330">
        <v>5270</v>
      </c>
      <c r="BN21" s="333">
        <v>128290</v>
      </c>
      <c r="BO21" s="334">
        <v>128290</v>
      </c>
      <c r="BP21" s="329">
        <v>0</v>
      </c>
      <c r="BQ21" s="330">
        <v>7790</v>
      </c>
      <c r="BR21" s="331">
        <v>7790</v>
      </c>
      <c r="BS21" s="332">
        <v>0</v>
      </c>
      <c r="BT21" s="330">
        <v>50615</v>
      </c>
      <c r="BU21" s="330">
        <v>114315</v>
      </c>
      <c r="BV21" s="330">
        <v>390985</v>
      </c>
      <c r="BW21" s="330">
        <v>208533</v>
      </c>
      <c r="BX21" s="330">
        <v>107800</v>
      </c>
      <c r="BY21" s="333">
        <v>872248</v>
      </c>
      <c r="BZ21" s="334">
        <v>880038</v>
      </c>
      <c r="CA21" s="329">
        <v>0</v>
      </c>
      <c r="CB21" s="330">
        <v>0</v>
      </c>
      <c r="CC21" s="331">
        <v>0</v>
      </c>
      <c r="CD21" s="332">
        <v>0</v>
      </c>
      <c r="CE21" s="330">
        <v>0</v>
      </c>
      <c r="CF21" s="330">
        <v>2820</v>
      </c>
      <c r="CG21" s="330">
        <v>435</v>
      </c>
      <c r="CH21" s="330">
        <v>10755</v>
      </c>
      <c r="CI21" s="330">
        <v>0</v>
      </c>
      <c r="CJ21" s="333">
        <v>14010</v>
      </c>
      <c r="CK21" s="334">
        <v>14010</v>
      </c>
      <c r="CL21" s="329">
        <v>0</v>
      </c>
      <c r="CM21" s="330">
        <v>0</v>
      </c>
      <c r="CN21" s="331">
        <v>0</v>
      </c>
      <c r="CO21" s="332">
        <v>0</v>
      </c>
      <c r="CP21" s="330">
        <v>0</v>
      </c>
      <c r="CQ21" s="330">
        <v>0</v>
      </c>
      <c r="CR21" s="330">
        <v>0</v>
      </c>
      <c r="CS21" s="330">
        <v>0</v>
      </c>
      <c r="CT21" s="330">
        <v>0</v>
      </c>
      <c r="CU21" s="333">
        <v>0</v>
      </c>
      <c r="CV21" s="334">
        <v>0</v>
      </c>
      <c r="CW21" s="329">
        <v>0</v>
      </c>
      <c r="CX21" s="330">
        <v>0</v>
      </c>
      <c r="CY21" s="331">
        <v>0</v>
      </c>
      <c r="CZ21" s="335"/>
      <c r="DA21" s="330">
        <v>0</v>
      </c>
      <c r="DB21" s="330">
        <v>0</v>
      </c>
      <c r="DC21" s="330">
        <v>0</v>
      </c>
      <c r="DD21" s="330">
        <v>0</v>
      </c>
      <c r="DE21" s="330">
        <v>0</v>
      </c>
      <c r="DF21" s="333">
        <v>0</v>
      </c>
      <c r="DG21" s="334">
        <v>0</v>
      </c>
      <c r="DH21" s="329">
        <v>0</v>
      </c>
      <c r="DI21" s="330">
        <v>8302</v>
      </c>
      <c r="DJ21" s="331">
        <v>8302</v>
      </c>
      <c r="DK21" s="332">
        <v>0</v>
      </c>
      <c r="DL21" s="330">
        <v>212049</v>
      </c>
      <c r="DM21" s="330">
        <v>355235</v>
      </c>
      <c r="DN21" s="330">
        <v>2864041</v>
      </c>
      <c r="DO21" s="330">
        <v>4216631</v>
      </c>
      <c r="DP21" s="330">
        <v>2749402</v>
      </c>
      <c r="DQ21" s="333">
        <v>10397358</v>
      </c>
      <c r="DR21" s="336">
        <v>10405660</v>
      </c>
      <c r="DS21" s="329">
        <v>0</v>
      </c>
      <c r="DT21" s="330">
        <v>0</v>
      </c>
      <c r="DU21" s="331">
        <v>0</v>
      </c>
      <c r="DV21" s="335"/>
      <c r="DW21" s="330">
        <v>85188</v>
      </c>
      <c r="DX21" s="330">
        <v>119567</v>
      </c>
      <c r="DY21" s="330">
        <v>2074218</v>
      </c>
      <c r="DZ21" s="330">
        <v>3529039</v>
      </c>
      <c r="EA21" s="330">
        <v>2394448</v>
      </c>
      <c r="EB21" s="333">
        <v>8202460</v>
      </c>
      <c r="EC21" s="334">
        <v>8202460</v>
      </c>
      <c r="ED21" s="329">
        <v>0</v>
      </c>
      <c r="EE21" s="330">
        <v>0</v>
      </c>
      <c r="EF21" s="331">
        <v>0</v>
      </c>
      <c r="EG21" s="335"/>
      <c r="EH21" s="330">
        <v>47211</v>
      </c>
      <c r="EI21" s="330">
        <v>18660</v>
      </c>
      <c r="EJ21" s="330">
        <v>158250</v>
      </c>
      <c r="EK21" s="330">
        <v>113239</v>
      </c>
      <c r="EL21" s="330">
        <v>95431</v>
      </c>
      <c r="EM21" s="333">
        <v>432791</v>
      </c>
      <c r="EN21" s="334">
        <v>432791</v>
      </c>
      <c r="EO21" s="329">
        <v>0</v>
      </c>
      <c r="EP21" s="330">
        <v>0</v>
      </c>
      <c r="EQ21" s="331">
        <v>0</v>
      </c>
      <c r="ER21" s="335"/>
      <c r="ES21" s="330">
        <v>0</v>
      </c>
      <c r="ET21" s="330">
        <v>0</v>
      </c>
      <c r="EU21" s="330">
        <v>0</v>
      </c>
      <c r="EV21" s="330">
        <v>0</v>
      </c>
      <c r="EW21" s="330">
        <v>22940</v>
      </c>
      <c r="EX21" s="333">
        <v>22940</v>
      </c>
      <c r="EY21" s="334">
        <v>22940</v>
      </c>
      <c r="EZ21" s="329">
        <v>0</v>
      </c>
      <c r="FA21" s="330">
        <v>0</v>
      </c>
      <c r="FB21" s="331">
        <v>0</v>
      </c>
      <c r="FC21" s="335"/>
      <c r="FD21" s="330">
        <v>0</v>
      </c>
      <c r="FE21" s="330">
        <v>0</v>
      </c>
      <c r="FF21" s="330">
        <v>0</v>
      </c>
      <c r="FG21" s="330">
        <v>434</v>
      </c>
      <c r="FH21" s="330">
        <v>1771</v>
      </c>
      <c r="FI21" s="333">
        <v>2205</v>
      </c>
      <c r="FJ21" s="334">
        <v>2205</v>
      </c>
      <c r="FK21" s="329">
        <v>0</v>
      </c>
      <c r="FL21" s="330">
        <v>0</v>
      </c>
      <c r="FM21" s="331">
        <v>0</v>
      </c>
      <c r="FN21" s="335"/>
      <c r="FO21" s="330">
        <v>0</v>
      </c>
      <c r="FP21" s="330">
        <v>36766</v>
      </c>
      <c r="FQ21" s="330">
        <v>82824</v>
      </c>
      <c r="FR21" s="330">
        <v>202988</v>
      </c>
      <c r="FS21" s="330">
        <v>50268</v>
      </c>
      <c r="FT21" s="333">
        <v>372846</v>
      </c>
      <c r="FU21" s="334">
        <v>372846</v>
      </c>
      <c r="FV21" s="329">
        <v>0</v>
      </c>
      <c r="FW21" s="330">
        <v>8302</v>
      </c>
      <c r="FX21" s="331">
        <v>8302</v>
      </c>
      <c r="FY21" s="332">
        <v>0</v>
      </c>
      <c r="FZ21" s="330">
        <v>79650</v>
      </c>
      <c r="GA21" s="330">
        <v>180193</v>
      </c>
      <c r="GB21" s="330">
        <v>548721</v>
      </c>
      <c r="GC21" s="330">
        <v>362507</v>
      </c>
      <c r="GD21" s="330">
        <v>184544</v>
      </c>
      <c r="GE21" s="333">
        <v>1355615</v>
      </c>
      <c r="GF21" s="334">
        <v>1363917</v>
      </c>
      <c r="GG21" s="329">
        <v>0</v>
      </c>
      <c r="GH21" s="330">
        <v>0</v>
      </c>
      <c r="GI21" s="331">
        <v>0</v>
      </c>
      <c r="GJ21" s="332">
        <v>0</v>
      </c>
      <c r="GK21" s="330">
        <v>0</v>
      </c>
      <c r="GL21" s="330">
        <v>49</v>
      </c>
      <c r="GM21" s="330">
        <v>28</v>
      </c>
      <c r="GN21" s="330">
        <v>8424</v>
      </c>
      <c r="GO21" s="330">
        <v>0</v>
      </c>
      <c r="GP21" s="333">
        <v>8501</v>
      </c>
      <c r="GQ21" s="334">
        <v>8501</v>
      </c>
      <c r="GR21" s="329">
        <v>0</v>
      </c>
      <c r="GS21" s="330">
        <v>0</v>
      </c>
      <c r="GT21" s="331">
        <v>0</v>
      </c>
      <c r="GU21" s="332">
        <v>0</v>
      </c>
      <c r="GV21" s="330">
        <v>0</v>
      </c>
      <c r="GW21" s="330">
        <v>0</v>
      </c>
      <c r="GX21" s="330">
        <v>0</v>
      </c>
      <c r="GY21" s="330">
        <v>0</v>
      </c>
      <c r="GZ21" s="330">
        <v>0</v>
      </c>
      <c r="HA21" s="333">
        <v>0</v>
      </c>
      <c r="HB21" s="334">
        <v>0</v>
      </c>
      <c r="HC21" s="329">
        <v>0</v>
      </c>
      <c r="HD21" s="330">
        <v>0</v>
      </c>
      <c r="HE21" s="331">
        <v>0</v>
      </c>
      <c r="HF21" s="335"/>
      <c r="HG21" s="330">
        <v>0</v>
      </c>
      <c r="HH21" s="330">
        <v>0</v>
      </c>
      <c r="HI21" s="330">
        <v>0</v>
      </c>
      <c r="HJ21" s="330">
        <v>0</v>
      </c>
      <c r="HK21" s="330">
        <v>0</v>
      </c>
      <c r="HL21" s="333">
        <v>0</v>
      </c>
      <c r="HM21" s="334">
        <v>0</v>
      </c>
      <c r="HN21" s="329">
        <v>0</v>
      </c>
      <c r="HO21" s="330">
        <v>16092</v>
      </c>
      <c r="HP21" s="331">
        <v>16092</v>
      </c>
      <c r="HQ21" s="332">
        <v>0</v>
      </c>
      <c r="HR21" s="330">
        <v>569129</v>
      </c>
      <c r="HS21" s="330">
        <v>815485</v>
      </c>
      <c r="HT21" s="330">
        <v>5319936</v>
      </c>
      <c r="HU21" s="330">
        <v>7918099</v>
      </c>
      <c r="HV21" s="330">
        <v>5251629</v>
      </c>
      <c r="HW21" s="333">
        <v>19874278</v>
      </c>
      <c r="HX21" s="334">
        <v>19890370</v>
      </c>
    </row>
    <row r="22" spans="1:232" ht="16.5" customHeight="1" x14ac:dyDescent="0.2">
      <c r="A22" s="327" t="s">
        <v>19</v>
      </c>
      <c r="B22" s="329">
        <v>0</v>
      </c>
      <c r="C22" s="330">
        <v>0</v>
      </c>
      <c r="D22" s="331">
        <v>0</v>
      </c>
      <c r="E22" s="332">
        <v>0</v>
      </c>
      <c r="F22" s="330">
        <v>121240</v>
      </c>
      <c r="G22" s="330">
        <v>477980</v>
      </c>
      <c r="H22" s="330">
        <v>1777075</v>
      </c>
      <c r="I22" s="330">
        <v>1365245</v>
      </c>
      <c r="J22" s="330">
        <v>1003760</v>
      </c>
      <c r="K22" s="333">
        <v>4745300</v>
      </c>
      <c r="L22" s="334">
        <v>4745300</v>
      </c>
      <c r="M22" s="329">
        <v>0</v>
      </c>
      <c r="N22" s="330">
        <v>0</v>
      </c>
      <c r="O22" s="331">
        <v>0</v>
      </c>
      <c r="P22" s="335"/>
      <c r="Q22" s="330">
        <v>0</v>
      </c>
      <c r="R22" s="330">
        <v>43925</v>
      </c>
      <c r="S22" s="330">
        <v>1282435</v>
      </c>
      <c r="T22" s="330">
        <v>1062115</v>
      </c>
      <c r="U22" s="330">
        <v>696120</v>
      </c>
      <c r="V22" s="333">
        <v>3084595</v>
      </c>
      <c r="W22" s="334">
        <v>3084595</v>
      </c>
      <c r="X22" s="329">
        <v>0</v>
      </c>
      <c r="Y22" s="330">
        <v>0</v>
      </c>
      <c r="Z22" s="331">
        <v>0</v>
      </c>
      <c r="AA22" s="335"/>
      <c r="AB22" s="330">
        <v>85185</v>
      </c>
      <c r="AC22" s="330">
        <v>324260</v>
      </c>
      <c r="AD22" s="330">
        <v>380990</v>
      </c>
      <c r="AE22" s="330">
        <v>278030</v>
      </c>
      <c r="AF22" s="330">
        <v>191740</v>
      </c>
      <c r="AG22" s="333">
        <v>1260205</v>
      </c>
      <c r="AH22" s="334">
        <v>1260205</v>
      </c>
      <c r="AI22" s="329">
        <v>0</v>
      </c>
      <c r="AJ22" s="330">
        <v>0</v>
      </c>
      <c r="AK22" s="331">
        <v>0</v>
      </c>
      <c r="AL22" s="335"/>
      <c r="AM22" s="330">
        <v>0</v>
      </c>
      <c r="AN22" s="330">
        <v>0</v>
      </c>
      <c r="AO22" s="330">
        <v>0</v>
      </c>
      <c r="AP22" s="330">
        <v>0</v>
      </c>
      <c r="AQ22" s="330">
        <v>0</v>
      </c>
      <c r="AR22" s="333">
        <v>0</v>
      </c>
      <c r="AS22" s="334">
        <v>0</v>
      </c>
      <c r="AT22" s="329">
        <v>0</v>
      </c>
      <c r="AU22" s="330">
        <v>0</v>
      </c>
      <c r="AV22" s="331">
        <v>0</v>
      </c>
      <c r="AW22" s="335"/>
      <c r="AX22" s="330">
        <v>0</v>
      </c>
      <c r="AY22" s="330">
        <v>0</v>
      </c>
      <c r="AZ22" s="330">
        <v>0</v>
      </c>
      <c r="BA22" s="330">
        <v>0</v>
      </c>
      <c r="BB22" s="330">
        <v>57350</v>
      </c>
      <c r="BC22" s="333">
        <v>57350</v>
      </c>
      <c r="BD22" s="334">
        <v>57350</v>
      </c>
      <c r="BE22" s="329">
        <v>0</v>
      </c>
      <c r="BF22" s="330">
        <v>0</v>
      </c>
      <c r="BG22" s="331">
        <v>0</v>
      </c>
      <c r="BH22" s="335"/>
      <c r="BI22" s="330">
        <v>0</v>
      </c>
      <c r="BJ22" s="330">
        <v>0</v>
      </c>
      <c r="BK22" s="330">
        <v>0</v>
      </c>
      <c r="BL22" s="330">
        <v>0</v>
      </c>
      <c r="BM22" s="330">
        <v>0</v>
      </c>
      <c r="BN22" s="333">
        <v>0</v>
      </c>
      <c r="BO22" s="334">
        <v>0</v>
      </c>
      <c r="BP22" s="329">
        <v>0</v>
      </c>
      <c r="BQ22" s="330">
        <v>0</v>
      </c>
      <c r="BR22" s="331">
        <v>0</v>
      </c>
      <c r="BS22" s="332">
        <v>0</v>
      </c>
      <c r="BT22" s="330">
        <v>32755</v>
      </c>
      <c r="BU22" s="330">
        <v>107185</v>
      </c>
      <c r="BV22" s="330">
        <v>112055</v>
      </c>
      <c r="BW22" s="330">
        <v>24230</v>
      </c>
      <c r="BX22" s="330">
        <v>58550</v>
      </c>
      <c r="BY22" s="333">
        <v>334775</v>
      </c>
      <c r="BZ22" s="334">
        <v>334775</v>
      </c>
      <c r="CA22" s="329">
        <v>0</v>
      </c>
      <c r="CB22" s="330">
        <v>0</v>
      </c>
      <c r="CC22" s="331">
        <v>0</v>
      </c>
      <c r="CD22" s="332">
        <v>0</v>
      </c>
      <c r="CE22" s="330">
        <v>3300</v>
      </c>
      <c r="CF22" s="330">
        <v>2610</v>
      </c>
      <c r="CG22" s="330">
        <v>1595</v>
      </c>
      <c r="CH22" s="330">
        <v>870</v>
      </c>
      <c r="CI22" s="330">
        <v>0</v>
      </c>
      <c r="CJ22" s="333">
        <v>8375</v>
      </c>
      <c r="CK22" s="334">
        <v>8375</v>
      </c>
      <c r="CL22" s="329">
        <v>0</v>
      </c>
      <c r="CM22" s="330">
        <v>0</v>
      </c>
      <c r="CN22" s="331">
        <v>0</v>
      </c>
      <c r="CO22" s="332">
        <v>0</v>
      </c>
      <c r="CP22" s="330">
        <v>0</v>
      </c>
      <c r="CQ22" s="330">
        <v>0</v>
      </c>
      <c r="CR22" s="330">
        <v>0</v>
      </c>
      <c r="CS22" s="330">
        <v>0</v>
      </c>
      <c r="CT22" s="330">
        <v>0</v>
      </c>
      <c r="CU22" s="333">
        <v>0</v>
      </c>
      <c r="CV22" s="334">
        <v>0</v>
      </c>
      <c r="CW22" s="329">
        <v>0</v>
      </c>
      <c r="CX22" s="330">
        <v>0</v>
      </c>
      <c r="CY22" s="331">
        <v>0</v>
      </c>
      <c r="CZ22" s="335"/>
      <c r="DA22" s="330">
        <v>0</v>
      </c>
      <c r="DB22" s="330">
        <v>0</v>
      </c>
      <c r="DC22" s="330">
        <v>0</v>
      </c>
      <c r="DD22" s="330">
        <v>0</v>
      </c>
      <c r="DE22" s="330">
        <v>0</v>
      </c>
      <c r="DF22" s="333">
        <v>0</v>
      </c>
      <c r="DG22" s="334">
        <v>0</v>
      </c>
      <c r="DH22" s="329">
        <v>0</v>
      </c>
      <c r="DI22" s="330">
        <v>0</v>
      </c>
      <c r="DJ22" s="331">
        <v>0</v>
      </c>
      <c r="DK22" s="332">
        <v>0</v>
      </c>
      <c r="DL22" s="330">
        <v>58334</v>
      </c>
      <c r="DM22" s="330">
        <v>253342</v>
      </c>
      <c r="DN22" s="330">
        <v>1731975</v>
      </c>
      <c r="DO22" s="330">
        <v>1468748</v>
      </c>
      <c r="DP22" s="330">
        <v>1106446</v>
      </c>
      <c r="DQ22" s="333">
        <v>4618845</v>
      </c>
      <c r="DR22" s="336">
        <v>4618845</v>
      </c>
      <c r="DS22" s="329">
        <v>0</v>
      </c>
      <c r="DT22" s="330">
        <v>0</v>
      </c>
      <c r="DU22" s="331">
        <v>0</v>
      </c>
      <c r="DV22" s="335"/>
      <c r="DW22" s="330">
        <v>0</v>
      </c>
      <c r="DX22" s="330">
        <v>96212</v>
      </c>
      <c r="DY22" s="330">
        <v>1541409</v>
      </c>
      <c r="DZ22" s="330">
        <v>1395546</v>
      </c>
      <c r="EA22" s="330">
        <v>1017747</v>
      </c>
      <c r="EB22" s="333">
        <v>4050914</v>
      </c>
      <c r="EC22" s="334">
        <v>4050914</v>
      </c>
      <c r="ED22" s="329">
        <v>0</v>
      </c>
      <c r="EE22" s="330">
        <v>0</v>
      </c>
      <c r="EF22" s="331">
        <v>0</v>
      </c>
      <c r="EG22" s="335"/>
      <c r="EH22" s="330">
        <v>17104</v>
      </c>
      <c r="EI22" s="330">
        <v>48980</v>
      </c>
      <c r="EJ22" s="330">
        <v>60481</v>
      </c>
      <c r="EK22" s="330">
        <v>26956</v>
      </c>
      <c r="EL22" s="330">
        <v>13507</v>
      </c>
      <c r="EM22" s="333">
        <v>167028</v>
      </c>
      <c r="EN22" s="334">
        <v>167028</v>
      </c>
      <c r="EO22" s="329">
        <v>0</v>
      </c>
      <c r="EP22" s="330">
        <v>0</v>
      </c>
      <c r="EQ22" s="331">
        <v>0</v>
      </c>
      <c r="ER22" s="335"/>
      <c r="ES22" s="330">
        <v>0</v>
      </c>
      <c r="ET22" s="330">
        <v>0</v>
      </c>
      <c r="EU22" s="330">
        <v>0</v>
      </c>
      <c r="EV22" s="330">
        <v>0</v>
      </c>
      <c r="EW22" s="330">
        <v>0</v>
      </c>
      <c r="EX22" s="333">
        <v>0</v>
      </c>
      <c r="EY22" s="334">
        <v>0</v>
      </c>
      <c r="EZ22" s="329">
        <v>0</v>
      </c>
      <c r="FA22" s="330">
        <v>0</v>
      </c>
      <c r="FB22" s="331">
        <v>0</v>
      </c>
      <c r="FC22" s="335"/>
      <c r="FD22" s="330">
        <v>0</v>
      </c>
      <c r="FE22" s="330">
        <v>0</v>
      </c>
      <c r="FF22" s="330">
        <v>0</v>
      </c>
      <c r="FG22" s="330">
        <v>0</v>
      </c>
      <c r="FH22" s="330">
        <v>434</v>
      </c>
      <c r="FI22" s="333">
        <v>434</v>
      </c>
      <c r="FJ22" s="334">
        <v>434</v>
      </c>
      <c r="FK22" s="329">
        <v>0</v>
      </c>
      <c r="FL22" s="330">
        <v>0</v>
      </c>
      <c r="FM22" s="331">
        <v>0</v>
      </c>
      <c r="FN22" s="335"/>
      <c r="FO22" s="330">
        <v>0</v>
      </c>
      <c r="FP22" s="330">
        <v>0</v>
      </c>
      <c r="FQ22" s="330">
        <v>0</v>
      </c>
      <c r="FR22" s="330">
        <v>0</v>
      </c>
      <c r="FS22" s="330">
        <v>0</v>
      </c>
      <c r="FT22" s="333">
        <v>0</v>
      </c>
      <c r="FU22" s="334">
        <v>0</v>
      </c>
      <c r="FV22" s="329">
        <v>0</v>
      </c>
      <c r="FW22" s="330">
        <v>0</v>
      </c>
      <c r="FX22" s="331">
        <v>0</v>
      </c>
      <c r="FY22" s="332">
        <v>0</v>
      </c>
      <c r="FZ22" s="330">
        <v>35144</v>
      </c>
      <c r="GA22" s="330">
        <v>99558</v>
      </c>
      <c r="GB22" s="330">
        <v>125789</v>
      </c>
      <c r="GC22" s="330">
        <v>41234</v>
      </c>
      <c r="GD22" s="330">
        <v>74758</v>
      </c>
      <c r="GE22" s="333">
        <v>376483</v>
      </c>
      <c r="GF22" s="334">
        <v>376483</v>
      </c>
      <c r="GG22" s="329">
        <v>0</v>
      </c>
      <c r="GH22" s="330">
        <v>0</v>
      </c>
      <c r="GI22" s="331">
        <v>0</v>
      </c>
      <c r="GJ22" s="332">
        <v>0</v>
      </c>
      <c r="GK22" s="330">
        <v>6086</v>
      </c>
      <c r="GL22" s="330">
        <v>8592</v>
      </c>
      <c r="GM22" s="330">
        <v>4296</v>
      </c>
      <c r="GN22" s="330">
        <v>5012</v>
      </c>
      <c r="GO22" s="330">
        <v>0</v>
      </c>
      <c r="GP22" s="333">
        <v>23986</v>
      </c>
      <c r="GQ22" s="334">
        <v>23986</v>
      </c>
      <c r="GR22" s="329">
        <v>0</v>
      </c>
      <c r="GS22" s="330">
        <v>0</v>
      </c>
      <c r="GT22" s="331">
        <v>0</v>
      </c>
      <c r="GU22" s="332">
        <v>0</v>
      </c>
      <c r="GV22" s="330">
        <v>0</v>
      </c>
      <c r="GW22" s="330">
        <v>0</v>
      </c>
      <c r="GX22" s="330">
        <v>0</v>
      </c>
      <c r="GY22" s="330">
        <v>0</v>
      </c>
      <c r="GZ22" s="330">
        <v>0</v>
      </c>
      <c r="HA22" s="333">
        <v>0</v>
      </c>
      <c r="HB22" s="334">
        <v>0</v>
      </c>
      <c r="HC22" s="329">
        <v>0</v>
      </c>
      <c r="HD22" s="330">
        <v>0</v>
      </c>
      <c r="HE22" s="331">
        <v>0</v>
      </c>
      <c r="HF22" s="335"/>
      <c r="HG22" s="330">
        <v>0</v>
      </c>
      <c r="HH22" s="330">
        <v>0</v>
      </c>
      <c r="HI22" s="330">
        <v>0</v>
      </c>
      <c r="HJ22" s="330">
        <v>0</v>
      </c>
      <c r="HK22" s="330">
        <v>0</v>
      </c>
      <c r="HL22" s="333">
        <v>0</v>
      </c>
      <c r="HM22" s="334">
        <v>0</v>
      </c>
      <c r="HN22" s="329">
        <v>0</v>
      </c>
      <c r="HO22" s="330">
        <v>0</v>
      </c>
      <c r="HP22" s="331">
        <v>0</v>
      </c>
      <c r="HQ22" s="332">
        <v>0</v>
      </c>
      <c r="HR22" s="330">
        <v>179574</v>
      </c>
      <c r="HS22" s="330">
        <v>731322</v>
      </c>
      <c r="HT22" s="330">
        <v>3509050</v>
      </c>
      <c r="HU22" s="330">
        <v>2833993</v>
      </c>
      <c r="HV22" s="330">
        <v>2110206</v>
      </c>
      <c r="HW22" s="333">
        <v>9364145</v>
      </c>
      <c r="HX22" s="334">
        <v>9364145</v>
      </c>
    </row>
    <row r="23" spans="1:232" ht="16.5" customHeight="1" x14ac:dyDescent="0.2">
      <c r="A23" s="327" t="s">
        <v>20</v>
      </c>
      <c r="B23" s="329">
        <v>0</v>
      </c>
      <c r="C23" s="330">
        <v>7972</v>
      </c>
      <c r="D23" s="331">
        <v>7972</v>
      </c>
      <c r="E23" s="332">
        <v>0</v>
      </c>
      <c r="F23" s="330">
        <v>203380</v>
      </c>
      <c r="G23" s="330">
        <v>321930</v>
      </c>
      <c r="H23" s="330">
        <v>1509617</v>
      </c>
      <c r="I23" s="330">
        <v>1682551</v>
      </c>
      <c r="J23" s="330">
        <v>704265</v>
      </c>
      <c r="K23" s="333">
        <v>4421743</v>
      </c>
      <c r="L23" s="334">
        <v>4429715</v>
      </c>
      <c r="M23" s="329">
        <v>0</v>
      </c>
      <c r="N23" s="330">
        <v>0</v>
      </c>
      <c r="O23" s="331">
        <v>0</v>
      </c>
      <c r="P23" s="335"/>
      <c r="Q23" s="330">
        <v>54475</v>
      </c>
      <c r="R23" s="330">
        <v>139210</v>
      </c>
      <c r="S23" s="330">
        <v>1147806</v>
      </c>
      <c r="T23" s="330">
        <v>1373335</v>
      </c>
      <c r="U23" s="330">
        <v>541710</v>
      </c>
      <c r="V23" s="333">
        <v>3256536</v>
      </c>
      <c r="W23" s="334">
        <v>3256536</v>
      </c>
      <c r="X23" s="329">
        <v>0</v>
      </c>
      <c r="Y23" s="330">
        <v>0</v>
      </c>
      <c r="Z23" s="331">
        <v>0</v>
      </c>
      <c r="AA23" s="335"/>
      <c r="AB23" s="330">
        <v>100595</v>
      </c>
      <c r="AC23" s="330">
        <v>138570</v>
      </c>
      <c r="AD23" s="330">
        <v>226260</v>
      </c>
      <c r="AE23" s="330">
        <v>204940</v>
      </c>
      <c r="AF23" s="330">
        <v>79205</v>
      </c>
      <c r="AG23" s="333">
        <v>749570</v>
      </c>
      <c r="AH23" s="334">
        <v>749570</v>
      </c>
      <c r="AI23" s="329">
        <v>0</v>
      </c>
      <c r="AJ23" s="330">
        <v>0</v>
      </c>
      <c r="AK23" s="331">
        <v>0</v>
      </c>
      <c r="AL23" s="335"/>
      <c r="AM23" s="330">
        <v>0</v>
      </c>
      <c r="AN23" s="330">
        <v>0</v>
      </c>
      <c r="AO23" s="330">
        <v>0</v>
      </c>
      <c r="AP23" s="330">
        <v>0</v>
      </c>
      <c r="AQ23" s="330">
        <v>0</v>
      </c>
      <c r="AR23" s="333">
        <v>0</v>
      </c>
      <c r="AS23" s="334">
        <v>0</v>
      </c>
      <c r="AT23" s="329">
        <v>0</v>
      </c>
      <c r="AU23" s="330">
        <v>0</v>
      </c>
      <c r="AV23" s="331">
        <v>0</v>
      </c>
      <c r="AW23" s="335"/>
      <c r="AX23" s="330">
        <v>0</v>
      </c>
      <c r="AY23" s="330">
        <v>0</v>
      </c>
      <c r="AZ23" s="330">
        <v>2635</v>
      </c>
      <c r="BA23" s="330">
        <v>0</v>
      </c>
      <c r="BB23" s="330">
        <v>2635</v>
      </c>
      <c r="BC23" s="333">
        <v>5270</v>
      </c>
      <c r="BD23" s="334">
        <v>5270</v>
      </c>
      <c r="BE23" s="329">
        <v>0</v>
      </c>
      <c r="BF23" s="330">
        <v>0</v>
      </c>
      <c r="BG23" s="331">
        <v>0</v>
      </c>
      <c r="BH23" s="335"/>
      <c r="BI23" s="330">
        <v>0</v>
      </c>
      <c r="BJ23" s="330">
        <v>0</v>
      </c>
      <c r="BK23" s="330">
        <v>0</v>
      </c>
      <c r="BL23" s="330">
        <v>0</v>
      </c>
      <c r="BM23" s="330">
        <v>0</v>
      </c>
      <c r="BN23" s="333">
        <v>0</v>
      </c>
      <c r="BO23" s="334">
        <v>0</v>
      </c>
      <c r="BP23" s="329">
        <v>0</v>
      </c>
      <c r="BQ23" s="330">
        <v>7972</v>
      </c>
      <c r="BR23" s="331">
        <v>7972</v>
      </c>
      <c r="BS23" s="332">
        <v>0</v>
      </c>
      <c r="BT23" s="330">
        <v>47540</v>
      </c>
      <c r="BU23" s="330">
        <v>44005</v>
      </c>
      <c r="BV23" s="330">
        <v>127696</v>
      </c>
      <c r="BW23" s="330">
        <v>103136</v>
      </c>
      <c r="BX23" s="330">
        <v>80715</v>
      </c>
      <c r="BY23" s="333">
        <v>403092</v>
      </c>
      <c r="BZ23" s="334">
        <v>411064</v>
      </c>
      <c r="CA23" s="329">
        <v>0</v>
      </c>
      <c r="CB23" s="330">
        <v>0</v>
      </c>
      <c r="CC23" s="331">
        <v>0</v>
      </c>
      <c r="CD23" s="332">
        <v>0</v>
      </c>
      <c r="CE23" s="330">
        <v>770</v>
      </c>
      <c r="CF23" s="330">
        <v>145</v>
      </c>
      <c r="CG23" s="330">
        <v>5220</v>
      </c>
      <c r="CH23" s="330">
        <v>1140</v>
      </c>
      <c r="CI23" s="330">
        <v>0</v>
      </c>
      <c r="CJ23" s="333">
        <v>7275</v>
      </c>
      <c r="CK23" s="334">
        <v>7275</v>
      </c>
      <c r="CL23" s="329">
        <v>0</v>
      </c>
      <c r="CM23" s="330">
        <v>0</v>
      </c>
      <c r="CN23" s="331">
        <v>0</v>
      </c>
      <c r="CO23" s="332">
        <v>0</v>
      </c>
      <c r="CP23" s="330">
        <v>0</v>
      </c>
      <c r="CQ23" s="330">
        <v>0</v>
      </c>
      <c r="CR23" s="330">
        <v>0</v>
      </c>
      <c r="CS23" s="330">
        <v>0</v>
      </c>
      <c r="CT23" s="330">
        <v>0</v>
      </c>
      <c r="CU23" s="333">
        <v>0</v>
      </c>
      <c r="CV23" s="334">
        <v>0</v>
      </c>
      <c r="CW23" s="329">
        <v>0</v>
      </c>
      <c r="CX23" s="330">
        <v>0</v>
      </c>
      <c r="CY23" s="331">
        <v>0</v>
      </c>
      <c r="CZ23" s="335"/>
      <c r="DA23" s="330">
        <v>0</v>
      </c>
      <c r="DB23" s="330">
        <v>0</v>
      </c>
      <c r="DC23" s="330">
        <v>0</v>
      </c>
      <c r="DD23" s="330">
        <v>0</v>
      </c>
      <c r="DE23" s="330">
        <v>0</v>
      </c>
      <c r="DF23" s="333">
        <v>0</v>
      </c>
      <c r="DG23" s="334">
        <v>0</v>
      </c>
      <c r="DH23" s="329">
        <v>0</v>
      </c>
      <c r="DI23" s="330">
        <v>4365</v>
      </c>
      <c r="DJ23" s="331">
        <v>4365</v>
      </c>
      <c r="DK23" s="332">
        <v>0</v>
      </c>
      <c r="DL23" s="330">
        <v>183342</v>
      </c>
      <c r="DM23" s="330">
        <v>438392</v>
      </c>
      <c r="DN23" s="330">
        <v>2008931</v>
      </c>
      <c r="DO23" s="330">
        <v>2172874</v>
      </c>
      <c r="DP23" s="330">
        <v>1019874</v>
      </c>
      <c r="DQ23" s="333">
        <v>5823413</v>
      </c>
      <c r="DR23" s="336">
        <v>5827778</v>
      </c>
      <c r="DS23" s="329">
        <v>0</v>
      </c>
      <c r="DT23" s="330">
        <v>0</v>
      </c>
      <c r="DU23" s="331">
        <v>0</v>
      </c>
      <c r="DV23" s="335"/>
      <c r="DW23" s="330">
        <v>77717</v>
      </c>
      <c r="DX23" s="330">
        <v>307111</v>
      </c>
      <c r="DY23" s="330">
        <v>1684401</v>
      </c>
      <c r="DZ23" s="330">
        <v>1977938</v>
      </c>
      <c r="EA23" s="330">
        <v>883951</v>
      </c>
      <c r="EB23" s="333">
        <v>4931118</v>
      </c>
      <c r="EC23" s="334">
        <v>4931118</v>
      </c>
      <c r="ED23" s="329">
        <v>0</v>
      </c>
      <c r="EE23" s="330">
        <v>0</v>
      </c>
      <c r="EF23" s="331">
        <v>0</v>
      </c>
      <c r="EG23" s="335"/>
      <c r="EH23" s="330">
        <v>1519</v>
      </c>
      <c r="EI23" s="330">
        <v>13857</v>
      </c>
      <c r="EJ23" s="330">
        <v>32668</v>
      </c>
      <c r="EK23" s="330">
        <v>3215</v>
      </c>
      <c r="EL23" s="330">
        <v>1085</v>
      </c>
      <c r="EM23" s="333">
        <v>52344</v>
      </c>
      <c r="EN23" s="334">
        <v>52344</v>
      </c>
      <c r="EO23" s="329">
        <v>0</v>
      </c>
      <c r="EP23" s="330">
        <v>0</v>
      </c>
      <c r="EQ23" s="331">
        <v>0</v>
      </c>
      <c r="ER23" s="335"/>
      <c r="ES23" s="330">
        <v>0</v>
      </c>
      <c r="ET23" s="330">
        <v>0</v>
      </c>
      <c r="EU23" s="330">
        <v>0</v>
      </c>
      <c r="EV23" s="330">
        <v>0</v>
      </c>
      <c r="EW23" s="330">
        <v>0</v>
      </c>
      <c r="EX23" s="333">
        <v>0</v>
      </c>
      <c r="EY23" s="334">
        <v>0</v>
      </c>
      <c r="EZ23" s="329">
        <v>0</v>
      </c>
      <c r="FA23" s="330">
        <v>0</v>
      </c>
      <c r="FB23" s="331">
        <v>0</v>
      </c>
      <c r="FC23" s="335"/>
      <c r="FD23" s="330">
        <v>0</v>
      </c>
      <c r="FE23" s="330">
        <v>0</v>
      </c>
      <c r="FF23" s="330">
        <v>217</v>
      </c>
      <c r="FG23" s="330">
        <v>0</v>
      </c>
      <c r="FH23" s="330">
        <v>217</v>
      </c>
      <c r="FI23" s="333">
        <v>434</v>
      </c>
      <c r="FJ23" s="334">
        <v>434</v>
      </c>
      <c r="FK23" s="329">
        <v>0</v>
      </c>
      <c r="FL23" s="330">
        <v>0</v>
      </c>
      <c r="FM23" s="331">
        <v>0</v>
      </c>
      <c r="FN23" s="335"/>
      <c r="FO23" s="330">
        <v>0</v>
      </c>
      <c r="FP23" s="330">
        <v>0</v>
      </c>
      <c r="FQ23" s="330">
        <v>0</v>
      </c>
      <c r="FR23" s="330">
        <v>0</v>
      </c>
      <c r="FS23" s="330">
        <v>0</v>
      </c>
      <c r="FT23" s="333">
        <v>0</v>
      </c>
      <c r="FU23" s="334">
        <v>0</v>
      </c>
      <c r="FV23" s="329">
        <v>0</v>
      </c>
      <c r="FW23" s="330">
        <v>4365</v>
      </c>
      <c r="FX23" s="331">
        <v>4365</v>
      </c>
      <c r="FY23" s="332">
        <v>0</v>
      </c>
      <c r="FZ23" s="330">
        <v>101750</v>
      </c>
      <c r="GA23" s="330">
        <v>117066</v>
      </c>
      <c r="GB23" s="330">
        <v>285728</v>
      </c>
      <c r="GC23" s="330">
        <v>190647</v>
      </c>
      <c r="GD23" s="330">
        <v>134621</v>
      </c>
      <c r="GE23" s="333">
        <v>829812</v>
      </c>
      <c r="GF23" s="334">
        <v>834177</v>
      </c>
      <c r="GG23" s="329">
        <v>0</v>
      </c>
      <c r="GH23" s="330">
        <v>0</v>
      </c>
      <c r="GI23" s="331">
        <v>0</v>
      </c>
      <c r="GJ23" s="332">
        <v>0</v>
      </c>
      <c r="GK23" s="330">
        <v>2356</v>
      </c>
      <c r="GL23" s="330">
        <v>358</v>
      </c>
      <c r="GM23" s="330">
        <v>5917</v>
      </c>
      <c r="GN23" s="330">
        <v>1074</v>
      </c>
      <c r="GO23" s="330">
        <v>0</v>
      </c>
      <c r="GP23" s="333">
        <v>9705</v>
      </c>
      <c r="GQ23" s="334">
        <v>9705</v>
      </c>
      <c r="GR23" s="329">
        <v>0</v>
      </c>
      <c r="GS23" s="330">
        <v>0</v>
      </c>
      <c r="GT23" s="331">
        <v>0</v>
      </c>
      <c r="GU23" s="332">
        <v>0</v>
      </c>
      <c r="GV23" s="330">
        <v>0</v>
      </c>
      <c r="GW23" s="330">
        <v>0</v>
      </c>
      <c r="GX23" s="330">
        <v>0</v>
      </c>
      <c r="GY23" s="330">
        <v>0</v>
      </c>
      <c r="GZ23" s="330">
        <v>0</v>
      </c>
      <c r="HA23" s="333">
        <v>0</v>
      </c>
      <c r="HB23" s="334">
        <v>0</v>
      </c>
      <c r="HC23" s="329">
        <v>0</v>
      </c>
      <c r="HD23" s="330">
        <v>0</v>
      </c>
      <c r="HE23" s="331">
        <v>0</v>
      </c>
      <c r="HF23" s="335"/>
      <c r="HG23" s="330">
        <v>0</v>
      </c>
      <c r="HH23" s="330">
        <v>0</v>
      </c>
      <c r="HI23" s="330">
        <v>0</v>
      </c>
      <c r="HJ23" s="330">
        <v>0</v>
      </c>
      <c r="HK23" s="330">
        <v>0</v>
      </c>
      <c r="HL23" s="333">
        <v>0</v>
      </c>
      <c r="HM23" s="334">
        <v>0</v>
      </c>
      <c r="HN23" s="329">
        <v>0</v>
      </c>
      <c r="HO23" s="330">
        <v>12337</v>
      </c>
      <c r="HP23" s="331">
        <v>12337</v>
      </c>
      <c r="HQ23" s="332">
        <v>0</v>
      </c>
      <c r="HR23" s="330">
        <v>386722</v>
      </c>
      <c r="HS23" s="330">
        <v>760322</v>
      </c>
      <c r="HT23" s="330">
        <v>3518548</v>
      </c>
      <c r="HU23" s="330">
        <v>3855425</v>
      </c>
      <c r="HV23" s="330">
        <v>1724139</v>
      </c>
      <c r="HW23" s="333">
        <v>10245156</v>
      </c>
      <c r="HX23" s="334">
        <v>10257493</v>
      </c>
    </row>
    <row r="24" spans="1:232" ht="16.5" customHeight="1" x14ac:dyDescent="0.2">
      <c r="A24" s="327" t="s">
        <v>21</v>
      </c>
      <c r="B24" s="329">
        <v>0</v>
      </c>
      <c r="C24" s="330">
        <v>0</v>
      </c>
      <c r="D24" s="331">
        <v>0</v>
      </c>
      <c r="E24" s="332">
        <v>0</v>
      </c>
      <c r="F24" s="330">
        <v>173540</v>
      </c>
      <c r="G24" s="330">
        <v>526727</v>
      </c>
      <c r="H24" s="330">
        <v>1886433</v>
      </c>
      <c r="I24" s="330">
        <v>1892934</v>
      </c>
      <c r="J24" s="330">
        <v>1264610</v>
      </c>
      <c r="K24" s="333">
        <v>5744244</v>
      </c>
      <c r="L24" s="334">
        <v>5744244</v>
      </c>
      <c r="M24" s="329">
        <v>0</v>
      </c>
      <c r="N24" s="330">
        <v>0</v>
      </c>
      <c r="O24" s="331">
        <v>0</v>
      </c>
      <c r="P24" s="335"/>
      <c r="Q24" s="330">
        <v>2635</v>
      </c>
      <c r="R24" s="330">
        <v>223510</v>
      </c>
      <c r="S24" s="330">
        <v>1468505</v>
      </c>
      <c r="T24" s="330">
        <v>1481059</v>
      </c>
      <c r="U24" s="330">
        <v>942485</v>
      </c>
      <c r="V24" s="333">
        <v>4118194</v>
      </c>
      <c r="W24" s="334">
        <v>4118194</v>
      </c>
      <c r="X24" s="329">
        <v>0</v>
      </c>
      <c r="Y24" s="330">
        <v>0</v>
      </c>
      <c r="Z24" s="331">
        <v>0</v>
      </c>
      <c r="AA24" s="335"/>
      <c r="AB24" s="330">
        <v>164695</v>
      </c>
      <c r="AC24" s="330">
        <v>226600</v>
      </c>
      <c r="AD24" s="330">
        <v>195610</v>
      </c>
      <c r="AE24" s="330">
        <v>182265</v>
      </c>
      <c r="AF24" s="330">
        <v>193665</v>
      </c>
      <c r="AG24" s="333">
        <v>962835</v>
      </c>
      <c r="AH24" s="334">
        <v>962835</v>
      </c>
      <c r="AI24" s="329">
        <v>0</v>
      </c>
      <c r="AJ24" s="330">
        <v>0</v>
      </c>
      <c r="AK24" s="331">
        <v>0</v>
      </c>
      <c r="AL24" s="335"/>
      <c r="AM24" s="330">
        <v>0</v>
      </c>
      <c r="AN24" s="330">
        <v>0</v>
      </c>
      <c r="AO24" s="330">
        <v>2635</v>
      </c>
      <c r="AP24" s="330">
        <v>0</v>
      </c>
      <c r="AQ24" s="330">
        <v>36105</v>
      </c>
      <c r="AR24" s="333">
        <v>38740</v>
      </c>
      <c r="AS24" s="334">
        <v>38740</v>
      </c>
      <c r="AT24" s="329">
        <v>0</v>
      </c>
      <c r="AU24" s="330">
        <v>0</v>
      </c>
      <c r="AV24" s="331">
        <v>0</v>
      </c>
      <c r="AW24" s="335"/>
      <c r="AX24" s="330">
        <v>0</v>
      </c>
      <c r="AY24" s="330">
        <v>0</v>
      </c>
      <c r="AZ24" s="330">
        <v>35495</v>
      </c>
      <c r="BA24" s="330">
        <v>29915</v>
      </c>
      <c r="BB24" s="330">
        <v>29915</v>
      </c>
      <c r="BC24" s="333">
        <v>95325</v>
      </c>
      <c r="BD24" s="334">
        <v>95325</v>
      </c>
      <c r="BE24" s="329">
        <v>0</v>
      </c>
      <c r="BF24" s="330">
        <v>0</v>
      </c>
      <c r="BG24" s="331">
        <v>0</v>
      </c>
      <c r="BH24" s="335"/>
      <c r="BI24" s="330">
        <v>0</v>
      </c>
      <c r="BJ24" s="330">
        <v>0</v>
      </c>
      <c r="BK24" s="330">
        <v>0</v>
      </c>
      <c r="BL24" s="330">
        <v>0</v>
      </c>
      <c r="BM24" s="330">
        <v>0</v>
      </c>
      <c r="BN24" s="333">
        <v>0</v>
      </c>
      <c r="BO24" s="334">
        <v>0</v>
      </c>
      <c r="BP24" s="329">
        <v>0</v>
      </c>
      <c r="BQ24" s="330">
        <v>0</v>
      </c>
      <c r="BR24" s="331">
        <v>0</v>
      </c>
      <c r="BS24" s="332">
        <v>0</v>
      </c>
      <c r="BT24" s="330">
        <v>6210</v>
      </c>
      <c r="BU24" s="330">
        <v>76617</v>
      </c>
      <c r="BV24" s="330">
        <v>184188</v>
      </c>
      <c r="BW24" s="330">
        <v>194858</v>
      </c>
      <c r="BX24" s="330">
        <v>61860</v>
      </c>
      <c r="BY24" s="333">
        <v>523733</v>
      </c>
      <c r="BZ24" s="334">
        <v>523733</v>
      </c>
      <c r="CA24" s="329">
        <v>0</v>
      </c>
      <c r="CB24" s="330">
        <v>0</v>
      </c>
      <c r="CC24" s="331">
        <v>0</v>
      </c>
      <c r="CD24" s="332">
        <v>0</v>
      </c>
      <c r="CE24" s="330">
        <v>0</v>
      </c>
      <c r="CF24" s="330">
        <v>0</v>
      </c>
      <c r="CG24" s="330">
        <v>0</v>
      </c>
      <c r="CH24" s="330">
        <v>4837</v>
      </c>
      <c r="CI24" s="330">
        <v>580</v>
      </c>
      <c r="CJ24" s="333">
        <v>5417</v>
      </c>
      <c r="CK24" s="334">
        <v>5417</v>
      </c>
      <c r="CL24" s="329">
        <v>0</v>
      </c>
      <c r="CM24" s="330">
        <v>0</v>
      </c>
      <c r="CN24" s="331">
        <v>0</v>
      </c>
      <c r="CO24" s="332">
        <v>0</v>
      </c>
      <c r="CP24" s="330">
        <v>0</v>
      </c>
      <c r="CQ24" s="330">
        <v>0</v>
      </c>
      <c r="CR24" s="330">
        <v>0</v>
      </c>
      <c r="CS24" s="330">
        <v>0</v>
      </c>
      <c r="CT24" s="330">
        <v>0</v>
      </c>
      <c r="CU24" s="333">
        <v>0</v>
      </c>
      <c r="CV24" s="334">
        <v>0</v>
      </c>
      <c r="CW24" s="329">
        <v>0</v>
      </c>
      <c r="CX24" s="330">
        <v>0</v>
      </c>
      <c r="CY24" s="331">
        <v>0</v>
      </c>
      <c r="CZ24" s="335"/>
      <c r="DA24" s="330">
        <v>0</v>
      </c>
      <c r="DB24" s="330">
        <v>0</v>
      </c>
      <c r="DC24" s="330">
        <v>0</v>
      </c>
      <c r="DD24" s="330">
        <v>0</v>
      </c>
      <c r="DE24" s="330">
        <v>0</v>
      </c>
      <c r="DF24" s="333">
        <v>0</v>
      </c>
      <c r="DG24" s="334">
        <v>0</v>
      </c>
      <c r="DH24" s="329">
        <v>0</v>
      </c>
      <c r="DI24" s="330">
        <v>0</v>
      </c>
      <c r="DJ24" s="331">
        <v>0</v>
      </c>
      <c r="DK24" s="332">
        <v>0</v>
      </c>
      <c r="DL24" s="330">
        <v>37859</v>
      </c>
      <c r="DM24" s="330">
        <v>436297</v>
      </c>
      <c r="DN24" s="330">
        <v>2143073</v>
      </c>
      <c r="DO24" s="330">
        <v>2293921</v>
      </c>
      <c r="DP24" s="330">
        <v>1391869</v>
      </c>
      <c r="DQ24" s="333">
        <v>6303019</v>
      </c>
      <c r="DR24" s="336">
        <v>6303019</v>
      </c>
      <c r="DS24" s="329">
        <v>0</v>
      </c>
      <c r="DT24" s="330">
        <v>0</v>
      </c>
      <c r="DU24" s="331">
        <v>0</v>
      </c>
      <c r="DV24" s="335"/>
      <c r="DW24" s="330">
        <v>15035</v>
      </c>
      <c r="DX24" s="330">
        <v>264213</v>
      </c>
      <c r="DY24" s="330">
        <v>1747656</v>
      </c>
      <c r="DZ24" s="330">
        <v>2008123</v>
      </c>
      <c r="EA24" s="330">
        <v>1253366</v>
      </c>
      <c r="EB24" s="333">
        <v>5288393</v>
      </c>
      <c r="EC24" s="334">
        <v>5288393</v>
      </c>
      <c r="ED24" s="329">
        <v>0</v>
      </c>
      <c r="EE24" s="330">
        <v>0</v>
      </c>
      <c r="EF24" s="331">
        <v>0</v>
      </c>
      <c r="EG24" s="335"/>
      <c r="EH24" s="330">
        <v>13948</v>
      </c>
      <c r="EI24" s="330">
        <v>38555</v>
      </c>
      <c r="EJ24" s="330">
        <v>48112</v>
      </c>
      <c r="EK24" s="330">
        <v>2814</v>
      </c>
      <c r="EL24" s="330">
        <v>24304</v>
      </c>
      <c r="EM24" s="333">
        <v>127733</v>
      </c>
      <c r="EN24" s="334">
        <v>127733</v>
      </c>
      <c r="EO24" s="329">
        <v>0</v>
      </c>
      <c r="EP24" s="330">
        <v>0</v>
      </c>
      <c r="EQ24" s="331">
        <v>0</v>
      </c>
      <c r="ER24" s="335"/>
      <c r="ES24" s="330">
        <v>0</v>
      </c>
      <c r="ET24" s="330">
        <v>0</v>
      </c>
      <c r="EU24" s="330">
        <v>217</v>
      </c>
      <c r="EV24" s="330">
        <v>0</v>
      </c>
      <c r="EW24" s="330">
        <v>0</v>
      </c>
      <c r="EX24" s="333">
        <v>217</v>
      </c>
      <c r="EY24" s="334">
        <v>217</v>
      </c>
      <c r="EZ24" s="329">
        <v>0</v>
      </c>
      <c r="FA24" s="330">
        <v>0</v>
      </c>
      <c r="FB24" s="331">
        <v>0</v>
      </c>
      <c r="FC24" s="335"/>
      <c r="FD24" s="330">
        <v>0</v>
      </c>
      <c r="FE24" s="330">
        <v>0</v>
      </c>
      <c r="FF24" s="330">
        <v>11687</v>
      </c>
      <c r="FG24" s="330">
        <v>651</v>
      </c>
      <c r="FH24" s="330">
        <v>651</v>
      </c>
      <c r="FI24" s="333">
        <v>12989</v>
      </c>
      <c r="FJ24" s="334">
        <v>12989</v>
      </c>
      <c r="FK24" s="329">
        <v>0</v>
      </c>
      <c r="FL24" s="330">
        <v>0</v>
      </c>
      <c r="FM24" s="331">
        <v>0</v>
      </c>
      <c r="FN24" s="335"/>
      <c r="FO24" s="330">
        <v>0</v>
      </c>
      <c r="FP24" s="330">
        <v>0</v>
      </c>
      <c r="FQ24" s="330">
        <v>0</v>
      </c>
      <c r="FR24" s="330">
        <v>0</v>
      </c>
      <c r="FS24" s="330">
        <v>0</v>
      </c>
      <c r="FT24" s="333">
        <v>0</v>
      </c>
      <c r="FU24" s="334">
        <v>0</v>
      </c>
      <c r="FV24" s="329">
        <v>0</v>
      </c>
      <c r="FW24" s="330">
        <v>0</v>
      </c>
      <c r="FX24" s="331">
        <v>0</v>
      </c>
      <c r="FY24" s="332">
        <v>0</v>
      </c>
      <c r="FZ24" s="330">
        <v>8876</v>
      </c>
      <c r="GA24" s="330">
        <v>133529</v>
      </c>
      <c r="GB24" s="330">
        <v>335401</v>
      </c>
      <c r="GC24" s="330">
        <v>275265</v>
      </c>
      <c r="GD24" s="330">
        <v>111400</v>
      </c>
      <c r="GE24" s="333">
        <v>864471</v>
      </c>
      <c r="GF24" s="334">
        <v>864471</v>
      </c>
      <c r="GG24" s="329">
        <v>0</v>
      </c>
      <c r="GH24" s="330">
        <v>0</v>
      </c>
      <c r="GI24" s="331">
        <v>0</v>
      </c>
      <c r="GJ24" s="332">
        <v>0</v>
      </c>
      <c r="GK24" s="330">
        <v>0</v>
      </c>
      <c r="GL24" s="330">
        <v>0</v>
      </c>
      <c r="GM24" s="330">
        <v>0</v>
      </c>
      <c r="GN24" s="330">
        <v>7068</v>
      </c>
      <c r="GO24" s="330">
        <v>2148</v>
      </c>
      <c r="GP24" s="333">
        <v>9216</v>
      </c>
      <c r="GQ24" s="334">
        <v>9216</v>
      </c>
      <c r="GR24" s="329">
        <v>0</v>
      </c>
      <c r="GS24" s="330">
        <v>0</v>
      </c>
      <c r="GT24" s="331">
        <v>0</v>
      </c>
      <c r="GU24" s="332">
        <v>0</v>
      </c>
      <c r="GV24" s="330">
        <v>0</v>
      </c>
      <c r="GW24" s="330">
        <v>0</v>
      </c>
      <c r="GX24" s="330">
        <v>0</v>
      </c>
      <c r="GY24" s="330">
        <v>0</v>
      </c>
      <c r="GZ24" s="330">
        <v>0</v>
      </c>
      <c r="HA24" s="333">
        <v>0</v>
      </c>
      <c r="HB24" s="334">
        <v>0</v>
      </c>
      <c r="HC24" s="329">
        <v>0</v>
      </c>
      <c r="HD24" s="330">
        <v>0</v>
      </c>
      <c r="HE24" s="331">
        <v>0</v>
      </c>
      <c r="HF24" s="335"/>
      <c r="HG24" s="330">
        <v>0</v>
      </c>
      <c r="HH24" s="330">
        <v>0</v>
      </c>
      <c r="HI24" s="330">
        <v>0</v>
      </c>
      <c r="HJ24" s="330">
        <v>0</v>
      </c>
      <c r="HK24" s="330">
        <v>0</v>
      </c>
      <c r="HL24" s="333">
        <v>0</v>
      </c>
      <c r="HM24" s="334">
        <v>0</v>
      </c>
      <c r="HN24" s="329">
        <v>0</v>
      </c>
      <c r="HO24" s="330">
        <v>0</v>
      </c>
      <c r="HP24" s="331">
        <v>0</v>
      </c>
      <c r="HQ24" s="332">
        <v>0</v>
      </c>
      <c r="HR24" s="330">
        <v>211399</v>
      </c>
      <c r="HS24" s="330">
        <v>963024</v>
      </c>
      <c r="HT24" s="330">
        <v>4029506</v>
      </c>
      <c r="HU24" s="330">
        <v>4186855</v>
      </c>
      <c r="HV24" s="330">
        <v>2656479</v>
      </c>
      <c r="HW24" s="333">
        <v>12047263</v>
      </c>
      <c r="HX24" s="334">
        <v>12047263</v>
      </c>
    </row>
    <row r="25" spans="1:232" ht="16.5" customHeight="1" x14ac:dyDescent="0.2">
      <c r="A25" s="327" t="s">
        <v>22</v>
      </c>
      <c r="B25" s="329">
        <v>0</v>
      </c>
      <c r="C25" s="330">
        <v>0</v>
      </c>
      <c r="D25" s="331">
        <v>0</v>
      </c>
      <c r="E25" s="332">
        <v>0</v>
      </c>
      <c r="F25" s="330">
        <v>96940</v>
      </c>
      <c r="G25" s="330">
        <v>390210</v>
      </c>
      <c r="H25" s="330">
        <v>793040</v>
      </c>
      <c r="I25" s="330">
        <v>983985</v>
      </c>
      <c r="J25" s="330">
        <v>600830</v>
      </c>
      <c r="K25" s="333">
        <v>2865005</v>
      </c>
      <c r="L25" s="334">
        <v>2865005</v>
      </c>
      <c r="M25" s="329">
        <v>0</v>
      </c>
      <c r="N25" s="330">
        <v>0</v>
      </c>
      <c r="O25" s="331">
        <v>0</v>
      </c>
      <c r="P25" s="335"/>
      <c r="Q25" s="330">
        <v>0</v>
      </c>
      <c r="R25" s="330">
        <v>95325</v>
      </c>
      <c r="S25" s="330">
        <v>498745</v>
      </c>
      <c r="T25" s="330">
        <v>582180</v>
      </c>
      <c r="U25" s="330">
        <v>285350</v>
      </c>
      <c r="V25" s="333">
        <v>1461600</v>
      </c>
      <c r="W25" s="334">
        <v>1461600</v>
      </c>
      <c r="X25" s="329">
        <v>0</v>
      </c>
      <c r="Y25" s="330">
        <v>0</v>
      </c>
      <c r="Z25" s="331">
        <v>0</v>
      </c>
      <c r="AA25" s="335"/>
      <c r="AB25" s="330">
        <v>85130</v>
      </c>
      <c r="AC25" s="330">
        <v>258850</v>
      </c>
      <c r="AD25" s="330">
        <v>105865</v>
      </c>
      <c r="AE25" s="330">
        <v>265735</v>
      </c>
      <c r="AF25" s="330">
        <v>250260</v>
      </c>
      <c r="AG25" s="333">
        <v>965840</v>
      </c>
      <c r="AH25" s="334">
        <v>965840</v>
      </c>
      <c r="AI25" s="329">
        <v>0</v>
      </c>
      <c r="AJ25" s="330">
        <v>0</v>
      </c>
      <c r="AK25" s="331">
        <v>0</v>
      </c>
      <c r="AL25" s="335"/>
      <c r="AM25" s="330">
        <v>0</v>
      </c>
      <c r="AN25" s="330">
        <v>0</v>
      </c>
      <c r="AO25" s="330">
        <v>0</v>
      </c>
      <c r="AP25" s="330">
        <v>0</v>
      </c>
      <c r="AQ25" s="330">
        <v>32465</v>
      </c>
      <c r="AR25" s="333">
        <v>32465</v>
      </c>
      <c r="AS25" s="334">
        <v>32465</v>
      </c>
      <c r="AT25" s="329">
        <v>0</v>
      </c>
      <c r="AU25" s="330">
        <v>0</v>
      </c>
      <c r="AV25" s="331">
        <v>0</v>
      </c>
      <c r="AW25" s="335"/>
      <c r="AX25" s="330">
        <v>0</v>
      </c>
      <c r="AY25" s="330">
        <v>0</v>
      </c>
      <c r="AZ25" s="330">
        <v>35495</v>
      </c>
      <c r="BA25" s="330">
        <v>2635</v>
      </c>
      <c r="BB25" s="330">
        <v>24645</v>
      </c>
      <c r="BC25" s="333">
        <v>62775</v>
      </c>
      <c r="BD25" s="334">
        <v>62775</v>
      </c>
      <c r="BE25" s="329">
        <v>0</v>
      </c>
      <c r="BF25" s="330">
        <v>0</v>
      </c>
      <c r="BG25" s="331">
        <v>0</v>
      </c>
      <c r="BH25" s="335"/>
      <c r="BI25" s="330">
        <v>0</v>
      </c>
      <c r="BJ25" s="330">
        <v>0</v>
      </c>
      <c r="BK25" s="330">
        <v>32705</v>
      </c>
      <c r="BL25" s="330">
        <v>127875</v>
      </c>
      <c r="BM25" s="330">
        <v>2635</v>
      </c>
      <c r="BN25" s="333">
        <v>163215</v>
      </c>
      <c r="BO25" s="334">
        <v>163215</v>
      </c>
      <c r="BP25" s="329">
        <v>0</v>
      </c>
      <c r="BQ25" s="330">
        <v>0</v>
      </c>
      <c r="BR25" s="331">
        <v>0</v>
      </c>
      <c r="BS25" s="332">
        <v>0</v>
      </c>
      <c r="BT25" s="330">
        <v>11810</v>
      </c>
      <c r="BU25" s="330">
        <v>36035</v>
      </c>
      <c r="BV25" s="330">
        <v>120230</v>
      </c>
      <c r="BW25" s="330">
        <v>5560</v>
      </c>
      <c r="BX25" s="330">
        <v>580</v>
      </c>
      <c r="BY25" s="333">
        <v>174215</v>
      </c>
      <c r="BZ25" s="334">
        <v>174215</v>
      </c>
      <c r="CA25" s="329">
        <v>0</v>
      </c>
      <c r="CB25" s="330">
        <v>0</v>
      </c>
      <c r="CC25" s="331">
        <v>0</v>
      </c>
      <c r="CD25" s="332">
        <v>0</v>
      </c>
      <c r="CE25" s="330">
        <v>0</v>
      </c>
      <c r="CF25" s="330">
        <v>0</v>
      </c>
      <c r="CG25" s="330">
        <v>0</v>
      </c>
      <c r="CH25" s="330">
        <v>0</v>
      </c>
      <c r="CI25" s="330">
        <v>4895</v>
      </c>
      <c r="CJ25" s="333">
        <v>4895</v>
      </c>
      <c r="CK25" s="334">
        <v>4895</v>
      </c>
      <c r="CL25" s="329">
        <v>0</v>
      </c>
      <c r="CM25" s="330">
        <v>0</v>
      </c>
      <c r="CN25" s="331">
        <v>0</v>
      </c>
      <c r="CO25" s="332">
        <v>0</v>
      </c>
      <c r="CP25" s="330">
        <v>0</v>
      </c>
      <c r="CQ25" s="330">
        <v>0</v>
      </c>
      <c r="CR25" s="330">
        <v>0</v>
      </c>
      <c r="CS25" s="330">
        <v>0</v>
      </c>
      <c r="CT25" s="330">
        <v>0</v>
      </c>
      <c r="CU25" s="333">
        <v>0</v>
      </c>
      <c r="CV25" s="334">
        <v>0</v>
      </c>
      <c r="CW25" s="329">
        <v>0</v>
      </c>
      <c r="CX25" s="330">
        <v>0</v>
      </c>
      <c r="CY25" s="331">
        <v>0</v>
      </c>
      <c r="CZ25" s="335"/>
      <c r="DA25" s="330">
        <v>0</v>
      </c>
      <c r="DB25" s="330">
        <v>0</v>
      </c>
      <c r="DC25" s="330">
        <v>0</v>
      </c>
      <c r="DD25" s="330">
        <v>0</v>
      </c>
      <c r="DE25" s="330">
        <v>0</v>
      </c>
      <c r="DF25" s="333">
        <v>0</v>
      </c>
      <c r="DG25" s="334">
        <v>0</v>
      </c>
      <c r="DH25" s="329">
        <v>0</v>
      </c>
      <c r="DI25" s="330">
        <v>0</v>
      </c>
      <c r="DJ25" s="331">
        <v>0</v>
      </c>
      <c r="DK25" s="332">
        <v>0</v>
      </c>
      <c r="DL25" s="330">
        <v>13187</v>
      </c>
      <c r="DM25" s="330">
        <v>131705</v>
      </c>
      <c r="DN25" s="330">
        <v>700297</v>
      </c>
      <c r="DO25" s="330">
        <v>982153</v>
      </c>
      <c r="DP25" s="330">
        <v>410022</v>
      </c>
      <c r="DQ25" s="333">
        <v>2237364</v>
      </c>
      <c r="DR25" s="336">
        <v>2237364</v>
      </c>
      <c r="DS25" s="329">
        <v>0</v>
      </c>
      <c r="DT25" s="330">
        <v>0</v>
      </c>
      <c r="DU25" s="331">
        <v>0</v>
      </c>
      <c r="DV25" s="335"/>
      <c r="DW25" s="330">
        <v>0</v>
      </c>
      <c r="DX25" s="330">
        <v>73408</v>
      </c>
      <c r="DY25" s="330">
        <v>498885</v>
      </c>
      <c r="DZ25" s="330">
        <v>728810</v>
      </c>
      <c r="EA25" s="330">
        <v>278840</v>
      </c>
      <c r="EB25" s="333">
        <v>1579943</v>
      </c>
      <c r="EC25" s="334">
        <v>1579943</v>
      </c>
      <c r="ED25" s="329">
        <v>0</v>
      </c>
      <c r="EE25" s="330">
        <v>0</v>
      </c>
      <c r="EF25" s="331">
        <v>0</v>
      </c>
      <c r="EG25" s="335"/>
      <c r="EH25" s="330">
        <v>1271</v>
      </c>
      <c r="EI25" s="330">
        <v>14043</v>
      </c>
      <c r="EJ25" s="330">
        <v>12834</v>
      </c>
      <c r="EK25" s="330">
        <v>14655</v>
      </c>
      <c r="EL25" s="330">
        <v>49647</v>
      </c>
      <c r="EM25" s="333">
        <v>92450</v>
      </c>
      <c r="EN25" s="334">
        <v>92450</v>
      </c>
      <c r="EO25" s="329">
        <v>0</v>
      </c>
      <c r="EP25" s="330">
        <v>0</v>
      </c>
      <c r="EQ25" s="331">
        <v>0</v>
      </c>
      <c r="ER25" s="335"/>
      <c r="ES25" s="330">
        <v>0</v>
      </c>
      <c r="ET25" s="330">
        <v>0</v>
      </c>
      <c r="EU25" s="330">
        <v>0</v>
      </c>
      <c r="EV25" s="330">
        <v>0</v>
      </c>
      <c r="EW25" s="330">
        <v>42890</v>
      </c>
      <c r="EX25" s="333">
        <v>42890</v>
      </c>
      <c r="EY25" s="334">
        <v>42890</v>
      </c>
      <c r="EZ25" s="329">
        <v>0</v>
      </c>
      <c r="FA25" s="330">
        <v>0</v>
      </c>
      <c r="FB25" s="331">
        <v>0</v>
      </c>
      <c r="FC25" s="335"/>
      <c r="FD25" s="330">
        <v>0</v>
      </c>
      <c r="FE25" s="330">
        <v>0</v>
      </c>
      <c r="FF25" s="330">
        <v>11687</v>
      </c>
      <c r="FG25" s="330">
        <v>217</v>
      </c>
      <c r="FH25" s="330">
        <v>11098</v>
      </c>
      <c r="FI25" s="333">
        <v>23002</v>
      </c>
      <c r="FJ25" s="334">
        <v>23002</v>
      </c>
      <c r="FK25" s="329">
        <v>0</v>
      </c>
      <c r="FL25" s="330">
        <v>0</v>
      </c>
      <c r="FM25" s="331">
        <v>0</v>
      </c>
      <c r="FN25" s="335"/>
      <c r="FO25" s="330">
        <v>0</v>
      </c>
      <c r="FP25" s="330">
        <v>0</v>
      </c>
      <c r="FQ25" s="330">
        <v>36580</v>
      </c>
      <c r="FR25" s="330">
        <v>222890</v>
      </c>
      <c r="FS25" s="330">
        <v>25530</v>
      </c>
      <c r="FT25" s="333">
        <v>285000</v>
      </c>
      <c r="FU25" s="334">
        <v>285000</v>
      </c>
      <c r="FV25" s="329">
        <v>0</v>
      </c>
      <c r="FW25" s="330">
        <v>0</v>
      </c>
      <c r="FX25" s="331">
        <v>0</v>
      </c>
      <c r="FY25" s="332">
        <v>0</v>
      </c>
      <c r="FZ25" s="330">
        <v>11916</v>
      </c>
      <c r="GA25" s="330">
        <v>44254</v>
      </c>
      <c r="GB25" s="330">
        <v>140311</v>
      </c>
      <c r="GC25" s="330">
        <v>15581</v>
      </c>
      <c r="GD25" s="330">
        <v>1940</v>
      </c>
      <c r="GE25" s="333">
        <v>214002</v>
      </c>
      <c r="GF25" s="334">
        <v>214002</v>
      </c>
      <c r="GG25" s="329">
        <v>0</v>
      </c>
      <c r="GH25" s="330">
        <v>0</v>
      </c>
      <c r="GI25" s="331">
        <v>0</v>
      </c>
      <c r="GJ25" s="332">
        <v>0</v>
      </c>
      <c r="GK25" s="330">
        <v>0</v>
      </c>
      <c r="GL25" s="330">
        <v>0</v>
      </c>
      <c r="GM25" s="330">
        <v>0</v>
      </c>
      <c r="GN25" s="330">
        <v>0</v>
      </c>
      <c r="GO25" s="330">
        <v>77</v>
      </c>
      <c r="GP25" s="333">
        <v>77</v>
      </c>
      <c r="GQ25" s="334">
        <v>77</v>
      </c>
      <c r="GR25" s="329">
        <v>0</v>
      </c>
      <c r="GS25" s="330">
        <v>0</v>
      </c>
      <c r="GT25" s="331">
        <v>0</v>
      </c>
      <c r="GU25" s="332">
        <v>0</v>
      </c>
      <c r="GV25" s="330">
        <v>0</v>
      </c>
      <c r="GW25" s="330">
        <v>0</v>
      </c>
      <c r="GX25" s="330">
        <v>0</v>
      </c>
      <c r="GY25" s="330">
        <v>0</v>
      </c>
      <c r="GZ25" s="330">
        <v>0</v>
      </c>
      <c r="HA25" s="333">
        <v>0</v>
      </c>
      <c r="HB25" s="334">
        <v>0</v>
      </c>
      <c r="HC25" s="329">
        <v>0</v>
      </c>
      <c r="HD25" s="330">
        <v>0</v>
      </c>
      <c r="HE25" s="331">
        <v>0</v>
      </c>
      <c r="HF25" s="335"/>
      <c r="HG25" s="330">
        <v>0</v>
      </c>
      <c r="HH25" s="330">
        <v>0</v>
      </c>
      <c r="HI25" s="330">
        <v>0</v>
      </c>
      <c r="HJ25" s="330">
        <v>0</v>
      </c>
      <c r="HK25" s="330">
        <v>0</v>
      </c>
      <c r="HL25" s="333">
        <v>0</v>
      </c>
      <c r="HM25" s="334">
        <v>0</v>
      </c>
      <c r="HN25" s="329">
        <v>0</v>
      </c>
      <c r="HO25" s="330">
        <v>0</v>
      </c>
      <c r="HP25" s="331">
        <v>0</v>
      </c>
      <c r="HQ25" s="332">
        <v>0</v>
      </c>
      <c r="HR25" s="330">
        <v>110127</v>
      </c>
      <c r="HS25" s="330">
        <v>521915</v>
      </c>
      <c r="HT25" s="330">
        <v>1493337</v>
      </c>
      <c r="HU25" s="330">
        <v>1966138</v>
      </c>
      <c r="HV25" s="330">
        <v>1010852</v>
      </c>
      <c r="HW25" s="333">
        <v>5102369</v>
      </c>
      <c r="HX25" s="334">
        <v>5102369</v>
      </c>
    </row>
    <row r="26" spans="1:232" ht="16.5" customHeight="1" x14ac:dyDescent="0.2">
      <c r="A26" s="327" t="s">
        <v>23</v>
      </c>
      <c r="B26" s="329">
        <v>0</v>
      </c>
      <c r="C26" s="330">
        <v>290</v>
      </c>
      <c r="D26" s="331">
        <v>290</v>
      </c>
      <c r="E26" s="332">
        <v>0</v>
      </c>
      <c r="F26" s="330">
        <v>93196</v>
      </c>
      <c r="G26" s="330">
        <v>390028</v>
      </c>
      <c r="H26" s="330">
        <v>982850</v>
      </c>
      <c r="I26" s="330">
        <v>1402639</v>
      </c>
      <c r="J26" s="330">
        <v>848840</v>
      </c>
      <c r="K26" s="333">
        <v>3717553</v>
      </c>
      <c r="L26" s="334">
        <v>3717843</v>
      </c>
      <c r="M26" s="329">
        <v>0</v>
      </c>
      <c r="N26" s="330">
        <v>0</v>
      </c>
      <c r="O26" s="331">
        <v>0</v>
      </c>
      <c r="P26" s="335"/>
      <c r="Q26" s="330">
        <v>35340</v>
      </c>
      <c r="R26" s="330">
        <v>141360</v>
      </c>
      <c r="S26" s="330">
        <v>658630</v>
      </c>
      <c r="T26" s="330">
        <v>1080015</v>
      </c>
      <c r="U26" s="330">
        <v>665980</v>
      </c>
      <c r="V26" s="333">
        <v>2581325</v>
      </c>
      <c r="W26" s="334">
        <v>2581325</v>
      </c>
      <c r="X26" s="329">
        <v>0</v>
      </c>
      <c r="Y26" s="330">
        <v>0</v>
      </c>
      <c r="Z26" s="331">
        <v>0</v>
      </c>
      <c r="AA26" s="335"/>
      <c r="AB26" s="330">
        <v>25790</v>
      </c>
      <c r="AC26" s="330">
        <v>209691</v>
      </c>
      <c r="AD26" s="330">
        <v>261160</v>
      </c>
      <c r="AE26" s="330">
        <v>202470</v>
      </c>
      <c r="AF26" s="330">
        <v>114280</v>
      </c>
      <c r="AG26" s="333">
        <v>813391</v>
      </c>
      <c r="AH26" s="334">
        <v>813391</v>
      </c>
      <c r="AI26" s="329">
        <v>0</v>
      </c>
      <c r="AJ26" s="330">
        <v>0</v>
      </c>
      <c r="AK26" s="331">
        <v>0</v>
      </c>
      <c r="AL26" s="335"/>
      <c r="AM26" s="330">
        <v>0</v>
      </c>
      <c r="AN26" s="330">
        <v>0</v>
      </c>
      <c r="AO26" s="330">
        <v>0</v>
      </c>
      <c r="AP26" s="330">
        <v>35340</v>
      </c>
      <c r="AQ26" s="330">
        <v>0</v>
      </c>
      <c r="AR26" s="333">
        <v>35340</v>
      </c>
      <c r="AS26" s="334">
        <v>35340</v>
      </c>
      <c r="AT26" s="329">
        <v>0</v>
      </c>
      <c r="AU26" s="330">
        <v>0</v>
      </c>
      <c r="AV26" s="331">
        <v>0</v>
      </c>
      <c r="AW26" s="335"/>
      <c r="AX26" s="330">
        <v>0</v>
      </c>
      <c r="AY26" s="330">
        <v>0</v>
      </c>
      <c r="AZ26" s="330">
        <v>0</v>
      </c>
      <c r="BA26" s="330">
        <v>24645</v>
      </c>
      <c r="BB26" s="330">
        <v>27280</v>
      </c>
      <c r="BC26" s="333">
        <v>51925</v>
      </c>
      <c r="BD26" s="334">
        <v>51925</v>
      </c>
      <c r="BE26" s="329">
        <v>0</v>
      </c>
      <c r="BF26" s="330">
        <v>0</v>
      </c>
      <c r="BG26" s="331">
        <v>0</v>
      </c>
      <c r="BH26" s="335"/>
      <c r="BI26" s="330">
        <v>0</v>
      </c>
      <c r="BJ26" s="330">
        <v>0</v>
      </c>
      <c r="BK26" s="330">
        <v>0</v>
      </c>
      <c r="BL26" s="330">
        <v>0</v>
      </c>
      <c r="BM26" s="330">
        <v>0</v>
      </c>
      <c r="BN26" s="333">
        <v>0</v>
      </c>
      <c r="BO26" s="334">
        <v>0</v>
      </c>
      <c r="BP26" s="329">
        <v>0</v>
      </c>
      <c r="BQ26" s="330">
        <v>290</v>
      </c>
      <c r="BR26" s="331">
        <v>290</v>
      </c>
      <c r="BS26" s="332">
        <v>0</v>
      </c>
      <c r="BT26" s="330">
        <v>32066</v>
      </c>
      <c r="BU26" s="330">
        <v>36490</v>
      </c>
      <c r="BV26" s="330">
        <v>63060</v>
      </c>
      <c r="BW26" s="330">
        <v>56258</v>
      </c>
      <c r="BX26" s="330">
        <v>41300</v>
      </c>
      <c r="BY26" s="333">
        <v>229174</v>
      </c>
      <c r="BZ26" s="334">
        <v>229464</v>
      </c>
      <c r="CA26" s="329">
        <v>0</v>
      </c>
      <c r="CB26" s="330">
        <v>0</v>
      </c>
      <c r="CC26" s="331">
        <v>0</v>
      </c>
      <c r="CD26" s="332">
        <v>0</v>
      </c>
      <c r="CE26" s="330">
        <v>0</v>
      </c>
      <c r="CF26" s="330">
        <v>2487</v>
      </c>
      <c r="CG26" s="330">
        <v>0</v>
      </c>
      <c r="CH26" s="330">
        <v>3911</v>
      </c>
      <c r="CI26" s="330">
        <v>0</v>
      </c>
      <c r="CJ26" s="333">
        <v>6398</v>
      </c>
      <c r="CK26" s="334">
        <v>6398</v>
      </c>
      <c r="CL26" s="329">
        <v>0</v>
      </c>
      <c r="CM26" s="330">
        <v>0</v>
      </c>
      <c r="CN26" s="331">
        <v>0</v>
      </c>
      <c r="CO26" s="332">
        <v>0</v>
      </c>
      <c r="CP26" s="330">
        <v>0</v>
      </c>
      <c r="CQ26" s="330">
        <v>0</v>
      </c>
      <c r="CR26" s="330">
        <v>0</v>
      </c>
      <c r="CS26" s="330">
        <v>0</v>
      </c>
      <c r="CT26" s="330">
        <v>0</v>
      </c>
      <c r="CU26" s="333">
        <v>0</v>
      </c>
      <c r="CV26" s="334">
        <v>0</v>
      </c>
      <c r="CW26" s="329">
        <v>0</v>
      </c>
      <c r="CX26" s="330">
        <v>0</v>
      </c>
      <c r="CY26" s="331">
        <v>0</v>
      </c>
      <c r="CZ26" s="335"/>
      <c r="DA26" s="330">
        <v>0</v>
      </c>
      <c r="DB26" s="330">
        <v>0</v>
      </c>
      <c r="DC26" s="330">
        <v>0</v>
      </c>
      <c r="DD26" s="330">
        <v>0</v>
      </c>
      <c r="DE26" s="330">
        <v>0</v>
      </c>
      <c r="DF26" s="333">
        <v>0</v>
      </c>
      <c r="DG26" s="334">
        <v>0</v>
      </c>
      <c r="DH26" s="329">
        <v>4176</v>
      </c>
      <c r="DI26" s="330">
        <v>1392</v>
      </c>
      <c r="DJ26" s="331">
        <v>5568</v>
      </c>
      <c r="DK26" s="332">
        <v>0</v>
      </c>
      <c r="DL26" s="330">
        <v>103986</v>
      </c>
      <c r="DM26" s="330">
        <v>176454</v>
      </c>
      <c r="DN26" s="330">
        <v>856856</v>
      </c>
      <c r="DO26" s="330">
        <v>1358792</v>
      </c>
      <c r="DP26" s="330">
        <v>777374</v>
      </c>
      <c r="DQ26" s="333">
        <v>3273462</v>
      </c>
      <c r="DR26" s="336">
        <v>3279030</v>
      </c>
      <c r="DS26" s="329">
        <v>0</v>
      </c>
      <c r="DT26" s="330">
        <v>0</v>
      </c>
      <c r="DU26" s="331">
        <v>0</v>
      </c>
      <c r="DV26" s="335"/>
      <c r="DW26" s="330">
        <v>33046</v>
      </c>
      <c r="DX26" s="330">
        <v>149265</v>
      </c>
      <c r="DY26" s="330">
        <v>795541</v>
      </c>
      <c r="DZ26" s="330">
        <v>1250054</v>
      </c>
      <c r="EA26" s="330">
        <v>761905</v>
      </c>
      <c r="EB26" s="333">
        <v>2989811</v>
      </c>
      <c r="EC26" s="334">
        <v>2989811</v>
      </c>
      <c r="ED26" s="329">
        <v>0</v>
      </c>
      <c r="EE26" s="330">
        <v>0</v>
      </c>
      <c r="EF26" s="331">
        <v>0</v>
      </c>
      <c r="EG26" s="335"/>
      <c r="EH26" s="330">
        <v>13040</v>
      </c>
      <c r="EI26" s="330">
        <v>3549</v>
      </c>
      <c r="EJ26" s="330">
        <v>3038</v>
      </c>
      <c r="EK26" s="330">
        <v>14640</v>
      </c>
      <c r="EL26" s="330">
        <v>1799</v>
      </c>
      <c r="EM26" s="333">
        <v>36066</v>
      </c>
      <c r="EN26" s="334">
        <v>36066</v>
      </c>
      <c r="EO26" s="329">
        <v>0</v>
      </c>
      <c r="EP26" s="330">
        <v>0</v>
      </c>
      <c r="EQ26" s="331">
        <v>0</v>
      </c>
      <c r="ER26" s="335"/>
      <c r="ES26" s="330">
        <v>0</v>
      </c>
      <c r="ET26" s="330">
        <v>0</v>
      </c>
      <c r="EU26" s="330">
        <v>0</v>
      </c>
      <c r="EV26" s="330">
        <v>434</v>
      </c>
      <c r="EW26" s="330">
        <v>0</v>
      </c>
      <c r="EX26" s="333">
        <v>434</v>
      </c>
      <c r="EY26" s="334">
        <v>434</v>
      </c>
      <c r="EZ26" s="329">
        <v>0</v>
      </c>
      <c r="FA26" s="330">
        <v>0</v>
      </c>
      <c r="FB26" s="331">
        <v>0</v>
      </c>
      <c r="FC26" s="335"/>
      <c r="FD26" s="330">
        <v>0</v>
      </c>
      <c r="FE26" s="330">
        <v>0</v>
      </c>
      <c r="FF26" s="330">
        <v>0</v>
      </c>
      <c r="FG26" s="330">
        <v>217</v>
      </c>
      <c r="FH26" s="330">
        <v>434</v>
      </c>
      <c r="FI26" s="333">
        <v>651</v>
      </c>
      <c r="FJ26" s="334">
        <v>651</v>
      </c>
      <c r="FK26" s="329">
        <v>0</v>
      </c>
      <c r="FL26" s="330">
        <v>0</v>
      </c>
      <c r="FM26" s="331">
        <v>0</v>
      </c>
      <c r="FN26" s="335"/>
      <c r="FO26" s="330">
        <v>0</v>
      </c>
      <c r="FP26" s="330">
        <v>0</v>
      </c>
      <c r="FQ26" s="330">
        <v>0</v>
      </c>
      <c r="FR26" s="330">
        <v>0</v>
      </c>
      <c r="FS26" s="330">
        <v>0</v>
      </c>
      <c r="FT26" s="333">
        <v>0</v>
      </c>
      <c r="FU26" s="334">
        <v>0</v>
      </c>
      <c r="FV26" s="329">
        <v>4176</v>
      </c>
      <c r="FW26" s="330">
        <v>1392</v>
      </c>
      <c r="FX26" s="331">
        <v>5568</v>
      </c>
      <c r="FY26" s="332">
        <v>0</v>
      </c>
      <c r="FZ26" s="330">
        <v>57900</v>
      </c>
      <c r="GA26" s="330">
        <v>23591</v>
      </c>
      <c r="GB26" s="330">
        <v>58277</v>
      </c>
      <c r="GC26" s="330">
        <v>93412</v>
      </c>
      <c r="GD26" s="330">
        <v>13236</v>
      </c>
      <c r="GE26" s="333">
        <v>246416</v>
      </c>
      <c r="GF26" s="334">
        <v>251984</v>
      </c>
      <c r="GG26" s="329">
        <v>0</v>
      </c>
      <c r="GH26" s="330">
        <v>0</v>
      </c>
      <c r="GI26" s="331">
        <v>0</v>
      </c>
      <c r="GJ26" s="332">
        <v>0</v>
      </c>
      <c r="GK26" s="330">
        <v>0</v>
      </c>
      <c r="GL26" s="330">
        <v>49</v>
      </c>
      <c r="GM26" s="330">
        <v>0</v>
      </c>
      <c r="GN26" s="330">
        <v>35</v>
      </c>
      <c r="GO26" s="330">
        <v>0</v>
      </c>
      <c r="GP26" s="333">
        <v>84</v>
      </c>
      <c r="GQ26" s="334">
        <v>84</v>
      </c>
      <c r="GR26" s="329">
        <v>0</v>
      </c>
      <c r="GS26" s="330">
        <v>0</v>
      </c>
      <c r="GT26" s="331">
        <v>0</v>
      </c>
      <c r="GU26" s="332">
        <v>0</v>
      </c>
      <c r="GV26" s="330">
        <v>0</v>
      </c>
      <c r="GW26" s="330">
        <v>0</v>
      </c>
      <c r="GX26" s="330">
        <v>0</v>
      </c>
      <c r="GY26" s="330">
        <v>0</v>
      </c>
      <c r="GZ26" s="330">
        <v>0</v>
      </c>
      <c r="HA26" s="333">
        <v>0</v>
      </c>
      <c r="HB26" s="334">
        <v>0</v>
      </c>
      <c r="HC26" s="329">
        <v>0</v>
      </c>
      <c r="HD26" s="330">
        <v>0</v>
      </c>
      <c r="HE26" s="331">
        <v>0</v>
      </c>
      <c r="HF26" s="335"/>
      <c r="HG26" s="330">
        <v>0</v>
      </c>
      <c r="HH26" s="330">
        <v>0</v>
      </c>
      <c r="HI26" s="330">
        <v>0</v>
      </c>
      <c r="HJ26" s="330">
        <v>0</v>
      </c>
      <c r="HK26" s="330">
        <v>0</v>
      </c>
      <c r="HL26" s="333">
        <v>0</v>
      </c>
      <c r="HM26" s="334">
        <v>0</v>
      </c>
      <c r="HN26" s="329">
        <v>4176</v>
      </c>
      <c r="HO26" s="330">
        <v>1682</v>
      </c>
      <c r="HP26" s="331">
        <v>5858</v>
      </c>
      <c r="HQ26" s="332">
        <v>0</v>
      </c>
      <c r="HR26" s="330">
        <v>197182</v>
      </c>
      <c r="HS26" s="330">
        <v>566482</v>
      </c>
      <c r="HT26" s="330">
        <v>1839706</v>
      </c>
      <c r="HU26" s="330">
        <v>2761431</v>
      </c>
      <c r="HV26" s="330">
        <v>1626214</v>
      </c>
      <c r="HW26" s="333">
        <v>6991015</v>
      </c>
      <c r="HX26" s="334">
        <v>6996873</v>
      </c>
    </row>
    <row r="27" spans="1:232" ht="16.5" customHeight="1" x14ac:dyDescent="0.2">
      <c r="A27" s="327" t="s">
        <v>24</v>
      </c>
      <c r="B27" s="329">
        <v>0</v>
      </c>
      <c r="C27" s="330">
        <v>0</v>
      </c>
      <c r="D27" s="331">
        <v>0</v>
      </c>
      <c r="E27" s="332">
        <v>0</v>
      </c>
      <c r="F27" s="330">
        <v>70595</v>
      </c>
      <c r="G27" s="330">
        <v>40091</v>
      </c>
      <c r="H27" s="330">
        <v>438345</v>
      </c>
      <c r="I27" s="330">
        <v>426478</v>
      </c>
      <c r="J27" s="330">
        <v>399835</v>
      </c>
      <c r="K27" s="333">
        <v>1375344</v>
      </c>
      <c r="L27" s="334">
        <v>1375344</v>
      </c>
      <c r="M27" s="329">
        <v>0</v>
      </c>
      <c r="N27" s="330">
        <v>0</v>
      </c>
      <c r="O27" s="331">
        <v>0</v>
      </c>
      <c r="P27" s="335"/>
      <c r="Q27" s="330">
        <v>0</v>
      </c>
      <c r="R27" s="330">
        <v>0</v>
      </c>
      <c r="S27" s="330">
        <v>219795</v>
      </c>
      <c r="T27" s="330">
        <v>305800</v>
      </c>
      <c r="U27" s="330">
        <v>308125</v>
      </c>
      <c r="V27" s="333">
        <v>833720</v>
      </c>
      <c r="W27" s="334">
        <v>833720</v>
      </c>
      <c r="X27" s="329">
        <v>0</v>
      </c>
      <c r="Y27" s="330">
        <v>0</v>
      </c>
      <c r="Z27" s="331">
        <v>0</v>
      </c>
      <c r="AA27" s="335"/>
      <c r="AB27" s="330">
        <v>67245</v>
      </c>
      <c r="AC27" s="330">
        <v>17255</v>
      </c>
      <c r="AD27" s="330">
        <v>209751</v>
      </c>
      <c r="AE27" s="330">
        <v>103720</v>
      </c>
      <c r="AF27" s="330">
        <v>42985</v>
      </c>
      <c r="AG27" s="333">
        <v>440956</v>
      </c>
      <c r="AH27" s="334">
        <v>440956</v>
      </c>
      <c r="AI27" s="329">
        <v>0</v>
      </c>
      <c r="AJ27" s="330">
        <v>0</v>
      </c>
      <c r="AK27" s="331">
        <v>0</v>
      </c>
      <c r="AL27" s="335"/>
      <c r="AM27" s="330">
        <v>0</v>
      </c>
      <c r="AN27" s="330">
        <v>0</v>
      </c>
      <c r="AO27" s="330">
        <v>0</v>
      </c>
      <c r="AP27" s="330">
        <v>0</v>
      </c>
      <c r="AQ27" s="330">
        <v>32705</v>
      </c>
      <c r="AR27" s="333">
        <v>32705</v>
      </c>
      <c r="AS27" s="334">
        <v>32705</v>
      </c>
      <c r="AT27" s="329">
        <v>0</v>
      </c>
      <c r="AU27" s="330">
        <v>0</v>
      </c>
      <c r="AV27" s="331">
        <v>0</v>
      </c>
      <c r="AW27" s="335"/>
      <c r="AX27" s="330">
        <v>0</v>
      </c>
      <c r="AY27" s="330">
        <v>0</v>
      </c>
      <c r="AZ27" s="330">
        <v>0</v>
      </c>
      <c r="BA27" s="330">
        <v>0</v>
      </c>
      <c r="BB27" s="330">
        <v>0</v>
      </c>
      <c r="BC27" s="333">
        <v>0</v>
      </c>
      <c r="BD27" s="334">
        <v>0</v>
      </c>
      <c r="BE27" s="329">
        <v>0</v>
      </c>
      <c r="BF27" s="330">
        <v>0</v>
      </c>
      <c r="BG27" s="331">
        <v>0</v>
      </c>
      <c r="BH27" s="335"/>
      <c r="BI27" s="330">
        <v>0</v>
      </c>
      <c r="BJ27" s="330">
        <v>0</v>
      </c>
      <c r="BK27" s="330">
        <v>0</v>
      </c>
      <c r="BL27" s="330">
        <v>0</v>
      </c>
      <c r="BM27" s="330">
        <v>0</v>
      </c>
      <c r="BN27" s="333">
        <v>0</v>
      </c>
      <c r="BO27" s="334">
        <v>0</v>
      </c>
      <c r="BP27" s="329">
        <v>0</v>
      </c>
      <c r="BQ27" s="330">
        <v>0</v>
      </c>
      <c r="BR27" s="331">
        <v>0</v>
      </c>
      <c r="BS27" s="332">
        <v>0</v>
      </c>
      <c r="BT27" s="330">
        <v>1415</v>
      </c>
      <c r="BU27" s="330">
        <v>22836</v>
      </c>
      <c r="BV27" s="330">
        <v>6264</v>
      </c>
      <c r="BW27" s="330">
        <v>16958</v>
      </c>
      <c r="BX27" s="330">
        <v>8705</v>
      </c>
      <c r="BY27" s="333">
        <v>56178</v>
      </c>
      <c r="BZ27" s="334">
        <v>56178</v>
      </c>
      <c r="CA27" s="329">
        <v>0</v>
      </c>
      <c r="CB27" s="330">
        <v>0</v>
      </c>
      <c r="CC27" s="331">
        <v>0</v>
      </c>
      <c r="CD27" s="332">
        <v>0</v>
      </c>
      <c r="CE27" s="330">
        <v>1935</v>
      </c>
      <c r="CF27" s="330">
        <v>0</v>
      </c>
      <c r="CG27" s="330">
        <v>2535</v>
      </c>
      <c r="CH27" s="330">
        <v>0</v>
      </c>
      <c r="CI27" s="330">
        <v>7315</v>
      </c>
      <c r="CJ27" s="333">
        <v>11785</v>
      </c>
      <c r="CK27" s="334">
        <v>11785</v>
      </c>
      <c r="CL27" s="329">
        <v>0</v>
      </c>
      <c r="CM27" s="330">
        <v>0</v>
      </c>
      <c r="CN27" s="331">
        <v>0</v>
      </c>
      <c r="CO27" s="332">
        <v>0</v>
      </c>
      <c r="CP27" s="330">
        <v>0</v>
      </c>
      <c r="CQ27" s="330">
        <v>0</v>
      </c>
      <c r="CR27" s="330">
        <v>0</v>
      </c>
      <c r="CS27" s="330">
        <v>0</v>
      </c>
      <c r="CT27" s="330">
        <v>0</v>
      </c>
      <c r="CU27" s="333">
        <v>0</v>
      </c>
      <c r="CV27" s="334">
        <v>0</v>
      </c>
      <c r="CW27" s="329">
        <v>0</v>
      </c>
      <c r="CX27" s="330">
        <v>0</v>
      </c>
      <c r="CY27" s="331">
        <v>0</v>
      </c>
      <c r="CZ27" s="335"/>
      <c r="DA27" s="330">
        <v>0</v>
      </c>
      <c r="DB27" s="330">
        <v>0</v>
      </c>
      <c r="DC27" s="330">
        <v>0</v>
      </c>
      <c r="DD27" s="330">
        <v>0</v>
      </c>
      <c r="DE27" s="330">
        <v>0</v>
      </c>
      <c r="DF27" s="333">
        <v>0</v>
      </c>
      <c r="DG27" s="334">
        <v>0</v>
      </c>
      <c r="DH27" s="329">
        <v>0</v>
      </c>
      <c r="DI27" s="330">
        <v>0</v>
      </c>
      <c r="DJ27" s="331">
        <v>0</v>
      </c>
      <c r="DK27" s="332">
        <v>0</v>
      </c>
      <c r="DL27" s="330">
        <v>4072</v>
      </c>
      <c r="DM27" s="330">
        <v>78428</v>
      </c>
      <c r="DN27" s="330">
        <v>400161</v>
      </c>
      <c r="DO27" s="330">
        <v>559250</v>
      </c>
      <c r="DP27" s="330">
        <v>525197</v>
      </c>
      <c r="DQ27" s="333">
        <v>1567108</v>
      </c>
      <c r="DR27" s="336">
        <v>1567108</v>
      </c>
      <c r="DS27" s="329">
        <v>0</v>
      </c>
      <c r="DT27" s="330">
        <v>0</v>
      </c>
      <c r="DU27" s="331">
        <v>0</v>
      </c>
      <c r="DV27" s="335"/>
      <c r="DW27" s="330">
        <v>0</v>
      </c>
      <c r="DX27" s="330">
        <v>0</v>
      </c>
      <c r="DY27" s="330">
        <v>334156</v>
      </c>
      <c r="DZ27" s="330">
        <v>529232</v>
      </c>
      <c r="EA27" s="330">
        <v>510150</v>
      </c>
      <c r="EB27" s="333">
        <v>1373538</v>
      </c>
      <c r="EC27" s="334">
        <v>1373538</v>
      </c>
      <c r="ED27" s="329">
        <v>0</v>
      </c>
      <c r="EE27" s="330">
        <v>0</v>
      </c>
      <c r="EF27" s="331">
        <v>0</v>
      </c>
      <c r="EG27" s="335"/>
      <c r="EH27" s="330">
        <v>1253</v>
      </c>
      <c r="EI27" s="330">
        <v>45556</v>
      </c>
      <c r="EJ27" s="330">
        <v>46658</v>
      </c>
      <c r="EK27" s="330">
        <v>1512</v>
      </c>
      <c r="EL27" s="330">
        <v>4582</v>
      </c>
      <c r="EM27" s="333">
        <v>99561</v>
      </c>
      <c r="EN27" s="334">
        <v>99561</v>
      </c>
      <c r="EO27" s="329">
        <v>0</v>
      </c>
      <c r="EP27" s="330">
        <v>0</v>
      </c>
      <c r="EQ27" s="331">
        <v>0</v>
      </c>
      <c r="ER27" s="335"/>
      <c r="ES27" s="330">
        <v>0</v>
      </c>
      <c r="ET27" s="330">
        <v>0</v>
      </c>
      <c r="EU27" s="330">
        <v>0</v>
      </c>
      <c r="EV27" s="330">
        <v>0</v>
      </c>
      <c r="EW27" s="330">
        <v>217</v>
      </c>
      <c r="EX27" s="333">
        <v>217</v>
      </c>
      <c r="EY27" s="334">
        <v>217</v>
      </c>
      <c r="EZ27" s="329">
        <v>0</v>
      </c>
      <c r="FA27" s="330">
        <v>0</v>
      </c>
      <c r="FB27" s="331">
        <v>0</v>
      </c>
      <c r="FC27" s="335"/>
      <c r="FD27" s="330">
        <v>0</v>
      </c>
      <c r="FE27" s="330">
        <v>0</v>
      </c>
      <c r="FF27" s="330">
        <v>0</v>
      </c>
      <c r="FG27" s="330">
        <v>0</v>
      </c>
      <c r="FH27" s="330">
        <v>0</v>
      </c>
      <c r="FI27" s="333">
        <v>0</v>
      </c>
      <c r="FJ27" s="334">
        <v>0</v>
      </c>
      <c r="FK27" s="329">
        <v>0</v>
      </c>
      <c r="FL27" s="330">
        <v>0</v>
      </c>
      <c r="FM27" s="331">
        <v>0</v>
      </c>
      <c r="FN27" s="335"/>
      <c r="FO27" s="330">
        <v>0</v>
      </c>
      <c r="FP27" s="330">
        <v>0</v>
      </c>
      <c r="FQ27" s="330">
        <v>0</v>
      </c>
      <c r="FR27" s="330">
        <v>0</v>
      </c>
      <c r="FS27" s="330">
        <v>0</v>
      </c>
      <c r="FT27" s="333">
        <v>0</v>
      </c>
      <c r="FU27" s="334">
        <v>0</v>
      </c>
      <c r="FV27" s="329">
        <v>0</v>
      </c>
      <c r="FW27" s="330">
        <v>0</v>
      </c>
      <c r="FX27" s="331">
        <v>0</v>
      </c>
      <c r="FY27" s="332">
        <v>0</v>
      </c>
      <c r="FZ27" s="330">
        <v>2784</v>
      </c>
      <c r="GA27" s="330">
        <v>32872</v>
      </c>
      <c r="GB27" s="330">
        <v>19298</v>
      </c>
      <c r="GC27" s="330">
        <v>28506</v>
      </c>
      <c r="GD27" s="330">
        <v>10185</v>
      </c>
      <c r="GE27" s="333">
        <v>93645</v>
      </c>
      <c r="GF27" s="334">
        <v>93645</v>
      </c>
      <c r="GG27" s="329">
        <v>0</v>
      </c>
      <c r="GH27" s="330">
        <v>0</v>
      </c>
      <c r="GI27" s="331">
        <v>0</v>
      </c>
      <c r="GJ27" s="332">
        <v>0</v>
      </c>
      <c r="GK27" s="330">
        <v>35</v>
      </c>
      <c r="GL27" s="330">
        <v>0</v>
      </c>
      <c r="GM27" s="330">
        <v>49</v>
      </c>
      <c r="GN27" s="330">
        <v>0</v>
      </c>
      <c r="GO27" s="330">
        <v>63</v>
      </c>
      <c r="GP27" s="333">
        <v>147</v>
      </c>
      <c r="GQ27" s="334">
        <v>147</v>
      </c>
      <c r="GR27" s="329">
        <v>0</v>
      </c>
      <c r="GS27" s="330">
        <v>0</v>
      </c>
      <c r="GT27" s="331">
        <v>0</v>
      </c>
      <c r="GU27" s="332">
        <v>0</v>
      </c>
      <c r="GV27" s="330">
        <v>0</v>
      </c>
      <c r="GW27" s="330">
        <v>0</v>
      </c>
      <c r="GX27" s="330">
        <v>0</v>
      </c>
      <c r="GY27" s="330">
        <v>0</v>
      </c>
      <c r="GZ27" s="330">
        <v>0</v>
      </c>
      <c r="HA27" s="333">
        <v>0</v>
      </c>
      <c r="HB27" s="334">
        <v>0</v>
      </c>
      <c r="HC27" s="329">
        <v>0</v>
      </c>
      <c r="HD27" s="330">
        <v>0</v>
      </c>
      <c r="HE27" s="331">
        <v>0</v>
      </c>
      <c r="HF27" s="335"/>
      <c r="HG27" s="330">
        <v>0</v>
      </c>
      <c r="HH27" s="330">
        <v>0</v>
      </c>
      <c r="HI27" s="330">
        <v>0</v>
      </c>
      <c r="HJ27" s="330">
        <v>0</v>
      </c>
      <c r="HK27" s="330">
        <v>0</v>
      </c>
      <c r="HL27" s="333">
        <v>0</v>
      </c>
      <c r="HM27" s="334">
        <v>0</v>
      </c>
      <c r="HN27" s="329">
        <v>0</v>
      </c>
      <c r="HO27" s="330">
        <v>0</v>
      </c>
      <c r="HP27" s="331">
        <v>0</v>
      </c>
      <c r="HQ27" s="332">
        <v>0</v>
      </c>
      <c r="HR27" s="330">
        <v>74667</v>
      </c>
      <c r="HS27" s="330">
        <v>118519</v>
      </c>
      <c r="HT27" s="330">
        <v>838506</v>
      </c>
      <c r="HU27" s="330">
        <v>985728</v>
      </c>
      <c r="HV27" s="330">
        <v>925032</v>
      </c>
      <c r="HW27" s="333">
        <v>2942452</v>
      </c>
      <c r="HX27" s="334">
        <v>2942452</v>
      </c>
    </row>
    <row r="28" spans="1:232" ht="16.5" customHeight="1" x14ac:dyDescent="0.2">
      <c r="A28" s="327" t="s">
        <v>25</v>
      </c>
      <c r="B28" s="329">
        <v>0</v>
      </c>
      <c r="C28" s="330">
        <v>0</v>
      </c>
      <c r="D28" s="331">
        <v>0</v>
      </c>
      <c r="E28" s="332">
        <v>0</v>
      </c>
      <c r="F28" s="330">
        <v>145275</v>
      </c>
      <c r="G28" s="330">
        <v>122349</v>
      </c>
      <c r="H28" s="330">
        <v>561627</v>
      </c>
      <c r="I28" s="330">
        <v>931365</v>
      </c>
      <c r="J28" s="330">
        <v>583325</v>
      </c>
      <c r="K28" s="333">
        <v>2343941</v>
      </c>
      <c r="L28" s="334">
        <v>2343941</v>
      </c>
      <c r="M28" s="329">
        <v>0</v>
      </c>
      <c r="N28" s="330">
        <v>0</v>
      </c>
      <c r="O28" s="331">
        <v>0</v>
      </c>
      <c r="P28" s="335"/>
      <c r="Q28" s="330">
        <v>29915</v>
      </c>
      <c r="R28" s="330">
        <v>45880</v>
      </c>
      <c r="S28" s="330">
        <v>488422</v>
      </c>
      <c r="T28" s="330">
        <v>604005</v>
      </c>
      <c r="U28" s="330">
        <v>426380</v>
      </c>
      <c r="V28" s="333">
        <v>1594602</v>
      </c>
      <c r="W28" s="334">
        <v>1594602</v>
      </c>
      <c r="X28" s="329">
        <v>0</v>
      </c>
      <c r="Y28" s="330">
        <v>0</v>
      </c>
      <c r="Z28" s="331">
        <v>0</v>
      </c>
      <c r="AA28" s="335"/>
      <c r="AB28" s="330">
        <v>114525</v>
      </c>
      <c r="AC28" s="330">
        <v>60255</v>
      </c>
      <c r="AD28" s="330">
        <v>67890</v>
      </c>
      <c r="AE28" s="330">
        <v>308242</v>
      </c>
      <c r="AF28" s="330">
        <v>123950</v>
      </c>
      <c r="AG28" s="333">
        <v>674862</v>
      </c>
      <c r="AH28" s="334">
        <v>674862</v>
      </c>
      <c r="AI28" s="329">
        <v>0</v>
      </c>
      <c r="AJ28" s="330">
        <v>0</v>
      </c>
      <c r="AK28" s="331">
        <v>0</v>
      </c>
      <c r="AL28" s="335"/>
      <c r="AM28" s="330">
        <v>0</v>
      </c>
      <c r="AN28" s="330">
        <v>0</v>
      </c>
      <c r="AO28" s="330">
        <v>0</v>
      </c>
      <c r="AP28" s="330">
        <v>0</v>
      </c>
      <c r="AQ28" s="330">
        <v>0</v>
      </c>
      <c r="AR28" s="333">
        <v>0</v>
      </c>
      <c r="AS28" s="334">
        <v>0</v>
      </c>
      <c r="AT28" s="329">
        <v>0</v>
      </c>
      <c r="AU28" s="330">
        <v>0</v>
      </c>
      <c r="AV28" s="331">
        <v>0</v>
      </c>
      <c r="AW28" s="335"/>
      <c r="AX28" s="330">
        <v>0</v>
      </c>
      <c r="AY28" s="330">
        <v>0</v>
      </c>
      <c r="AZ28" s="330">
        <v>0</v>
      </c>
      <c r="BA28" s="330">
        <v>0</v>
      </c>
      <c r="BB28" s="330">
        <v>0</v>
      </c>
      <c r="BC28" s="333">
        <v>0</v>
      </c>
      <c r="BD28" s="334">
        <v>0</v>
      </c>
      <c r="BE28" s="329">
        <v>0</v>
      </c>
      <c r="BF28" s="330">
        <v>0</v>
      </c>
      <c r="BG28" s="331">
        <v>0</v>
      </c>
      <c r="BH28" s="335"/>
      <c r="BI28" s="330">
        <v>0</v>
      </c>
      <c r="BJ28" s="330">
        <v>0</v>
      </c>
      <c r="BK28" s="330">
        <v>0</v>
      </c>
      <c r="BL28" s="330">
        <v>0</v>
      </c>
      <c r="BM28" s="330">
        <v>0</v>
      </c>
      <c r="BN28" s="333">
        <v>0</v>
      </c>
      <c r="BO28" s="334">
        <v>0</v>
      </c>
      <c r="BP28" s="329">
        <v>0</v>
      </c>
      <c r="BQ28" s="330">
        <v>0</v>
      </c>
      <c r="BR28" s="331">
        <v>0</v>
      </c>
      <c r="BS28" s="332">
        <v>0</v>
      </c>
      <c r="BT28" s="330">
        <v>835</v>
      </c>
      <c r="BU28" s="330">
        <v>16214</v>
      </c>
      <c r="BV28" s="330">
        <v>4870</v>
      </c>
      <c r="BW28" s="330">
        <v>7323</v>
      </c>
      <c r="BX28" s="330">
        <v>32995</v>
      </c>
      <c r="BY28" s="333">
        <v>62237</v>
      </c>
      <c r="BZ28" s="334">
        <v>62237</v>
      </c>
      <c r="CA28" s="329">
        <v>0</v>
      </c>
      <c r="CB28" s="330">
        <v>0</v>
      </c>
      <c r="CC28" s="331">
        <v>0</v>
      </c>
      <c r="CD28" s="332">
        <v>0</v>
      </c>
      <c r="CE28" s="330">
        <v>0</v>
      </c>
      <c r="CF28" s="330">
        <v>0</v>
      </c>
      <c r="CG28" s="330">
        <v>445</v>
      </c>
      <c r="CH28" s="330">
        <v>11795</v>
      </c>
      <c r="CI28" s="330">
        <v>0</v>
      </c>
      <c r="CJ28" s="333">
        <v>12240</v>
      </c>
      <c r="CK28" s="334">
        <v>12240</v>
      </c>
      <c r="CL28" s="329">
        <v>0</v>
      </c>
      <c r="CM28" s="330">
        <v>0</v>
      </c>
      <c r="CN28" s="331">
        <v>0</v>
      </c>
      <c r="CO28" s="332">
        <v>0</v>
      </c>
      <c r="CP28" s="330">
        <v>0</v>
      </c>
      <c r="CQ28" s="330">
        <v>0</v>
      </c>
      <c r="CR28" s="330">
        <v>0</v>
      </c>
      <c r="CS28" s="330">
        <v>0</v>
      </c>
      <c r="CT28" s="330">
        <v>0</v>
      </c>
      <c r="CU28" s="333">
        <v>0</v>
      </c>
      <c r="CV28" s="334">
        <v>0</v>
      </c>
      <c r="CW28" s="329">
        <v>0</v>
      </c>
      <c r="CX28" s="330">
        <v>0</v>
      </c>
      <c r="CY28" s="331">
        <v>0</v>
      </c>
      <c r="CZ28" s="335"/>
      <c r="DA28" s="330">
        <v>0</v>
      </c>
      <c r="DB28" s="330">
        <v>0</v>
      </c>
      <c r="DC28" s="330">
        <v>0</v>
      </c>
      <c r="DD28" s="330">
        <v>0</v>
      </c>
      <c r="DE28" s="330">
        <v>0</v>
      </c>
      <c r="DF28" s="333">
        <v>0</v>
      </c>
      <c r="DG28" s="334">
        <v>0</v>
      </c>
      <c r="DH28" s="329">
        <v>0</v>
      </c>
      <c r="DI28" s="330">
        <v>0</v>
      </c>
      <c r="DJ28" s="331">
        <v>0</v>
      </c>
      <c r="DK28" s="332">
        <v>0</v>
      </c>
      <c r="DL28" s="330">
        <v>76227</v>
      </c>
      <c r="DM28" s="330">
        <v>152524</v>
      </c>
      <c r="DN28" s="330">
        <v>661285</v>
      </c>
      <c r="DO28" s="330">
        <v>708949</v>
      </c>
      <c r="DP28" s="330">
        <v>354870</v>
      </c>
      <c r="DQ28" s="333">
        <v>1953855</v>
      </c>
      <c r="DR28" s="336">
        <v>1953855</v>
      </c>
      <c r="DS28" s="329">
        <v>0</v>
      </c>
      <c r="DT28" s="330">
        <v>0</v>
      </c>
      <c r="DU28" s="331">
        <v>0</v>
      </c>
      <c r="DV28" s="335"/>
      <c r="DW28" s="330">
        <v>64728</v>
      </c>
      <c r="DX28" s="330">
        <v>118079</v>
      </c>
      <c r="DY28" s="330">
        <v>655036</v>
      </c>
      <c r="DZ28" s="330">
        <v>642320</v>
      </c>
      <c r="EA28" s="330">
        <v>314935</v>
      </c>
      <c r="EB28" s="333">
        <v>1795098</v>
      </c>
      <c r="EC28" s="334">
        <v>1795098</v>
      </c>
      <c r="ED28" s="329">
        <v>0</v>
      </c>
      <c r="EE28" s="330">
        <v>0</v>
      </c>
      <c r="EF28" s="331">
        <v>0</v>
      </c>
      <c r="EG28" s="335"/>
      <c r="EH28" s="330">
        <v>10529</v>
      </c>
      <c r="EI28" s="330">
        <v>2307</v>
      </c>
      <c r="EJ28" s="330">
        <v>868</v>
      </c>
      <c r="EK28" s="330">
        <v>44804</v>
      </c>
      <c r="EL28" s="330">
        <v>12555</v>
      </c>
      <c r="EM28" s="333">
        <v>71063</v>
      </c>
      <c r="EN28" s="334">
        <v>71063</v>
      </c>
      <c r="EO28" s="329">
        <v>0</v>
      </c>
      <c r="EP28" s="330">
        <v>0</v>
      </c>
      <c r="EQ28" s="331">
        <v>0</v>
      </c>
      <c r="ER28" s="335"/>
      <c r="ES28" s="330">
        <v>0</v>
      </c>
      <c r="ET28" s="330">
        <v>0</v>
      </c>
      <c r="EU28" s="330">
        <v>0</v>
      </c>
      <c r="EV28" s="330">
        <v>0</v>
      </c>
      <c r="EW28" s="330">
        <v>0</v>
      </c>
      <c r="EX28" s="333">
        <v>0</v>
      </c>
      <c r="EY28" s="334">
        <v>0</v>
      </c>
      <c r="EZ28" s="329">
        <v>0</v>
      </c>
      <c r="FA28" s="330">
        <v>0</v>
      </c>
      <c r="FB28" s="331">
        <v>0</v>
      </c>
      <c r="FC28" s="335"/>
      <c r="FD28" s="330">
        <v>0</v>
      </c>
      <c r="FE28" s="330">
        <v>0</v>
      </c>
      <c r="FF28" s="330">
        <v>0</v>
      </c>
      <c r="FG28" s="330">
        <v>0</v>
      </c>
      <c r="FH28" s="330">
        <v>0</v>
      </c>
      <c r="FI28" s="333">
        <v>0</v>
      </c>
      <c r="FJ28" s="334">
        <v>0</v>
      </c>
      <c r="FK28" s="329">
        <v>0</v>
      </c>
      <c r="FL28" s="330">
        <v>0</v>
      </c>
      <c r="FM28" s="331">
        <v>0</v>
      </c>
      <c r="FN28" s="335"/>
      <c r="FO28" s="330">
        <v>0</v>
      </c>
      <c r="FP28" s="330">
        <v>0</v>
      </c>
      <c r="FQ28" s="330">
        <v>0</v>
      </c>
      <c r="FR28" s="330">
        <v>0</v>
      </c>
      <c r="FS28" s="330">
        <v>0</v>
      </c>
      <c r="FT28" s="333">
        <v>0</v>
      </c>
      <c r="FU28" s="334">
        <v>0</v>
      </c>
      <c r="FV28" s="329">
        <v>0</v>
      </c>
      <c r="FW28" s="330">
        <v>0</v>
      </c>
      <c r="FX28" s="331">
        <v>0</v>
      </c>
      <c r="FY28" s="332">
        <v>0</v>
      </c>
      <c r="FZ28" s="330">
        <v>970</v>
      </c>
      <c r="GA28" s="330">
        <v>32138</v>
      </c>
      <c r="GB28" s="330">
        <v>5360</v>
      </c>
      <c r="GC28" s="330">
        <v>21825</v>
      </c>
      <c r="GD28" s="330">
        <v>27380</v>
      </c>
      <c r="GE28" s="333">
        <v>87673</v>
      </c>
      <c r="GF28" s="334">
        <v>87673</v>
      </c>
      <c r="GG28" s="329">
        <v>0</v>
      </c>
      <c r="GH28" s="330">
        <v>0</v>
      </c>
      <c r="GI28" s="331">
        <v>0</v>
      </c>
      <c r="GJ28" s="332">
        <v>0</v>
      </c>
      <c r="GK28" s="330">
        <v>0</v>
      </c>
      <c r="GL28" s="330">
        <v>0</v>
      </c>
      <c r="GM28" s="330">
        <v>21</v>
      </c>
      <c r="GN28" s="330">
        <v>0</v>
      </c>
      <c r="GO28" s="330">
        <v>0</v>
      </c>
      <c r="GP28" s="333">
        <v>21</v>
      </c>
      <c r="GQ28" s="334">
        <v>21</v>
      </c>
      <c r="GR28" s="329">
        <v>0</v>
      </c>
      <c r="GS28" s="330">
        <v>0</v>
      </c>
      <c r="GT28" s="331">
        <v>0</v>
      </c>
      <c r="GU28" s="332">
        <v>0</v>
      </c>
      <c r="GV28" s="330">
        <v>0</v>
      </c>
      <c r="GW28" s="330">
        <v>0</v>
      </c>
      <c r="GX28" s="330">
        <v>0</v>
      </c>
      <c r="GY28" s="330">
        <v>0</v>
      </c>
      <c r="GZ28" s="330">
        <v>0</v>
      </c>
      <c r="HA28" s="333">
        <v>0</v>
      </c>
      <c r="HB28" s="334">
        <v>0</v>
      </c>
      <c r="HC28" s="329">
        <v>0</v>
      </c>
      <c r="HD28" s="330">
        <v>0</v>
      </c>
      <c r="HE28" s="331">
        <v>0</v>
      </c>
      <c r="HF28" s="335"/>
      <c r="HG28" s="330">
        <v>0</v>
      </c>
      <c r="HH28" s="330">
        <v>0</v>
      </c>
      <c r="HI28" s="330">
        <v>0</v>
      </c>
      <c r="HJ28" s="330">
        <v>0</v>
      </c>
      <c r="HK28" s="330">
        <v>0</v>
      </c>
      <c r="HL28" s="333">
        <v>0</v>
      </c>
      <c r="HM28" s="334">
        <v>0</v>
      </c>
      <c r="HN28" s="329">
        <v>0</v>
      </c>
      <c r="HO28" s="330">
        <v>0</v>
      </c>
      <c r="HP28" s="331">
        <v>0</v>
      </c>
      <c r="HQ28" s="332">
        <v>0</v>
      </c>
      <c r="HR28" s="330">
        <v>221502</v>
      </c>
      <c r="HS28" s="330">
        <v>274873</v>
      </c>
      <c r="HT28" s="330">
        <v>1222912</v>
      </c>
      <c r="HU28" s="330">
        <v>1640314</v>
      </c>
      <c r="HV28" s="330">
        <v>938195</v>
      </c>
      <c r="HW28" s="333">
        <v>4297796</v>
      </c>
      <c r="HX28" s="334">
        <v>4297796</v>
      </c>
    </row>
    <row r="29" spans="1:232" ht="16.5" customHeight="1" x14ac:dyDescent="0.2">
      <c r="A29" s="327" t="s">
        <v>26</v>
      </c>
      <c r="B29" s="329">
        <v>0</v>
      </c>
      <c r="C29" s="330">
        <v>4495</v>
      </c>
      <c r="D29" s="331">
        <v>4495</v>
      </c>
      <c r="E29" s="332">
        <v>0</v>
      </c>
      <c r="F29" s="330">
        <v>70334</v>
      </c>
      <c r="G29" s="330">
        <v>195801</v>
      </c>
      <c r="H29" s="330">
        <v>411335</v>
      </c>
      <c r="I29" s="330">
        <v>837750</v>
      </c>
      <c r="J29" s="330">
        <v>386429</v>
      </c>
      <c r="K29" s="333">
        <v>1901649</v>
      </c>
      <c r="L29" s="334">
        <v>1906144</v>
      </c>
      <c r="M29" s="329">
        <v>0</v>
      </c>
      <c r="N29" s="330">
        <v>0</v>
      </c>
      <c r="O29" s="331">
        <v>0</v>
      </c>
      <c r="P29" s="335"/>
      <c r="Q29" s="330">
        <v>0</v>
      </c>
      <c r="R29" s="330">
        <v>33945</v>
      </c>
      <c r="S29" s="330">
        <v>218395</v>
      </c>
      <c r="T29" s="330">
        <v>697920</v>
      </c>
      <c r="U29" s="330">
        <v>373360</v>
      </c>
      <c r="V29" s="333">
        <v>1323620</v>
      </c>
      <c r="W29" s="334">
        <v>1323620</v>
      </c>
      <c r="X29" s="329">
        <v>0</v>
      </c>
      <c r="Y29" s="330">
        <v>0</v>
      </c>
      <c r="Z29" s="331">
        <v>0</v>
      </c>
      <c r="AA29" s="335"/>
      <c r="AB29" s="330">
        <v>68045</v>
      </c>
      <c r="AC29" s="330">
        <v>152055</v>
      </c>
      <c r="AD29" s="330">
        <v>152390</v>
      </c>
      <c r="AE29" s="330">
        <v>106175</v>
      </c>
      <c r="AF29" s="330">
        <v>0</v>
      </c>
      <c r="AG29" s="333">
        <v>478665</v>
      </c>
      <c r="AH29" s="334">
        <v>478665</v>
      </c>
      <c r="AI29" s="329">
        <v>0</v>
      </c>
      <c r="AJ29" s="330">
        <v>0</v>
      </c>
      <c r="AK29" s="331">
        <v>0</v>
      </c>
      <c r="AL29" s="335"/>
      <c r="AM29" s="330">
        <v>0</v>
      </c>
      <c r="AN29" s="330">
        <v>0</v>
      </c>
      <c r="AO29" s="330">
        <v>0</v>
      </c>
      <c r="AP29" s="330">
        <v>2635</v>
      </c>
      <c r="AQ29" s="330">
        <v>0</v>
      </c>
      <c r="AR29" s="333">
        <v>2635</v>
      </c>
      <c r="AS29" s="334">
        <v>2635</v>
      </c>
      <c r="AT29" s="329">
        <v>0</v>
      </c>
      <c r="AU29" s="330">
        <v>0</v>
      </c>
      <c r="AV29" s="331">
        <v>0</v>
      </c>
      <c r="AW29" s="335"/>
      <c r="AX29" s="330">
        <v>0</v>
      </c>
      <c r="AY29" s="330">
        <v>0</v>
      </c>
      <c r="AZ29" s="330">
        <v>0</v>
      </c>
      <c r="BA29" s="330">
        <v>22630</v>
      </c>
      <c r="BB29" s="330">
        <v>2635</v>
      </c>
      <c r="BC29" s="333">
        <v>25265</v>
      </c>
      <c r="BD29" s="334">
        <v>25265</v>
      </c>
      <c r="BE29" s="329">
        <v>0</v>
      </c>
      <c r="BF29" s="330">
        <v>0</v>
      </c>
      <c r="BG29" s="331">
        <v>0</v>
      </c>
      <c r="BH29" s="335"/>
      <c r="BI29" s="330">
        <v>0</v>
      </c>
      <c r="BJ29" s="330">
        <v>2635</v>
      </c>
      <c r="BK29" s="330">
        <v>0</v>
      </c>
      <c r="BL29" s="330">
        <v>0</v>
      </c>
      <c r="BM29" s="330">
        <v>0</v>
      </c>
      <c r="BN29" s="333">
        <v>2635</v>
      </c>
      <c r="BO29" s="334">
        <v>2635</v>
      </c>
      <c r="BP29" s="329">
        <v>0</v>
      </c>
      <c r="BQ29" s="330">
        <v>4495</v>
      </c>
      <c r="BR29" s="331">
        <v>4495</v>
      </c>
      <c r="BS29" s="332">
        <v>0</v>
      </c>
      <c r="BT29" s="330">
        <v>2289</v>
      </c>
      <c r="BU29" s="330">
        <v>7166</v>
      </c>
      <c r="BV29" s="330">
        <v>32280</v>
      </c>
      <c r="BW29" s="330">
        <v>7410</v>
      </c>
      <c r="BX29" s="330">
        <v>10334</v>
      </c>
      <c r="BY29" s="333">
        <v>59479</v>
      </c>
      <c r="BZ29" s="334">
        <v>63974</v>
      </c>
      <c r="CA29" s="329">
        <v>0</v>
      </c>
      <c r="CB29" s="330">
        <v>0</v>
      </c>
      <c r="CC29" s="331">
        <v>0</v>
      </c>
      <c r="CD29" s="332">
        <v>0</v>
      </c>
      <c r="CE29" s="330">
        <v>0</v>
      </c>
      <c r="CF29" s="330">
        <v>0</v>
      </c>
      <c r="CG29" s="330">
        <v>8270</v>
      </c>
      <c r="CH29" s="330">
        <v>980</v>
      </c>
      <c r="CI29" s="330">
        <v>100</v>
      </c>
      <c r="CJ29" s="333">
        <v>9350</v>
      </c>
      <c r="CK29" s="334">
        <v>9350</v>
      </c>
      <c r="CL29" s="329">
        <v>0</v>
      </c>
      <c r="CM29" s="330">
        <v>0</v>
      </c>
      <c r="CN29" s="331">
        <v>0</v>
      </c>
      <c r="CO29" s="332">
        <v>0</v>
      </c>
      <c r="CP29" s="330">
        <v>0</v>
      </c>
      <c r="CQ29" s="330">
        <v>0</v>
      </c>
      <c r="CR29" s="330">
        <v>0</v>
      </c>
      <c r="CS29" s="330">
        <v>0</v>
      </c>
      <c r="CT29" s="330">
        <v>0</v>
      </c>
      <c r="CU29" s="333">
        <v>0</v>
      </c>
      <c r="CV29" s="334">
        <v>0</v>
      </c>
      <c r="CW29" s="329">
        <v>0</v>
      </c>
      <c r="CX29" s="330">
        <v>0</v>
      </c>
      <c r="CY29" s="331">
        <v>0</v>
      </c>
      <c r="CZ29" s="335"/>
      <c r="DA29" s="330">
        <v>0</v>
      </c>
      <c r="DB29" s="330">
        <v>0</v>
      </c>
      <c r="DC29" s="330">
        <v>0</v>
      </c>
      <c r="DD29" s="330">
        <v>0</v>
      </c>
      <c r="DE29" s="330">
        <v>0</v>
      </c>
      <c r="DF29" s="333">
        <v>0</v>
      </c>
      <c r="DG29" s="334">
        <v>0</v>
      </c>
      <c r="DH29" s="329">
        <v>0</v>
      </c>
      <c r="DI29" s="330">
        <v>21576</v>
      </c>
      <c r="DJ29" s="331">
        <v>21576</v>
      </c>
      <c r="DK29" s="332">
        <v>0</v>
      </c>
      <c r="DL29" s="330">
        <v>2106</v>
      </c>
      <c r="DM29" s="330">
        <v>142735</v>
      </c>
      <c r="DN29" s="330">
        <v>433072</v>
      </c>
      <c r="DO29" s="330">
        <v>848489</v>
      </c>
      <c r="DP29" s="330">
        <v>575334</v>
      </c>
      <c r="DQ29" s="333">
        <v>2001736</v>
      </c>
      <c r="DR29" s="336">
        <v>2023312</v>
      </c>
      <c r="DS29" s="329">
        <v>0</v>
      </c>
      <c r="DT29" s="330">
        <v>0</v>
      </c>
      <c r="DU29" s="331">
        <v>0</v>
      </c>
      <c r="DV29" s="335"/>
      <c r="DW29" s="330">
        <v>0</v>
      </c>
      <c r="DX29" s="330">
        <v>77686</v>
      </c>
      <c r="DY29" s="330">
        <v>331607</v>
      </c>
      <c r="DZ29" s="330">
        <v>807311</v>
      </c>
      <c r="EA29" s="330">
        <v>547311</v>
      </c>
      <c r="EB29" s="333">
        <v>1763915</v>
      </c>
      <c r="EC29" s="334">
        <v>1763915</v>
      </c>
      <c r="ED29" s="329">
        <v>0</v>
      </c>
      <c r="EE29" s="330">
        <v>0</v>
      </c>
      <c r="EF29" s="331">
        <v>0</v>
      </c>
      <c r="EG29" s="335"/>
      <c r="EH29" s="330">
        <v>651</v>
      </c>
      <c r="EI29" s="330">
        <v>35216</v>
      </c>
      <c r="EJ29" s="330">
        <v>38338</v>
      </c>
      <c r="EK29" s="330">
        <v>23436</v>
      </c>
      <c r="EL29" s="330">
        <v>0</v>
      </c>
      <c r="EM29" s="333">
        <v>97641</v>
      </c>
      <c r="EN29" s="334">
        <v>97641</v>
      </c>
      <c r="EO29" s="329">
        <v>0</v>
      </c>
      <c r="EP29" s="330">
        <v>0</v>
      </c>
      <c r="EQ29" s="331">
        <v>0</v>
      </c>
      <c r="ER29" s="335"/>
      <c r="ES29" s="330">
        <v>0</v>
      </c>
      <c r="ET29" s="330">
        <v>0</v>
      </c>
      <c r="EU29" s="330">
        <v>0</v>
      </c>
      <c r="EV29" s="330">
        <v>217</v>
      </c>
      <c r="EW29" s="330">
        <v>0</v>
      </c>
      <c r="EX29" s="333">
        <v>217</v>
      </c>
      <c r="EY29" s="334">
        <v>217</v>
      </c>
      <c r="EZ29" s="329">
        <v>0</v>
      </c>
      <c r="FA29" s="330">
        <v>0</v>
      </c>
      <c r="FB29" s="331">
        <v>0</v>
      </c>
      <c r="FC29" s="335"/>
      <c r="FD29" s="330">
        <v>0</v>
      </c>
      <c r="FE29" s="330">
        <v>0</v>
      </c>
      <c r="FF29" s="330">
        <v>0</v>
      </c>
      <c r="FG29" s="330">
        <v>0</v>
      </c>
      <c r="FH29" s="330">
        <v>217</v>
      </c>
      <c r="FI29" s="333">
        <v>217</v>
      </c>
      <c r="FJ29" s="334">
        <v>217</v>
      </c>
      <c r="FK29" s="329">
        <v>0</v>
      </c>
      <c r="FL29" s="330">
        <v>0</v>
      </c>
      <c r="FM29" s="331">
        <v>0</v>
      </c>
      <c r="FN29" s="335"/>
      <c r="FO29" s="330">
        <v>0</v>
      </c>
      <c r="FP29" s="330">
        <v>21576</v>
      </c>
      <c r="FQ29" s="330">
        <v>0</v>
      </c>
      <c r="FR29" s="330">
        <v>0</v>
      </c>
      <c r="FS29" s="330">
        <v>0</v>
      </c>
      <c r="FT29" s="333">
        <v>21576</v>
      </c>
      <c r="FU29" s="334">
        <v>21576</v>
      </c>
      <c r="FV29" s="329">
        <v>0</v>
      </c>
      <c r="FW29" s="330">
        <v>21576</v>
      </c>
      <c r="FX29" s="331">
        <v>21576</v>
      </c>
      <c r="FY29" s="332">
        <v>0</v>
      </c>
      <c r="FZ29" s="330">
        <v>1455</v>
      </c>
      <c r="GA29" s="330">
        <v>8257</v>
      </c>
      <c r="GB29" s="330">
        <v>63043</v>
      </c>
      <c r="GC29" s="330">
        <v>17441</v>
      </c>
      <c r="GD29" s="330">
        <v>23094</v>
      </c>
      <c r="GE29" s="333">
        <v>113290</v>
      </c>
      <c r="GF29" s="334">
        <v>134866</v>
      </c>
      <c r="GG29" s="329">
        <v>0</v>
      </c>
      <c r="GH29" s="330">
        <v>0</v>
      </c>
      <c r="GI29" s="331">
        <v>0</v>
      </c>
      <c r="GJ29" s="332">
        <v>0</v>
      </c>
      <c r="GK29" s="330">
        <v>0</v>
      </c>
      <c r="GL29" s="330">
        <v>0</v>
      </c>
      <c r="GM29" s="330">
        <v>84</v>
      </c>
      <c r="GN29" s="330">
        <v>84</v>
      </c>
      <c r="GO29" s="330">
        <v>4712</v>
      </c>
      <c r="GP29" s="333">
        <v>4880</v>
      </c>
      <c r="GQ29" s="334">
        <v>4880</v>
      </c>
      <c r="GR29" s="329">
        <v>0</v>
      </c>
      <c r="GS29" s="330">
        <v>0</v>
      </c>
      <c r="GT29" s="331">
        <v>0</v>
      </c>
      <c r="GU29" s="332">
        <v>0</v>
      </c>
      <c r="GV29" s="330">
        <v>0</v>
      </c>
      <c r="GW29" s="330">
        <v>0</v>
      </c>
      <c r="GX29" s="330">
        <v>0</v>
      </c>
      <c r="GY29" s="330">
        <v>0</v>
      </c>
      <c r="GZ29" s="330">
        <v>0</v>
      </c>
      <c r="HA29" s="333">
        <v>0</v>
      </c>
      <c r="HB29" s="334">
        <v>0</v>
      </c>
      <c r="HC29" s="329">
        <v>0</v>
      </c>
      <c r="HD29" s="330">
        <v>0</v>
      </c>
      <c r="HE29" s="331">
        <v>0</v>
      </c>
      <c r="HF29" s="335"/>
      <c r="HG29" s="330">
        <v>0</v>
      </c>
      <c r="HH29" s="330">
        <v>0</v>
      </c>
      <c r="HI29" s="330">
        <v>0</v>
      </c>
      <c r="HJ29" s="330">
        <v>0</v>
      </c>
      <c r="HK29" s="330">
        <v>0</v>
      </c>
      <c r="HL29" s="333">
        <v>0</v>
      </c>
      <c r="HM29" s="334">
        <v>0</v>
      </c>
      <c r="HN29" s="329">
        <v>0</v>
      </c>
      <c r="HO29" s="330">
        <v>26071</v>
      </c>
      <c r="HP29" s="331">
        <v>26071</v>
      </c>
      <c r="HQ29" s="332">
        <v>0</v>
      </c>
      <c r="HR29" s="330">
        <v>72440</v>
      </c>
      <c r="HS29" s="330">
        <v>338536</v>
      </c>
      <c r="HT29" s="330">
        <v>844407</v>
      </c>
      <c r="HU29" s="330">
        <v>1686239</v>
      </c>
      <c r="HV29" s="330">
        <v>961763</v>
      </c>
      <c r="HW29" s="333">
        <v>3903385</v>
      </c>
      <c r="HX29" s="334">
        <v>3929456</v>
      </c>
    </row>
    <row r="30" spans="1:232" ht="16.5" customHeight="1" x14ac:dyDescent="0.2">
      <c r="A30" s="327" t="s">
        <v>27</v>
      </c>
      <c r="B30" s="329">
        <v>0</v>
      </c>
      <c r="C30" s="330">
        <v>0</v>
      </c>
      <c r="D30" s="331">
        <v>0</v>
      </c>
      <c r="E30" s="332">
        <v>0</v>
      </c>
      <c r="F30" s="330">
        <v>69790</v>
      </c>
      <c r="G30" s="330">
        <v>160745</v>
      </c>
      <c r="H30" s="330">
        <v>704005</v>
      </c>
      <c r="I30" s="330">
        <v>601765</v>
      </c>
      <c r="J30" s="330">
        <v>374330</v>
      </c>
      <c r="K30" s="333">
        <v>1910635</v>
      </c>
      <c r="L30" s="334">
        <v>1910635</v>
      </c>
      <c r="M30" s="329">
        <v>0</v>
      </c>
      <c r="N30" s="330">
        <v>0</v>
      </c>
      <c r="O30" s="331">
        <v>0</v>
      </c>
      <c r="P30" s="335"/>
      <c r="Q30" s="330">
        <v>35340</v>
      </c>
      <c r="R30" s="330">
        <v>32705</v>
      </c>
      <c r="S30" s="330">
        <v>441925</v>
      </c>
      <c r="T30" s="330">
        <v>481805</v>
      </c>
      <c r="U30" s="330">
        <v>264975</v>
      </c>
      <c r="V30" s="333">
        <v>1256750</v>
      </c>
      <c r="W30" s="334">
        <v>1256750</v>
      </c>
      <c r="X30" s="329">
        <v>0</v>
      </c>
      <c r="Y30" s="330">
        <v>0</v>
      </c>
      <c r="Z30" s="331">
        <v>0</v>
      </c>
      <c r="AA30" s="335"/>
      <c r="AB30" s="330">
        <v>27280</v>
      </c>
      <c r="AC30" s="330">
        <v>127605</v>
      </c>
      <c r="AD30" s="330">
        <v>114080</v>
      </c>
      <c r="AE30" s="330">
        <v>110620</v>
      </c>
      <c r="AF30" s="330">
        <v>68045</v>
      </c>
      <c r="AG30" s="333">
        <v>447630</v>
      </c>
      <c r="AH30" s="334">
        <v>447630</v>
      </c>
      <c r="AI30" s="329">
        <v>0</v>
      </c>
      <c r="AJ30" s="330">
        <v>0</v>
      </c>
      <c r="AK30" s="331">
        <v>0</v>
      </c>
      <c r="AL30" s="335"/>
      <c r="AM30" s="330">
        <v>0</v>
      </c>
      <c r="AN30" s="330">
        <v>0</v>
      </c>
      <c r="AO30" s="330">
        <v>0</v>
      </c>
      <c r="AP30" s="330">
        <v>0</v>
      </c>
      <c r="AQ30" s="330">
        <v>0</v>
      </c>
      <c r="AR30" s="333">
        <v>0</v>
      </c>
      <c r="AS30" s="334">
        <v>0</v>
      </c>
      <c r="AT30" s="329">
        <v>0</v>
      </c>
      <c r="AU30" s="330">
        <v>0</v>
      </c>
      <c r="AV30" s="331">
        <v>0</v>
      </c>
      <c r="AW30" s="335"/>
      <c r="AX30" s="330">
        <v>0</v>
      </c>
      <c r="AY30" s="330">
        <v>0</v>
      </c>
      <c r="AZ30" s="330">
        <v>19080</v>
      </c>
      <c r="BA30" s="330">
        <v>0</v>
      </c>
      <c r="BB30" s="330">
        <v>0</v>
      </c>
      <c r="BC30" s="333">
        <v>19080</v>
      </c>
      <c r="BD30" s="334">
        <v>19080</v>
      </c>
      <c r="BE30" s="329">
        <v>0</v>
      </c>
      <c r="BF30" s="330">
        <v>0</v>
      </c>
      <c r="BG30" s="331">
        <v>0</v>
      </c>
      <c r="BH30" s="335"/>
      <c r="BI30" s="330">
        <v>0</v>
      </c>
      <c r="BJ30" s="330">
        <v>0</v>
      </c>
      <c r="BK30" s="330">
        <v>89900</v>
      </c>
      <c r="BL30" s="330">
        <v>2635</v>
      </c>
      <c r="BM30" s="330">
        <v>35340</v>
      </c>
      <c r="BN30" s="333">
        <v>127875</v>
      </c>
      <c r="BO30" s="334">
        <v>127875</v>
      </c>
      <c r="BP30" s="329">
        <v>0</v>
      </c>
      <c r="BQ30" s="330">
        <v>0</v>
      </c>
      <c r="BR30" s="331">
        <v>0</v>
      </c>
      <c r="BS30" s="332">
        <v>0</v>
      </c>
      <c r="BT30" s="330">
        <v>7170</v>
      </c>
      <c r="BU30" s="330">
        <v>435</v>
      </c>
      <c r="BV30" s="330">
        <v>39020</v>
      </c>
      <c r="BW30" s="330">
        <v>6270</v>
      </c>
      <c r="BX30" s="330">
        <v>2070</v>
      </c>
      <c r="BY30" s="333">
        <v>54965</v>
      </c>
      <c r="BZ30" s="334">
        <v>54965</v>
      </c>
      <c r="CA30" s="329">
        <v>0</v>
      </c>
      <c r="CB30" s="330">
        <v>0</v>
      </c>
      <c r="CC30" s="331">
        <v>0</v>
      </c>
      <c r="CD30" s="332">
        <v>0</v>
      </c>
      <c r="CE30" s="330">
        <v>0</v>
      </c>
      <c r="CF30" s="330">
        <v>0</v>
      </c>
      <c r="CG30" s="330">
        <v>0</v>
      </c>
      <c r="CH30" s="330">
        <v>435</v>
      </c>
      <c r="CI30" s="330">
        <v>3900</v>
      </c>
      <c r="CJ30" s="333">
        <v>4335</v>
      </c>
      <c r="CK30" s="334">
        <v>4335</v>
      </c>
      <c r="CL30" s="329">
        <v>0</v>
      </c>
      <c r="CM30" s="330">
        <v>0</v>
      </c>
      <c r="CN30" s="331">
        <v>0</v>
      </c>
      <c r="CO30" s="332">
        <v>0</v>
      </c>
      <c r="CP30" s="330">
        <v>0</v>
      </c>
      <c r="CQ30" s="330">
        <v>0</v>
      </c>
      <c r="CR30" s="330">
        <v>0</v>
      </c>
      <c r="CS30" s="330">
        <v>0</v>
      </c>
      <c r="CT30" s="330">
        <v>0</v>
      </c>
      <c r="CU30" s="333">
        <v>0</v>
      </c>
      <c r="CV30" s="334">
        <v>0</v>
      </c>
      <c r="CW30" s="329">
        <v>0</v>
      </c>
      <c r="CX30" s="330">
        <v>0</v>
      </c>
      <c r="CY30" s="331">
        <v>0</v>
      </c>
      <c r="CZ30" s="335"/>
      <c r="DA30" s="330">
        <v>0</v>
      </c>
      <c r="DB30" s="330">
        <v>0</v>
      </c>
      <c r="DC30" s="330">
        <v>0</v>
      </c>
      <c r="DD30" s="330">
        <v>0</v>
      </c>
      <c r="DE30" s="330">
        <v>0</v>
      </c>
      <c r="DF30" s="333">
        <v>0</v>
      </c>
      <c r="DG30" s="334">
        <v>0</v>
      </c>
      <c r="DH30" s="329">
        <v>0</v>
      </c>
      <c r="DI30" s="330">
        <v>0</v>
      </c>
      <c r="DJ30" s="331">
        <v>0</v>
      </c>
      <c r="DK30" s="332">
        <v>0</v>
      </c>
      <c r="DL30" s="330">
        <v>62003</v>
      </c>
      <c r="DM30" s="330">
        <v>101795</v>
      </c>
      <c r="DN30" s="330">
        <v>684668</v>
      </c>
      <c r="DO30" s="330">
        <v>624737</v>
      </c>
      <c r="DP30" s="330">
        <v>371008</v>
      </c>
      <c r="DQ30" s="333">
        <v>1844211</v>
      </c>
      <c r="DR30" s="336">
        <v>1844211</v>
      </c>
      <c r="DS30" s="329">
        <v>0</v>
      </c>
      <c r="DT30" s="330">
        <v>0</v>
      </c>
      <c r="DU30" s="331">
        <v>0</v>
      </c>
      <c r="DV30" s="335"/>
      <c r="DW30" s="330">
        <v>30070</v>
      </c>
      <c r="DX30" s="330">
        <v>15035</v>
      </c>
      <c r="DY30" s="330">
        <v>377092</v>
      </c>
      <c r="DZ30" s="330">
        <v>505740</v>
      </c>
      <c r="EA30" s="330">
        <v>310333</v>
      </c>
      <c r="EB30" s="333">
        <v>1238270</v>
      </c>
      <c r="EC30" s="334">
        <v>1238270</v>
      </c>
      <c r="ED30" s="329">
        <v>0</v>
      </c>
      <c r="EE30" s="330">
        <v>0</v>
      </c>
      <c r="EF30" s="331">
        <v>0</v>
      </c>
      <c r="EG30" s="335"/>
      <c r="EH30" s="330">
        <v>21793</v>
      </c>
      <c r="EI30" s="330">
        <v>85005</v>
      </c>
      <c r="EJ30" s="330">
        <v>117707</v>
      </c>
      <c r="EK30" s="330">
        <v>73098</v>
      </c>
      <c r="EL30" s="330">
        <v>589</v>
      </c>
      <c r="EM30" s="333">
        <v>298192</v>
      </c>
      <c r="EN30" s="334">
        <v>298192</v>
      </c>
      <c r="EO30" s="329">
        <v>0</v>
      </c>
      <c r="EP30" s="330">
        <v>0</v>
      </c>
      <c r="EQ30" s="331">
        <v>0</v>
      </c>
      <c r="ER30" s="335"/>
      <c r="ES30" s="330">
        <v>0</v>
      </c>
      <c r="ET30" s="330">
        <v>0</v>
      </c>
      <c r="EU30" s="330">
        <v>0</v>
      </c>
      <c r="EV30" s="330">
        <v>0</v>
      </c>
      <c r="EW30" s="330">
        <v>0</v>
      </c>
      <c r="EX30" s="333">
        <v>0</v>
      </c>
      <c r="EY30" s="334">
        <v>0</v>
      </c>
      <c r="EZ30" s="329">
        <v>0</v>
      </c>
      <c r="FA30" s="330">
        <v>0</v>
      </c>
      <c r="FB30" s="331">
        <v>0</v>
      </c>
      <c r="FC30" s="335"/>
      <c r="FD30" s="330">
        <v>0</v>
      </c>
      <c r="FE30" s="330">
        <v>0</v>
      </c>
      <c r="FF30" s="330">
        <v>217</v>
      </c>
      <c r="FG30" s="330">
        <v>0</v>
      </c>
      <c r="FH30" s="330">
        <v>0</v>
      </c>
      <c r="FI30" s="333">
        <v>217</v>
      </c>
      <c r="FJ30" s="334">
        <v>217</v>
      </c>
      <c r="FK30" s="329">
        <v>0</v>
      </c>
      <c r="FL30" s="330">
        <v>0</v>
      </c>
      <c r="FM30" s="331">
        <v>0</v>
      </c>
      <c r="FN30" s="335"/>
      <c r="FO30" s="330">
        <v>0</v>
      </c>
      <c r="FP30" s="330">
        <v>0</v>
      </c>
      <c r="FQ30" s="330">
        <v>144646</v>
      </c>
      <c r="FR30" s="330">
        <v>21576</v>
      </c>
      <c r="FS30" s="330">
        <v>58342</v>
      </c>
      <c r="FT30" s="333">
        <v>224564</v>
      </c>
      <c r="FU30" s="334">
        <v>224564</v>
      </c>
      <c r="FV30" s="329">
        <v>0</v>
      </c>
      <c r="FW30" s="330">
        <v>0</v>
      </c>
      <c r="FX30" s="331">
        <v>0</v>
      </c>
      <c r="FY30" s="332">
        <v>0</v>
      </c>
      <c r="FZ30" s="330">
        <v>10140</v>
      </c>
      <c r="GA30" s="330">
        <v>1755</v>
      </c>
      <c r="GB30" s="330">
        <v>45006</v>
      </c>
      <c r="GC30" s="330">
        <v>22891</v>
      </c>
      <c r="GD30" s="330">
        <v>1702</v>
      </c>
      <c r="GE30" s="333">
        <v>81494</v>
      </c>
      <c r="GF30" s="334">
        <v>81494</v>
      </c>
      <c r="GG30" s="329">
        <v>0</v>
      </c>
      <c r="GH30" s="330">
        <v>0</v>
      </c>
      <c r="GI30" s="331">
        <v>0</v>
      </c>
      <c r="GJ30" s="332">
        <v>0</v>
      </c>
      <c r="GK30" s="330">
        <v>0</v>
      </c>
      <c r="GL30" s="330">
        <v>0</v>
      </c>
      <c r="GM30" s="330">
        <v>0</v>
      </c>
      <c r="GN30" s="330">
        <v>1432</v>
      </c>
      <c r="GO30" s="330">
        <v>42</v>
      </c>
      <c r="GP30" s="333">
        <v>1474</v>
      </c>
      <c r="GQ30" s="334">
        <v>1474</v>
      </c>
      <c r="GR30" s="329">
        <v>0</v>
      </c>
      <c r="GS30" s="330">
        <v>0</v>
      </c>
      <c r="GT30" s="331">
        <v>0</v>
      </c>
      <c r="GU30" s="332">
        <v>0</v>
      </c>
      <c r="GV30" s="330">
        <v>0</v>
      </c>
      <c r="GW30" s="330">
        <v>0</v>
      </c>
      <c r="GX30" s="330">
        <v>0</v>
      </c>
      <c r="GY30" s="330">
        <v>0</v>
      </c>
      <c r="GZ30" s="330">
        <v>0</v>
      </c>
      <c r="HA30" s="333">
        <v>0</v>
      </c>
      <c r="HB30" s="334">
        <v>0</v>
      </c>
      <c r="HC30" s="329">
        <v>0</v>
      </c>
      <c r="HD30" s="330">
        <v>0</v>
      </c>
      <c r="HE30" s="331">
        <v>0</v>
      </c>
      <c r="HF30" s="335"/>
      <c r="HG30" s="330">
        <v>0</v>
      </c>
      <c r="HH30" s="330">
        <v>0</v>
      </c>
      <c r="HI30" s="330">
        <v>0</v>
      </c>
      <c r="HJ30" s="330">
        <v>0</v>
      </c>
      <c r="HK30" s="330">
        <v>0</v>
      </c>
      <c r="HL30" s="333">
        <v>0</v>
      </c>
      <c r="HM30" s="334">
        <v>0</v>
      </c>
      <c r="HN30" s="329">
        <v>0</v>
      </c>
      <c r="HO30" s="330">
        <v>0</v>
      </c>
      <c r="HP30" s="331">
        <v>0</v>
      </c>
      <c r="HQ30" s="332">
        <v>0</v>
      </c>
      <c r="HR30" s="330">
        <v>131793</v>
      </c>
      <c r="HS30" s="330">
        <v>262540</v>
      </c>
      <c r="HT30" s="330">
        <v>1388673</v>
      </c>
      <c r="HU30" s="330">
        <v>1226502</v>
      </c>
      <c r="HV30" s="330">
        <v>745338</v>
      </c>
      <c r="HW30" s="333">
        <v>3754846</v>
      </c>
      <c r="HX30" s="334">
        <v>3754846</v>
      </c>
    </row>
    <row r="31" spans="1:232" ht="16.5" customHeight="1" x14ac:dyDescent="0.2">
      <c r="A31" s="327" t="s">
        <v>28</v>
      </c>
      <c r="B31" s="329">
        <v>0</v>
      </c>
      <c r="C31" s="330">
        <v>0</v>
      </c>
      <c r="D31" s="331">
        <v>0</v>
      </c>
      <c r="E31" s="332">
        <v>0</v>
      </c>
      <c r="F31" s="330">
        <v>0</v>
      </c>
      <c r="G31" s="330">
        <v>35960</v>
      </c>
      <c r="H31" s="330">
        <v>317235</v>
      </c>
      <c r="I31" s="330">
        <v>223220</v>
      </c>
      <c r="J31" s="330">
        <v>151590</v>
      </c>
      <c r="K31" s="333">
        <v>728005</v>
      </c>
      <c r="L31" s="334">
        <v>728005</v>
      </c>
      <c r="M31" s="329">
        <v>0</v>
      </c>
      <c r="N31" s="330">
        <v>0</v>
      </c>
      <c r="O31" s="331">
        <v>0</v>
      </c>
      <c r="P31" s="335"/>
      <c r="Q31" s="330">
        <v>0</v>
      </c>
      <c r="R31" s="330">
        <v>30690</v>
      </c>
      <c r="S31" s="330">
        <v>159495</v>
      </c>
      <c r="T31" s="330">
        <v>149265</v>
      </c>
      <c r="U31" s="330">
        <v>94240</v>
      </c>
      <c r="V31" s="333">
        <v>433690</v>
      </c>
      <c r="W31" s="334">
        <v>433690</v>
      </c>
      <c r="X31" s="329">
        <v>0</v>
      </c>
      <c r="Y31" s="330">
        <v>0</v>
      </c>
      <c r="Z31" s="331">
        <v>0</v>
      </c>
      <c r="AA31" s="335"/>
      <c r="AB31" s="330">
        <v>0</v>
      </c>
      <c r="AC31" s="330">
        <v>5270</v>
      </c>
      <c r="AD31" s="330">
        <v>125035</v>
      </c>
      <c r="AE31" s="330">
        <v>59985</v>
      </c>
      <c r="AF31" s="330">
        <v>57350</v>
      </c>
      <c r="AG31" s="333">
        <v>247640</v>
      </c>
      <c r="AH31" s="334">
        <v>247640</v>
      </c>
      <c r="AI31" s="329">
        <v>0</v>
      </c>
      <c r="AJ31" s="330">
        <v>0</v>
      </c>
      <c r="AK31" s="331">
        <v>0</v>
      </c>
      <c r="AL31" s="335"/>
      <c r="AM31" s="330">
        <v>0</v>
      </c>
      <c r="AN31" s="330">
        <v>0</v>
      </c>
      <c r="AO31" s="330">
        <v>0</v>
      </c>
      <c r="AP31" s="330">
        <v>0</v>
      </c>
      <c r="AQ31" s="330">
        <v>0</v>
      </c>
      <c r="AR31" s="333">
        <v>0</v>
      </c>
      <c r="AS31" s="334">
        <v>0</v>
      </c>
      <c r="AT31" s="329">
        <v>0</v>
      </c>
      <c r="AU31" s="330">
        <v>0</v>
      </c>
      <c r="AV31" s="331">
        <v>0</v>
      </c>
      <c r="AW31" s="335"/>
      <c r="AX31" s="330">
        <v>0</v>
      </c>
      <c r="AY31" s="330">
        <v>0</v>
      </c>
      <c r="AZ31" s="330">
        <v>0</v>
      </c>
      <c r="BA31" s="330">
        <v>0</v>
      </c>
      <c r="BB31" s="330">
        <v>0</v>
      </c>
      <c r="BC31" s="333">
        <v>0</v>
      </c>
      <c r="BD31" s="334">
        <v>0</v>
      </c>
      <c r="BE31" s="329">
        <v>0</v>
      </c>
      <c r="BF31" s="330">
        <v>0</v>
      </c>
      <c r="BG31" s="331">
        <v>0</v>
      </c>
      <c r="BH31" s="335"/>
      <c r="BI31" s="330">
        <v>0</v>
      </c>
      <c r="BJ31" s="330">
        <v>0</v>
      </c>
      <c r="BK31" s="330">
        <v>32705</v>
      </c>
      <c r="BL31" s="330">
        <v>0</v>
      </c>
      <c r="BM31" s="330">
        <v>0</v>
      </c>
      <c r="BN31" s="333">
        <v>32705</v>
      </c>
      <c r="BO31" s="334">
        <v>32705</v>
      </c>
      <c r="BP31" s="329">
        <v>0</v>
      </c>
      <c r="BQ31" s="330">
        <v>0</v>
      </c>
      <c r="BR31" s="331">
        <v>0</v>
      </c>
      <c r="BS31" s="332">
        <v>0</v>
      </c>
      <c r="BT31" s="330">
        <v>0</v>
      </c>
      <c r="BU31" s="330">
        <v>0</v>
      </c>
      <c r="BV31" s="330">
        <v>0</v>
      </c>
      <c r="BW31" s="330">
        <v>13970</v>
      </c>
      <c r="BX31" s="330">
        <v>0</v>
      </c>
      <c r="BY31" s="333">
        <v>13970</v>
      </c>
      <c r="BZ31" s="334">
        <v>13970</v>
      </c>
      <c r="CA31" s="329">
        <v>0</v>
      </c>
      <c r="CB31" s="330">
        <v>0</v>
      </c>
      <c r="CC31" s="331">
        <v>0</v>
      </c>
      <c r="CD31" s="332">
        <v>0</v>
      </c>
      <c r="CE31" s="330">
        <v>0</v>
      </c>
      <c r="CF31" s="330">
        <v>0</v>
      </c>
      <c r="CG31" s="330">
        <v>0</v>
      </c>
      <c r="CH31" s="330">
        <v>0</v>
      </c>
      <c r="CI31" s="330">
        <v>0</v>
      </c>
      <c r="CJ31" s="333">
        <v>0</v>
      </c>
      <c r="CK31" s="334">
        <v>0</v>
      </c>
      <c r="CL31" s="329">
        <v>0</v>
      </c>
      <c r="CM31" s="330">
        <v>0</v>
      </c>
      <c r="CN31" s="331">
        <v>0</v>
      </c>
      <c r="CO31" s="332">
        <v>0</v>
      </c>
      <c r="CP31" s="330">
        <v>0</v>
      </c>
      <c r="CQ31" s="330">
        <v>0</v>
      </c>
      <c r="CR31" s="330">
        <v>0</v>
      </c>
      <c r="CS31" s="330">
        <v>0</v>
      </c>
      <c r="CT31" s="330">
        <v>0</v>
      </c>
      <c r="CU31" s="333">
        <v>0</v>
      </c>
      <c r="CV31" s="334">
        <v>0</v>
      </c>
      <c r="CW31" s="329">
        <v>0</v>
      </c>
      <c r="CX31" s="330">
        <v>0</v>
      </c>
      <c r="CY31" s="331">
        <v>0</v>
      </c>
      <c r="CZ31" s="335"/>
      <c r="DA31" s="330">
        <v>0</v>
      </c>
      <c r="DB31" s="330">
        <v>0</v>
      </c>
      <c r="DC31" s="330">
        <v>0</v>
      </c>
      <c r="DD31" s="330">
        <v>0</v>
      </c>
      <c r="DE31" s="330">
        <v>0</v>
      </c>
      <c r="DF31" s="333">
        <v>0</v>
      </c>
      <c r="DG31" s="334">
        <v>0</v>
      </c>
      <c r="DH31" s="329">
        <v>0</v>
      </c>
      <c r="DI31" s="330">
        <v>0</v>
      </c>
      <c r="DJ31" s="331">
        <v>0</v>
      </c>
      <c r="DK31" s="332">
        <v>0</v>
      </c>
      <c r="DL31" s="330">
        <v>0</v>
      </c>
      <c r="DM31" s="330">
        <v>47244</v>
      </c>
      <c r="DN31" s="330">
        <v>133701</v>
      </c>
      <c r="DO31" s="330">
        <v>201058</v>
      </c>
      <c r="DP31" s="330">
        <v>82584</v>
      </c>
      <c r="DQ31" s="333">
        <v>464587</v>
      </c>
      <c r="DR31" s="336">
        <v>464587</v>
      </c>
      <c r="DS31" s="329">
        <v>0</v>
      </c>
      <c r="DT31" s="330">
        <v>0</v>
      </c>
      <c r="DU31" s="331">
        <v>0</v>
      </c>
      <c r="DV31" s="335"/>
      <c r="DW31" s="330">
        <v>0</v>
      </c>
      <c r="DX31" s="330">
        <v>14570</v>
      </c>
      <c r="DY31" s="330">
        <v>95976</v>
      </c>
      <c r="DZ31" s="330">
        <v>159805</v>
      </c>
      <c r="EA31" s="330">
        <v>82150</v>
      </c>
      <c r="EB31" s="333">
        <v>352501</v>
      </c>
      <c r="EC31" s="334">
        <v>352501</v>
      </c>
      <c r="ED31" s="329">
        <v>0</v>
      </c>
      <c r="EE31" s="330">
        <v>0</v>
      </c>
      <c r="EF31" s="331">
        <v>0</v>
      </c>
      <c r="EG31" s="335"/>
      <c r="EH31" s="330">
        <v>0</v>
      </c>
      <c r="EI31" s="330">
        <v>32674</v>
      </c>
      <c r="EJ31" s="330">
        <v>959</v>
      </c>
      <c r="EK31" s="330">
        <v>22413</v>
      </c>
      <c r="EL31" s="330">
        <v>434</v>
      </c>
      <c r="EM31" s="333">
        <v>56480</v>
      </c>
      <c r="EN31" s="334">
        <v>56480</v>
      </c>
      <c r="EO31" s="329">
        <v>0</v>
      </c>
      <c r="EP31" s="330">
        <v>0</v>
      </c>
      <c r="EQ31" s="331">
        <v>0</v>
      </c>
      <c r="ER31" s="335"/>
      <c r="ES31" s="330">
        <v>0</v>
      </c>
      <c r="ET31" s="330">
        <v>0</v>
      </c>
      <c r="EU31" s="330">
        <v>0</v>
      </c>
      <c r="EV31" s="330">
        <v>0</v>
      </c>
      <c r="EW31" s="330">
        <v>0</v>
      </c>
      <c r="EX31" s="333">
        <v>0</v>
      </c>
      <c r="EY31" s="334">
        <v>0</v>
      </c>
      <c r="EZ31" s="329">
        <v>0</v>
      </c>
      <c r="FA31" s="330">
        <v>0</v>
      </c>
      <c r="FB31" s="331">
        <v>0</v>
      </c>
      <c r="FC31" s="335"/>
      <c r="FD31" s="330">
        <v>0</v>
      </c>
      <c r="FE31" s="330">
        <v>0</v>
      </c>
      <c r="FF31" s="330">
        <v>0</v>
      </c>
      <c r="FG31" s="330">
        <v>0</v>
      </c>
      <c r="FH31" s="330">
        <v>0</v>
      </c>
      <c r="FI31" s="333">
        <v>0</v>
      </c>
      <c r="FJ31" s="334">
        <v>0</v>
      </c>
      <c r="FK31" s="329">
        <v>0</v>
      </c>
      <c r="FL31" s="330">
        <v>0</v>
      </c>
      <c r="FM31" s="331">
        <v>0</v>
      </c>
      <c r="FN31" s="335"/>
      <c r="FO31" s="330">
        <v>0</v>
      </c>
      <c r="FP31" s="330">
        <v>0</v>
      </c>
      <c r="FQ31" s="330">
        <v>36766</v>
      </c>
      <c r="FR31" s="330">
        <v>0</v>
      </c>
      <c r="FS31" s="330">
        <v>0</v>
      </c>
      <c r="FT31" s="333">
        <v>36766</v>
      </c>
      <c r="FU31" s="334">
        <v>36766</v>
      </c>
      <c r="FV31" s="329">
        <v>0</v>
      </c>
      <c r="FW31" s="330">
        <v>0</v>
      </c>
      <c r="FX31" s="331">
        <v>0</v>
      </c>
      <c r="FY31" s="332">
        <v>0</v>
      </c>
      <c r="FZ31" s="330">
        <v>0</v>
      </c>
      <c r="GA31" s="330">
        <v>0</v>
      </c>
      <c r="GB31" s="330">
        <v>0</v>
      </c>
      <c r="GC31" s="330">
        <v>18840</v>
      </c>
      <c r="GD31" s="330">
        <v>0</v>
      </c>
      <c r="GE31" s="333">
        <v>18840</v>
      </c>
      <c r="GF31" s="334">
        <v>18840</v>
      </c>
      <c r="GG31" s="329">
        <v>0</v>
      </c>
      <c r="GH31" s="330">
        <v>0</v>
      </c>
      <c r="GI31" s="331">
        <v>0</v>
      </c>
      <c r="GJ31" s="332">
        <v>0</v>
      </c>
      <c r="GK31" s="330">
        <v>0</v>
      </c>
      <c r="GL31" s="330">
        <v>0</v>
      </c>
      <c r="GM31" s="330">
        <v>0</v>
      </c>
      <c r="GN31" s="330">
        <v>0</v>
      </c>
      <c r="GO31" s="330">
        <v>0</v>
      </c>
      <c r="GP31" s="333">
        <v>0</v>
      </c>
      <c r="GQ31" s="334">
        <v>0</v>
      </c>
      <c r="GR31" s="329">
        <v>0</v>
      </c>
      <c r="GS31" s="330">
        <v>0</v>
      </c>
      <c r="GT31" s="331">
        <v>0</v>
      </c>
      <c r="GU31" s="332">
        <v>0</v>
      </c>
      <c r="GV31" s="330">
        <v>0</v>
      </c>
      <c r="GW31" s="330">
        <v>0</v>
      </c>
      <c r="GX31" s="330">
        <v>0</v>
      </c>
      <c r="GY31" s="330">
        <v>0</v>
      </c>
      <c r="GZ31" s="330">
        <v>0</v>
      </c>
      <c r="HA31" s="333">
        <v>0</v>
      </c>
      <c r="HB31" s="334">
        <v>0</v>
      </c>
      <c r="HC31" s="329">
        <v>0</v>
      </c>
      <c r="HD31" s="330">
        <v>0</v>
      </c>
      <c r="HE31" s="331">
        <v>0</v>
      </c>
      <c r="HF31" s="335"/>
      <c r="HG31" s="330">
        <v>0</v>
      </c>
      <c r="HH31" s="330">
        <v>0</v>
      </c>
      <c r="HI31" s="330">
        <v>0</v>
      </c>
      <c r="HJ31" s="330">
        <v>0</v>
      </c>
      <c r="HK31" s="330">
        <v>0</v>
      </c>
      <c r="HL31" s="333">
        <v>0</v>
      </c>
      <c r="HM31" s="334">
        <v>0</v>
      </c>
      <c r="HN31" s="329">
        <v>0</v>
      </c>
      <c r="HO31" s="330">
        <v>0</v>
      </c>
      <c r="HP31" s="331">
        <v>0</v>
      </c>
      <c r="HQ31" s="332">
        <v>0</v>
      </c>
      <c r="HR31" s="330">
        <v>0</v>
      </c>
      <c r="HS31" s="330">
        <v>83204</v>
      </c>
      <c r="HT31" s="330">
        <v>450936</v>
      </c>
      <c r="HU31" s="330">
        <v>424278</v>
      </c>
      <c r="HV31" s="330">
        <v>234174</v>
      </c>
      <c r="HW31" s="333">
        <v>1192592</v>
      </c>
      <c r="HX31" s="334">
        <v>1192592</v>
      </c>
    </row>
    <row r="32" spans="1:232" ht="16.5" customHeight="1" x14ac:dyDescent="0.2">
      <c r="A32" s="327" t="s">
        <v>29</v>
      </c>
      <c r="B32" s="329">
        <v>0</v>
      </c>
      <c r="C32" s="330">
        <v>0</v>
      </c>
      <c r="D32" s="331">
        <v>0</v>
      </c>
      <c r="E32" s="332">
        <v>0</v>
      </c>
      <c r="F32" s="330">
        <v>11700</v>
      </c>
      <c r="G32" s="330">
        <v>124329</v>
      </c>
      <c r="H32" s="330">
        <v>248337</v>
      </c>
      <c r="I32" s="330">
        <v>405945</v>
      </c>
      <c r="J32" s="330">
        <v>258395</v>
      </c>
      <c r="K32" s="333">
        <v>1048706</v>
      </c>
      <c r="L32" s="334">
        <v>1048706</v>
      </c>
      <c r="M32" s="329">
        <v>0</v>
      </c>
      <c r="N32" s="330">
        <v>0</v>
      </c>
      <c r="O32" s="331">
        <v>0</v>
      </c>
      <c r="P32" s="335"/>
      <c r="Q32" s="330">
        <v>0</v>
      </c>
      <c r="R32" s="330">
        <v>0</v>
      </c>
      <c r="S32" s="330">
        <v>169570</v>
      </c>
      <c r="T32" s="330">
        <v>290200</v>
      </c>
      <c r="U32" s="330">
        <v>188610</v>
      </c>
      <c r="V32" s="333">
        <v>648380</v>
      </c>
      <c r="W32" s="334">
        <v>648380</v>
      </c>
      <c r="X32" s="329">
        <v>0</v>
      </c>
      <c r="Y32" s="330">
        <v>0</v>
      </c>
      <c r="Z32" s="331">
        <v>0</v>
      </c>
      <c r="AA32" s="335"/>
      <c r="AB32" s="330">
        <v>2635</v>
      </c>
      <c r="AC32" s="330">
        <v>114700</v>
      </c>
      <c r="AD32" s="330">
        <v>24645</v>
      </c>
      <c r="AE32" s="330">
        <v>50335</v>
      </c>
      <c r="AF32" s="330">
        <v>35340</v>
      </c>
      <c r="AG32" s="333">
        <v>227655</v>
      </c>
      <c r="AH32" s="334">
        <v>227655</v>
      </c>
      <c r="AI32" s="329">
        <v>0</v>
      </c>
      <c r="AJ32" s="330">
        <v>0</v>
      </c>
      <c r="AK32" s="331">
        <v>0</v>
      </c>
      <c r="AL32" s="335"/>
      <c r="AM32" s="330">
        <v>0</v>
      </c>
      <c r="AN32" s="330">
        <v>0</v>
      </c>
      <c r="AO32" s="330">
        <v>0</v>
      </c>
      <c r="AP32" s="330">
        <v>0</v>
      </c>
      <c r="AQ32" s="330">
        <v>0</v>
      </c>
      <c r="AR32" s="333">
        <v>0</v>
      </c>
      <c r="AS32" s="334">
        <v>0</v>
      </c>
      <c r="AT32" s="329">
        <v>0</v>
      </c>
      <c r="AU32" s="330">
        <v>0</v>
      </c>
      <c r="AV32" s="331">
        <v>0</v>
      </c>
      <c r="AW32" s="335"/>
      <c r="AX32" s="330">
        <v>0</v>
      </c>
      <c r="AY32" s="330">
        <v>0</v>
      </c>
      <c r="AZ32" s="330">
        <v>0</v>
      </c>
      <c r="BA32" s="330">
        <v>0</v>
      </c>
      <c r="BB32" s="330">
        <v>0</v>
      </c>
      <c r="BC32" s="333">
        <v>0</v>
      </c>
      <c r="BD32" s="334">
        <v>0</v>
      </c>
      <c r="BE32" s="329">
        <v>0</v>
      </c>
      <c r="BF32" s="330">
        <v>0</v>
      </c>
      <c r="BG32" s="331">
        <v>0</v>
      </c>
      <c r="BH32" s="335"/>
      <c r="BI32" s="330">
        <v>0</v>
      </c>
      <c r="BJ32" s="330">
        <v>0</v>
      </c>
      <c r="BK32" s="330">
        <v>5270</v>
      </c>
      <c r="BL32" s="330">
        <v>65410</v>
      </c>
      <c r="BM32" s="330">
        <v>32705</v>
      </c>
      <c r="BN32" s="333">
        <v>103385</v>
      </c>
      <c r="BO32" s="334">
        <v>103385</v>
      </c>
      <c r="BP32" s="329">
        <v>0</v>
      </c>
      <c r="BQ32" s="330">
        <v>0</v>
      </c>
      <c r="BR32" s="331">
        <v>0</v>
      </c>
      <c r="BS32" s="332">
        <v>0</v>
      </c>
      <c r="BT32" s="330">
        <v>9065</v>
      </c>
      <c r="BU32" s="330">
        <v>5869</v>
      </c>
      <c r="BV32" s="330">
        <v>48707</v>
      </c>
      <c r="BW32" s="330">
        <v>0</v>
      </c>
      <c r="BX32" s="330">
        <v>1740</v>
      </c>
      <c r="BY32" s="333">
        <v>65381</v>
      </c>
      <c r="BZ32" s="334">
        <v>65381</v>
      </c>
      <c r="CA32" s="329">
        <v>0</v>
      </c>
      <c r="CB32" s="330">
        <v>0</v>
      </c>
      <c r="CC32" s="331">
        <v>0</v>
      </c>
      <c r="CD32" s="332">
        <v>0</v>
      </c>
      <c r="CE32" s="330">
        <v>0</v>
      </c>
      <c r="CF32" s="330">
        <v>3760</v>
      </c>
      <c r="CG32" s="330">
        <v>145</v>
      </c>
      <c r="CH32" s="330">
        <v>0</v>
      </c>
      <c r="CI32" s="330">
        <v>0</v>
      </c>
      <c r="CJ32" s="333">
        <v>3905</v>
      </c>
      <c r="CK32" s="334">
        <v>3905</v>
      </c>
      <c r="CL32" s="329">
        <v>0</v>
      </c>
      <c r="CM32" s="330">
        <v>0</v>
      </c>
      <c r="CN32" s="331">
        <v>0</v>
      </c>
      <c r="CO32" s="332">
        <v>0</v>
      </c>
      <c r="CP32" s="330">
        <v>0</v>
      </c>
      <c r="CQ32" s="330">
        <v>0</v>
      </c>
      <c r="CR32" s="330">
        <v>0</v>
      </c>
      <c r="CS32" s="330">
        <v>0</v>
      </c>
      <c r="CT32" s="330">
        <v>0</v>
      </c>
      <c r="CU32" s="333">
        <v>0</v>
      </c>
      <c r="CV32" s="334">
        <v>0</v>
      </c>
      <c r="CW32" s="329">
        <v>0</v>
      </c>
      <c r="CX32" s="330">
        <v>0</v>
      </c>
      <c r="CY32" s="331">
        <v>0</v>
      </c>
      <c r="CZ32" s="335"/>
      <c r="DA32" s="330">
        <v>0</v>
      </c>
      <c r="DB32" s="330">
        <v>0</v>
      </c>
      <c r="DC32" s="330">
        <v>0</v>
      </c>
      <c r="DD32" s="330">
        <v>0</v>
      </c>
      <c r="DE32" s="330">
        <v>0</v>
      </c>
      <c r="DF32" s="333">
        <v>0</v>
      </c>
      <c r="DG32" s="334">
        <v>0</v>
      </c>
      <c r="DH32" s="329">
        <v>0</v>
      </c>
      <c r="DI32" s="330">
        <v>0</v>
      </c>
      <c r="DJ32" s="331">
        <v>0</v>
      </c>
      <c r="DK32" s="332">
        <v>0</v>
      </c>
      <c r="DL32" s="330">
        <v>6522</v>
      </c>
      <c r="DM32" s="330">
        <v>62671</v>
      </c>
      <c r="DN32" s="330">
        <v>261732</v>
      </c>
      <c r="DO32" s="330">
        <v>364709</v>
      </c>
      <c r="DP32" s="330">
        <v>179857</v>
      </c>
      <c r="DQ32" s="333">
        <v>875491</v>
      </c>
      <c r="DR32" s="336">
        <v>875491</v>
      </c>
      <c r="DS32" s="329">
        <v>0</v>
      </c>
      <c r="DT32" s="330">
        <v>0</v>
      </c>
      <c r="DU32" s="331">
        <v>0</v>
      </c>
      <c r="DV32" s="335"/>
      <c r="DW32" s="330">
        <v>0</v>
      </c>
      <c r="DX32" s="330">
        <v>0</v>
      </c>
      <c r="DY32" s="330">
        <v>177413</v>
      </c>
      <c r="DZ32" s="330">
        <v>290533</v>
      </c>
      <c r="EA32" s="330">
        <v>137041</v>
      </c>
      <c r="EB32" s="333">
        <v>604987</v>
      </c>
      <c r="EC32" s="334">
        <v>604987</v>
      </c>
      <c r="ED32" s="329">
        <v>0</v>
      </c>
      <c r="EE32" s="330">
        <v>0</v>
      </c>
      <c r="EF32" s="331">
        <v>0</v>
      </c>
      <c r="EG32" s="335"/>
      <c r="EH32" s="330">
        <v>217</v>
      </c>
      <c r="EI32" s="330">
        <v>48050</v>
      </c>
      <c r="EJ32" s="330">
        <v>186</v>
      </c>
      <c r="EK32" s="330">
        <v>644</v>
      </c>
      <c r="EL32" s="330">
        <v>434</v>
      </c>
      <c r="EM32" s="333">
        <v>49531</v>
      </c>
      <c r="EN32" s="334">
        <v>49531</v>
      </c>
      <c r="EO32" s="329">
        <v>0</v>
      </c>
      <c r="EP32" s="330">
        <v>0</v>
      </c>
      <c r="EQ32" s="331">
        <v>0</v>
      </c>
      <c r="ER32" s="335"/>
      <c r="ES32" s="330">
        <v>0</v>
      </c>
      <c r="ET32" s="330">
        <v>0</v>
      </c>
      <c r="EU32" s="330">
        <v>0</v>
      </c>
      <c r="EV32" s="330">
        <v>0</v>
      </c>
      <c r="EW32" s="330">
        <v>0</v>
      </c>
      <c r="EX32" s="333">
        <v>0</v>
      </c>
      <c r="EY32" s="334">
        <v>0</v>
      </c>
      <c r="EZ32" s="329">
        <v>0</v>
      </c>
      <c r="FA32" s="330">
        <v>0</v>
      </c>
      <c r="FB32" s="331">
        <v>0</v>
      </c>
      <c r="FC32" s="335"/>
      <c r="FD32" s="330">
        <v>0</v>
      </c>
      <c r="FE32" s="330">
        <v>0</v>
      </c>
      <c r="FF32" s="330">
        <v>0</v>
      </c>
      <c r="FG32" s="330">
        <v>0</v>
      </c>
      <c r="FH32" s="330">
        <v>0</v>
      </c>
      <c r="FI32" s="333">
        <v>0</v>
      </c>
      <c r="FJ32" s="334">
        <v>0</v>
      </c>
      <c r="FK32" s="329">
        <v>0</v>
      </c>
      <c r="FL32" s="330">
        <v>0</v>
      </c>
      <c r="FM32" s="331">
        <v>0</v>
      </c>
      <c r="FN32" s="335"/>
      <c r="FO32" s="330">
        <v>0</v>
      </c>
      <c r="FP32" s="330">
        <v>0</v>
      </c>
      <c r="FQ32" s="330">
        <v>43152</v>
      </c>
      <c r="FR32" s="330">
        <v>73532</v>
      </c>
      <c r="FS32" s="330">
        <v>36766</v>
      </c>
      <c r="FT32" s="333">
        <v>153450</v>
      </c>
      <c r="FU32" s="334">
        <v>153450</v>
      </c>
      <c r="FV32" s="329">
        <v>0</v>
      </c>
      <c r="FW32" s="330">
        <v>0</v>
      </c>
      <c r="FX32" s="331">
        <v>0</v>
      </c>
      <c r="FY32" s="332">
        <v>0</v>
      </c>
      <c r="FZ32" s="330">
        <v>6305</v>
      </c>
      <c r="GA32" s="330">
        <v>12438</v>
      </c>
      <c r="GB32" s="330">
        <v>40967</v>
      </c>
      <c r="GC32" s="330">
        <v>0</v>
      </c>
      <c r="GD32" s="330">
        <v>5616</v>
      </c>
      <c r="GE32" s="333">
        <v>65326</v>
      </c>
      <c r="GF32" s="334">
        <v>65326</v>
      </c>
      <c r="GG32" s="329">
        <v>0</v>
      </c>
      <c r="GH32" s="330">
        <v>0</v>
      </c>
      <c r="GI32" s="331">
        <v>0</v>
      </c>
      <c r="GJ32" s="332">
        <v>0</v>
      </c>
      <c r="GK32" s="330">
        <v>0</v>
      </c>
      <c r="GL32" s="330">
        <v>2183</v>
      </c>
      <c r="GM32" s="330">
        <v>14</v>
      </c>
      <c r="GN32" s="330">
        <v>0</v>
      </c>
      <c r="GO32" s="330">
        <v>0</v>
      </c>
      <c r="GP32" s="333">
        <v>2197</v>
      </c>
      <c r="GQ32" s="334">
        <v>2197</v>
      </c>
      <c r="GR32" s="329">
        <v>0</v>
      </c>
      <c r="GS32" s="330">
        <v>0</v>
      </c>
      <c r="GT32" s="331">
        <v>0</v>
      </c>
      <c r="GU32" s="332">
        <v>0</v>
      </c>
      <c r="GV32" s="330">
        <v>0</v>
      </c>
      <c r="GW32" s="330">
        <v>0</v>
      </c>
      <c r="GX32" s="330">
        <v>0</v>
      </c>
      <c r="GY32" s="330">
        <v>0</v>
      </c>
      <c r="GZ32" s="330">
        <v>0</v>
      </c>
      <c r="HA32" s="333">
        <v>0</v>
      </c>
      <c r="HB32" s="334">
        <v>0</v>
      </c>
      <c r="HC32" s="329">
        <v>0</v>
      </c>
      <c r="HD32" s="330">
        <v>0</v>
      </c>
      <c r="HE32" s="331">
        <v>0</v>
      </c>
      <c r="HF32" s="335"/>
      <c r="HG32" s="330">
        <v>0</v>
      </c>
      <c r="HH32" s="330">
        <v>0</v>
      </c>
      <c r="HI32" s="330">
        <v>0</v>
      </c>
      <c r="HJ32" s="330">
        <v>0</v>
      </c>
      <c r="HK32" s="330">
        <v>0</v>
      </c>
      <c r="HL32" s="333">
        <v>0</v>
      </c>
      <c r="HM32" s="334">
        <v>0</v>
      </c>
      <c r="HN32" s="329">
        <v>0</v>
      </c>
      <c r="HO32" s="330">
        <v>0</v>
      </c>
      <c r="HP32" s="331">
        <v>0</v>
      </c>
      <c r="HQ32" s="332">
        <v>0</v>
      </c>
      <c r="HR32" s="330">
        <v>18222</v>
      </c>
      <c r="HS32" s="330">
        <v>187000</v>
      </c>
      <c r="HT32" s="330">
        <v>510069</v>
      </c>
      <c r="HU32" s="330">
        <v>770654</v>
      </c>
      <c r="HV32" s="330">
        <v>438252</v>
      </c>
      <c r="HW32" s="333">
        <v>1924197</v>
      </c>
      <c r="HX32" s="334">
        <v>1924197</v>
      </c>
    </row>
    <row r="33" spans="1:232" ht="16.5" customHeight="1" x14ac:dyDescent="0.2">
      <c r="A33" s="327" t="s">
        <v>30</v>
      </c>
      <c r="B33" s="329">
        <v>0</v>
      </c>
      <c r="C33" s="330">
        <v>0</v>
      </c>
      <c r="D33" s="331">
        <v>0</v>
      </c>
      <c r="E33" s="332">
        <v>0</v>
      </c>
      <c r="F33" s="330">
        <v>31220</v>
      </c>
      <c r="G33" s="330">
        <v>57810</v>
      </c>
      <c r="H33" s="330">
        <v>298830</v>
      </c>
      <c r="I33" s="330">
        <v>406192</v>
      </c>
      <c r="J33" s="330">
        <v>311965</v>
      </c>
      <c r="K33" s="333">
        <v>1106017</v>
      </c>
      <c r="L33" s="334">
        <v>1106017</v>
      </c>
      <c r="M33" s="329">
        <v>0</v>
      </c>
      <c r="N33" s="330">
        <v>0</v>
      </c>
      <c r="O33" s="331">
        <v>0</v>
      </c>
      <c r="P33" s="335"/>
      <c r="Q33" s="330">
        <v>2635</v>
      </c>
      <c r="R33" s="330">
        <v>27280</v>
      </c>
      <c r="S33" s="330">
        <v>225445</v>
      </c>
      <c r="T33" s="330">
        <v>217705</v>
      </c>
      <c r="U33" s="330">
        <v>281375</v>
      </c>
      <c r="V33" s="333">
        <v>754440</v>
      </c>
      <c r="W33" s="334">
        <v>754440</v>
      </c>
      <c r="X33" s="329">
        <v>0</v>
      </c>
      <c r="Y33" s="330">
        <v>0</v>
      </c>
      <c r="Z33" s="331">
        <v>0</v>
      </c>
      <c r="AA33" s="335"/>
      <c r="AB33" s="330">
        <v>27280</v>
      </c>
      <c r="AC33" s="330">
        <v>29660</v>
      </c>
      <c r="AD33" s="330">
        <v>68045</v>
      </c>
      <c r="AE33" s="330">
        <v>163215</v>
      </c>
      <c r="AF33" s="330">
        <v>30590</v>
      </c>
      <c r="AG33" s="333">
        <v>318790</v>
      </c>
      <c r="AH33" s="334">
        <v>318790</v>
      </c>
      <c r="AI33" s="329">
        <v>0</v>
      </c>
      <c r="AJ33" s="330">
        <v>0</v>
      </c>
      <c r="AK33" s="331">
        <v>0</v>
      </c>
      <c r="AL33" s="335"/>
      <c r="AM33" s="330">
        <v>0</v>
      </c>
      <c r="AN33" s="330">
        <v>0</v>
      </c>
      <c r="AO33" s="330">
        <v>0</v>
      </c>
      <c r="AP33" s="330">
        <v>0</v>
      </c>
      <c r="AQ33" s="330">
        <v>0</v>
      </c>
      <c r="AR33" s="333">
        <v>0</v>
      </c>
      <c r="AS33" s="334">
        <v>0</v>
      </c>
      <c r="AT33" s="329">
        <v>0</v>
      </c>
      <c r="AU33" s="330">
        <v>0</v>
      </c>
      <c r="AV33" s="331">
        <v>0</v>
      </c>
      <c r="AW33" s="335"/>
      <c r="AX33" s="330">
        <v>0</v>
      </c>
      <c r="AY33" s="330">
        <v>0</v>
      </c>
      <c r="AZ33" s="330">
        <v>0</v>
      </c>
      <c r="BA33" s="330">
        <v>0</v>
      </c>
      <c r="BB33" s="330">
        <v>0</v>
      </c>
      <c r="BC33" s="333">
        <v>0</v>
      </c>
      <c r="BD33" s="334">
        <v>0</v>
      </c>
      <c r="BE33" s="329">
        <v>0</v>
      </c>
      <c r="BF33" s="330">
        <v>0</v>
      </c>
      <c r="BG33" s="331">
        <v>0</v>
      </c>
      <c r="BH33" s="335"/>
      <c r="BI33" s="330">
        <v>0</v>
      </c>
      <c r="BJ33" s="330">
        <v>0</v>
      </c>
      <c r="BK33" s="330">
        <v>0</v>
      </c>
      <c r="BL33" s="330">
        <v>0</v>
      </c>
      <c r="BM33" s="330">
        <v>0</v>
      </c>
      <c r="BN33" s="333">
        <v>0</v>
      </c>
      <c r="BO33" s="334">
        <v>0</v>
      </c>
      <c r="BP33" s="329">
        <v>0</v>
      </c>
      <c r="BQ33" s="330">
        <v>0</v>
      </c>
      <c r="BR33" s="331">
        <v>0</v>
      </c>
      <c r="BS33" s="332">
        <v>0</v>
      </c>
      <c r="BT33" s="330">
        <v>1305</v>
      </c>
      <c r="BU33" s="330">
        <v>870</v>
      </c>
      <c r="BV33" s="330">
        <v>4640</v>
      </c>
      <c r="BW33" s="330">
        <v>25272</v>
      </c>
      <c r="BX33" s="330">
        <v>0</v>
      </c>
      <c r="BY33" s="333">
        <v>32087</v>
      </c>
      <c r="BZ33" s="334">
        <v>32087</v>
      </c>
      <c r="CA33" s="329">
        <v>0</v>
      </c>
      <c r="CB33" s="330">
        <v>0</v>
      </c>
      <c r="CC33" s="331">
        <v>0</v>
      </c>
      <c r="CD33" s="332">
        <v>0</v>
      </c>
      <c r="CE33" s="330">
        <v>0</v>
      </c>
      <c r="CF33" s="330">
        <v>0</v>
      </c>
      <c r="CG33" s="330">
        <v>700</v>
      </c>
      <c r="CH33" s="330">
        <v>0</v>
      </c>
      <c r="CI33" s="330">
        <v>0</v>
      </c>
      <c r="CJ33" s="333">
        <v>700</v>
      </c>
      <c r="CK33" s="334">
        <v>700</v>
      </c>
      <c r="CL33" s="329">
        <v>0</v>
      </c>
      <c r="CM33" s="330">
        <v>0</v>
      </c>
      <c r="CN33" s="331">
        <v>0</v>
      </c>
      <c r="CO33" s="332">
        <v>0</v>
      </c>
      <c r="CP33" s="330">
        <v>0</v>
      </c>
      <c r="CQ33" s="330">
        <v>0</v>
      </c>
      <c r="CR33" s="330">
        <v>0</v>
      </c>
      <c r="CS33" s="330">
        <v>0</v>
      </c>
      <c r="CT33" s="330">
        <v>0</v>
      </c>
      <c r="CU33" s="333">
        <v>0</v>
      </c>
      <c r="CV33" s="334">
        <v>0</v>
      </c>
      <c r="CW33" s="329">
        <v>0</v>
      </c>
      <c r="CX33" s="330">
        <v>0</v>
      </c>
      <c r="CY33" s="331">
        <v>0</v>
      </c>
      <c r="CZ33" s="335"/>
      <c r="DA33" s="330">
        <v>0</v>
      </c>
      <c r="DB33" s="330">
        <v>0</v>
      </c>
      <c r="DC33" s="330">
        <v>0</v>
      </c>
      <c r="DD33" s="330">
        <v>0</v>
      </c>
      <c r="DE33" s="330">
        <v>0</v>
      </c>
      <c r="DF33" s="333">
        <v>0</v>
      </c>
      <c r="DG33" s="334">
        <v>0</v>
      </c>
      <c r="DH33" s="329">
        <v>0</v>
      </c>
      <c r="DI33" s="330">
        <v>0</v>
      </c>
      <c r="DJ33" s="331">
        <v>0</v>
      </c>
      <c r="DK33" s="332">
        <v>0</v>
      </c>
      <c r="DL33" s="330">
        <v>26573</v>
      </c>
      <c r="DM33" s="330">
        <v>62149</v>
      </c>
      <c r="DN33" s="330">
        <v>386471</v>
      </c>
      <c r="DO33" s="330">
        <v>296232</v>
      </c>
      <c r="DP33" s="330">
        <v>308857</v>
      </c>
      <c r="DQ33" s="333">
        <v>1080282</v>
      </c>
      <c r="DR33" s="336">
        <v>1080282</v>
      </c>
      <c r="DS33" s="329">
        <v>0</v>
      </c>
      <c r="DT33" s="330">
        <v>0</v>
      </c>
      <c r="DU33" s="331">
        <v>0</v>
      </c>
      <c r="DV33" s="335"/>
      <c r="DW33" s="330">
        <v>21576</v>
      </c>
      <c r="DX33" s="330">
        <v>36611</v>
      </c>
      <c r="DY33" s="330">
        <v>321941</v>
      </c>
      <c r="DZ33" s="330">
        <v>260309</v>
      </c>
      <c r="EA33" s="330">
        <v>269270</v>
      </c>
      <c r="EB33" s="333">
        <v>909707</v>
      </c>
      <c r="EC33" s="334">
        <v>909707</v>
      </c>
      <c r="ED33" s="329">
        <v>0</v>
      </c>
      <c r="EE33" s="330">
        <v>0</v>
      </c>
      <c r="EF33" s="331">
        <v>0</v>
      </c>
      <c r="EG33" s="335"/>
      <c r="EH33" s="330">
        <v>434</v>
      </c>
      <c r="EI33" s="330">
        <v>19922</v>
      </c>
      <c r="EJ33" s="330">
        <v>47833</v>
      </c>
      <c r="EK33" s="330">
        <v>13268</v>
      </c>
      <c r="EL33" s="330">
        <v>39587</v>
      </c>
      <c r="EM33" s="333">
        <v>121044</v>
      </c>
      <c r="EN33" s="334">
        <v>121044</v>
      </c>
      <c r="EO33" s="329">
        <v>0</v>
      </c>
      <c r="EP33" s="330">
        <v>0</v>
      </c>
      <c r="EQ33" s="331">
        <v>0</v>
      </c>
      <c r="ER33" s="335"/>
      <c r="ES33" s="330">
        <v>0</v>
      </c>
      <c r="ET33" s="330">
        <v>0</v>
      </c>
      <c r="EU33" s="330">
        <v>0</v>
      </c>
      <c r="EV33" s="330">
        <v>0</v>
      </c>
      <c r="EW33" s="330">
        <v>0</v>
      </c>
      <c r="EX33" s="333">
        <v>0</v>
      </c>
      <c r="EY33" s="334">
        <v>0</v>
      </c>
      <c r="EZ33" s="329">
        <v>0</v>
      </c>
      <c r="FA33" s="330">
        <v>0</v>
      </c>
      <c r="FB33" s="331">
        <v>0</v>
      </c>
      <c r="FC33" s="335"/>
      <c r="FD33" s="330">
        <v>0</v>
      </c>
      <c r="FE33" s="330">
        <v>0</v>
      </c>
      <c r="FF33" s="330">
        <v>0</v>
      </c>
      <c r="FG33" s="330">
        <v>0</v>
      </c>
      <c r="FH33" s="330">
        <v>0</v>
      </c>
      <c r="FI33" s="333">
        <v>0</v>
      </c>
      <c r="FJ33" s="334">
        <v>0</v>
      </c>
      <c r="FK33" s="329">
        <v>0</v>
      </c>
      <c r="FL33" s="330">
        <v>0</v>
      </c>
      <c r="FM33" s="331">
        <v>0</v>
      </c>
      <c r="FN33" s="335"/>
      <c r="FO33" s="330">
        <v>0</v>
      </c>
      <c r="FP33" s="330">
        <v>0</v>
      </c>
      <c r="FQ33" s="330">
        <v>0</v>
      </c>
      <c r="FR33" s="330">
        <v>0</v>
      </c>
      <c r="FS33" s="330">
        <v>0</v>
      </c>
      <c r="FT33" s="333">
        <v>0</v>
      </c>
      <c r="FU33" s="334">
        <v>0</v>
      </c>
      <c r="FV33" s="329">
        <v>0</v>
      </c>
      <c r="FW33" s="330">
        <v>0</v>
      </c>
      <c r="FX33" s="331">
        <v>0</v>
      </c>
      <c r="FY33" s="332">
        <v>0</v>
      </c>
      <c r="FZ33" s="330">
        <v>4563</v>
      </c>
      <c r="GA33" s="330">
        <v>5616</v>
      </c>
      <c r="GB33" s="330">
        <v>11985</v>
      </c>
      <c r="GC33" s="330">
        <v>22655</v>
      </c>
      <c r="GD33" s="330">
        <v>0</v>
      </c>
      <c r="GE33" s="333">
        <v>44819</v>
      </c>
      <c r="GF33" s="334">
        <v>44819</v>
      </c>
      <c r="GG33" s="329">
        <v>0</v>
      </c>
      <c r="GH33" s="330">
        <v>0</v>
      </c>
      <c r="GI33" s="331">
        <v>0</v>
      </c>
      <c r="GJ33" s="332">
        <v>0</v>
      </c>
      <c r="GK33" s="330">
        <v>0</v>
      </c>
      <c r="GL33" s="330">
        <v>0</v>
      </c>
      <c r="GM33" s="330">
        <v>4712</v>
      </c>
      <c r="GN33" s="330">
        <v>0</v>
      </c>
      <c r="GO33" s="330">
        <v>0</v>
      </c>
      <c r="GP33" s="333">
        <v>4712</v>
      </c>
      <c r="GQ33" s="334">
        <v>4712</v>
      </c>
      <c r="GR33" s="329">
        <v>0</v>
      </c>
      <c r="GS33" s="330">
        <v>0</v>
      </c>
      <c r="GT33" s="331">
        <v>0</v>
      </c>
      <c r="GU33" s="332">
        <v>0</v>
      </c>
      <c r="GV33" s="330">
        <v>0</v>
      </c>
      <c r="GW33" s="330">
        <v>0</v>
      </c>
      <c r="GX33" s="330">
        <v>0</v>
      </c>
      <c r="GY33" s="330">
        <v>0</v>
      </c>
      <c r="GZ33" s="330">
        <v>0</v>
      </c>
      <c r="HA33" s="333">
        <v>0</v>
      </c>
      <c r="HB33" s="334">
        <v>0</v>
      </c>
      <c r="HC33" s="329">
        <v>0</v>
      </c>
      <c r="HD33" s="330">
        <v>0</v>
      </c>
      <c r="HE33" s="331">
        <v>0</v>
      </c>
      <c r="HF33" s="335"/>
      <c r="HG33" s="330">
        <v>0</v>
      </c>
      <c r="HH33" s="330">
        <v>0</v>
      </c>
      <c r="HI33" s="330">
        <v>0</v>
      </c>
      <c r="HJ33" s="330">
        <v>0</v>
      </c>
      <c r="HK33" s="330">
        <v>0</v>
      </c>
      <c r="HL33" s="333">
        <v>0</v>
      </c>
      <c r="HM33" s="334">
        <v>0</v>
      </c>
      <c r="HN33" s="329">
        <v>0</v>
      </c>
      <c r="HO33" s="330">
        <v>0</v>
      </c>
      <c r="HP33" s="331">
        <v>0</v>
      </c>
      <c r="HQ33" s="332">
        <v>0</v>
      </c>
      <c r="HR33" s="330">
        <v>57793</v>
      </c>
      <c r="HS33" s="330">
        <v>119959</v>
      </c>
      <c r="HT33" s="330">
        <v>685301</v>
      </c>
      <c r="HU33" s="330">
        <v>702424</v>
      </c>
      <c r="HV33" s="330">
        <v>620822</v>
      </c>
      <c r="HW33" s="333">
        <v>2186299</v>
      </c>
      <c r="HX33" s="334">
        <v>2186299</v>
      </c>
    </row>
    <row r="34" spans="1:232" ht="16.5" customHeight="1" x14ac:dyDescent="0.2">
      <c r="A34" s="327" t="s">
        <v>31</v>
      </c>
      <c r="B34" s="329">
        <v>0</v>
      </c>
      <c r="C34" s="330">
        <v>0</v>
      </c>
      <c r="D34" s="331">
        <v>0</v>
      </c>
      <c r="E34" s="332">
        <v>0</v>
      </c>
      <c r="F34" s="330">
        <v>25225</v>
      </c>
      <c r="G34" s="330">
        <v>112725</v>
      </c>
      <c r="H34" s="330">
        <v>256515</v>
      </c>
      <c r="I34" s="330">
        <v>155485</v>
      </c>
      <c r="J34" s="330">
        <v>218650</v>
      </c>
      <c r="K34" s="333">
        <v>768600</v>
      </c>
      <c r="L34" s="334">
        <v>768600</v>
      </c>
      <c r="M34" s="329">
        <v>0</v>
      </c>
      <c r="N34" s="330">
        <v>0</v>
      </c>
      <c r="O34" s="331">
        <v>0</v>
      </c>
      <c r="P34" s="335"/>
      <c r="Q34" s="330">
        <v>0</v>
      </c>
      <c r="R34" s="330">
        <v>32705</v>
      </c>
      <c r="S34" s="330">
        <v>206105</v>
      </c>
      <c r="T34" s="330">
        <v>111135</v>
      </c>
      <c r="U34" s="330">
        <v>182590</v>
      </c>
      <c r="V34" s="333">
        <v>532535</v>
      </c>
      <c r="W34" s="334">
        <v>532535</v>
      </c>
      <c r="X34" s="329">
        <v>0</v>
      </c>
      <c r="Y34" s="330">
        <v>0</v>
      </c>
      <c r="Z34" s="331">
        <v>0</v>
      </c>
      <c r="AA34" s="335"/>
      <c r="AB34" s="330">
        <v>24645</v>
      </c>
      <c r="AC34" s="330">
        <v>65255</v>
      </c>
      <c r="AD34" s="330">
        <v>37975</v>
      </c>
      <c r="AE34" s="330">
        <v>44350</v>
      </c>
      <c r="AF34" s="330">
        <v>0</v>
      </c>
      <c r="AG34" s="333">
        <v>172225</v>
      </c>
      <c r="AH34" s="334">
        <v>172225</v>
      </c>
      <c r="AI34" s="329">
        <v>0</v>
      </c>
      <c r="AJ34" s="330">
        <v>0</v>
      </c>
      <c r="AK34" s="331">
        <v>0</v>
      </c>
      <c r="AL34" s="335"/>
      <c r="AM34" s="330">
        <v>0</v>
      </c>
      <c r="AN34" s="330">
        <v>0</v>
      </c>
      <c r="AO34" s="330">
        <v>0</v>
      </c>
      <c r="AP34" s="330">
        <v>0</v>
      </c>
      <c r="AQ34" s="330">
        <v>0</v>
      </c>
      <c r="AR34" s="333">
        <v>0</v>
      </c>
      <c r="AS34" s="334">
        <v>0</v>
      </c>
      <c r="AT34" s="329">
        <v>0</v>
      </c>
      <c r="AU34" s="330">
        <v>0</v>
      </c>
      <c r="AV34" s="331">
        <v>0</v>
      </c>
      <c r="AW34" s="335"/>
      <c r="AX34" s="330">
        <v>0</v>
      </c>
      <c r="AY34" s="330">
        <v>0</v>
      </c>
      <c r="AZ34" s="330">
        <v>0</v>
      </c>
      <c r="BA34" s="330">
        <v>0</v>
      </c>
      <c r="BB34" s="330">
        <v>32705</v>
      </c>
      <c r="BC34" s="333">
        <v>32705</v>
      </c>
      <c r="BD34" s="334">
        <v>32705</v>
      </c>
      <c r="BE34" s="329">
        <v>0</v>
      </c>
      <c r="BF34" s="330">
        <v>0</v>
      </c>
      <c r="BG34" s="331">
        <v>0</v>
      </c>
      <c r="BH34" s="335"/>
      <c r="BI34" s="330">
        <v>0</v>
      </c>
      <c r="BJ34" s="330">
        <v>0</v>
      </c>
      <c r="BK34" s="330">
        <v>0</v>
      </c>
      <c r="BL34" s="330">
        <v>0</v>
      </c>
      <c r="BM34" s="330">
        <v>0</v>
      </c>
      <c r="BN34" s="333">
        <v>0</v>
      </c>
      <c r="BO34" s="334">
        <v>0</v>
      </c>
      <c r="BP34" s="329">
        <v>0</v>
      </c>
      <c r="BQ34" s="330">
        <v>0</v>
      </c>
      <c r="BR34" s="331">
        <v>0</v>
      </c>
      <c r="BS34" s="332">
        <v>0</v>
      </c>
      <c r="BT34" s="330">
        <v>580</v>
      </c>
      <c r="BU34" s="330">
        <v>14765</v>
      </c>
      <c r="BV34" s="330">
        <v>12435</v>
      </c>
      <c r="BW34" s="330">
        <v>0</v>
      </c>
      <c r="BX34" s="330">
        <v>3355</v>
      </c>
      <c r="BY34" s="333">
        <v>31135</v>
      </c>
      <c r="BZ34" s="334">
        <v>31135</v>
      </c>
      <c r="CA34" s="329">
        <v>0</v>
      </c>
      <c r="CB34" s="330">
        <v>0</v>
      </c>
      <c r="CC34" s="331">
        <v>0</v>
      </c>
      <c r="CD34" s="332">
        <v>0</v>
      </c>
      <c r="CE34" s="330">
        <v>0</v>
      </c>
      <c r="CF34" s="330">
        <v>0</v>
      </c>
      <c r="CG34" s="330">
        <v>0</v>
      </c>
      <c r="CH34" s="330">
        <v>0</v>
      </c>
      <c r="CI34" s="330">
        <v>0</v>
      </c>
      <c r="CJ34" s="333">
        <v>0</v>
      </c>
      <c r="CK34" s="334">
        <v>0</v>
      </c>
      <c r="CL34" s="329">
        <v>0</v>
      </c>
      <c r="CM34" s="330">
        <v>0</v>
      </c>
      <c r="CN34" s="331">
        <v>0</v>
      </c>
      <c r="CO34" s="332">
        <v>0</v>
      </c>
      <c r="CP34" s="330">
        <v>0</v>
      </c>
      <c r="CQ34" s="330">
        <v>0</v>
      </c>
      <c r="CR34" s="330">
        <v>0</v>
      </c>
      <c r="CS34" s="330">
        <v>0</v>
      </c>
      <c r="CT34" s="330">
        <v>0</v>
      </c>
      <c r="CU34" s="333">
        <v>0</v>
      </c>
      <c r="CV34" s="334">
        <v>0</v>
      </c>
      <c r="CW34" s="329">
        <v>0</v>
      </c>
      <c r="CX34" s="330">
        <v>0</v>
      </c>
      <c r="CY34" s="331">
        <v>0</v>
      </c>
      <c r="CZ34" s="335"/>
      <c r="DA34" s="330">
        <v>0</v>
      </c>
      <c r="DB34" s="330">
        <v>0</v>
      </c>
      <c r="DC34" s="330">
        <v>0</v>
      </c>
      <c r="DD34" s="330">
        <v>0</v>
      </c>
      <c r="DE34" s="330">
        <v>0</v>
      </c>
      <c r="DF34" s="333">
        <v>0</v>
      </c>
      <c r="DG34" s="334">
        <v>0</v>
      </c>
      <c r="DH34" s="329">
        <v>0</v>
      </c>
      <c r="DI34" s="330">
        <v>0</v>
      </c>
      <c r="DJ34" s="331">
        <v>0</v>
      </c>
      <c r="DK34" s="332">
        <v>0</v>
      </c>
      <c r="DL34" s="330">
        <v>2323</v>
      </c>
      <c r="DM34" s="330">
        <v>36269</v>
      </c>
      <c r="DN34" s="330">
        <v>328148</v>
      </c>
      <c r="DO34" s="330">
        <v>212937</v>
      </c>
      <c r="DP34" s="330">
        <v>222377</v>
      </c>
      <c r="DQ34" s="333">
        <v>802054</v>
      </c>
      <c r="DR34" s="336">
        <v>802054</v>
      </c>
      <c r="DS34" s="329">
        <v>0</v>
      </c>
      <c r="DT34" s="330">
        <v>0</v>
      </c>
      <c r="DU34" s="331">
        <v>0</v>
      </c>
      <c r="DV34" s="335"/>
      <c r="DW34" s="330">
        <v>0</v>
      </c>
      <c r="DX34" s="330">
        <v>23281</v>
      </c>
      <c r="DY34" s="330">
        <v>299267</v>
      </c>
      <c r="DZ34" s="330">
        <v>211761</v>
      </c>
      <c r="EA34" s="330">
        <v>181009</v>
      </c>
      <c r="EB34" s="333">
        <v>715318</v>
      </c>
      <c r="EC34" s="334">
        <v>715318</v>
      </c>
      <c r="ED34" s="329">
        <v>0</v>
      </c>
      <c r="EE34" s="330">
        <v>0</v>
      </c>
      <c r="EF34" s="331">
        <v>0</v>
      </c>
      <c r="EG34" s="335"/>
      <c r="EH34" s="330">
        <v>217</v>
      </c>
      <c r="EI34" s="330">
        <v>1054</v>
      </c>
      <c r="EJ34" s="330">
        <v>620</v>
      </c>
      <c r="EK34" s="330">
        <v>1176</v>
      </c>
      <c r="EL34" s="330">
        <v>0</v>
      </c>
      <c r="EM34" s="333">
        <v>3067</v>
      </c>
      <c r="EN34" s="334">
        <v>3067</v>
      </c>
      <c r="EO34" s="329">
        <v>0</v>
      </c>
      <c r="EP34" s="330">
        <v>0</v>
      </c>
      <c r="EQ34" s="331">
        <v>0</v>
      </c>
      <c r="ER34" s="335"/>
      <c r="ES34" s="330">
        <v>0</v>
      </c>
      <c r="ET34" s="330">
        <v>0</v>
      </c>
      <c r="EU34" s="330">
        <v>0</v>
      </c>
      <c r="EV34" s="330">
        <v>0</v>
      </c>
      <c r="EW34" s="330">
        <v>0</v>
      </c>
      <c r="EX34" s="333">
        <v>0</v>
      </c>
      <c r="EY34" s="334">
        <v>0</v>
      </c>
      <c r="EZ34" s="329">
        <v>0</v>
      </c>
      <c r="FA34" s="330">
        <v>0</v>
      </c>
      <c r="FB34" s="331">
        <v>0</v>
      </c>
      <c r="FC34" s="335"/>
      <c r="FD34" s="330">
        <v>0</v>
      </c>
      <c r="FE34" s="330">
        <v>0</v>
      </c>
      <c r="FF34" s="330">
        <v>0</v>
      </c>
      <c r="FG34" s="330">
        <v>0</v>
      </c>
      <c r="FH34" s="330">
        <v>36518</v>
      </c>
      <c r="FI34" s="333">
        <v>36518</v>
      </c>
      <c r="FJ34" s="334">
        <v>36518</v>
      </c>
      <c r="FK34" s="329">
        <v>0</v>
      </c>
      <c r="FL34" s="330">
        <v>0</v>
      </c>
      <c r="FM34" s="331">
        <v>0</v>
      </c>
      <c r="FN34" s="335"/>
      <c r="FO34" s="330">
        <v>0</v>
      </c>
      <c r="FP34" s="330">
        <v>0</v>
      </c>
      <c r="FQ34" s="330">
        <v>0</v>
      </c>
      <c r="FR34" s="330">
        <v>0</v>
      </c>
      <c r="FS34" s="330">
        <v>0</v>
      </c>
      <c r="FT34" s="333">
        <v>0</v>
      </c>
      <c r="FU34" s="334">
        <v>0</v>
      </c>
      <c r="FV34" s="329">
        <v>0</v>
      </c>
      <c r="FW34" s="330">
        <v>0</v>
      </c>
      <c r="FX34" s="331">
        <v>0</v>
      </c>
      <c r="FY34" s="332">
        <v>0</v>
      </c>
      <c r="FZ34" s="330">
        <v>2106</v>
      </c>
      <c r="GA34" s="330">
        <v>11934</v>
      </c>
      <c r="GB34" s="330">
        <v>28261</v>
      </c>
      <c r="GC34" s="330">
        <v>0</v>
      </c>
      <c r="GD34" s="330">
        <v>4850</v>
      </c>
      <c r="GE34" s="333">
        <v>47151</v>
      </c>
      <c r="GF34" s="334">
        <v>47151</v>
      </c>
      <c r="GG34" s="329">
        <v>0</v>
      </c>
      <c r="GH34" s="330">
        <v>0</v>
      </c>
      <c r="GI34" s="331">
        <v>0</v>
      </c>
      <c r="GJ34" s="332">
        <v>0</v>
      </c>
      <c r="GK34" s="330">
        <v>0</v>
      </c>
      <c r="GL34" s="330">
        <v>0</v>
      </c>
      <c r="GM34" s="330">
        <v>0</v>
      </c>
      <c r="GN34" s="330">
        <v>0</v>
      </c>
      <c r="GO34" s="330">
        <v>0</v>
      </c>
      <c r="GP34" s="333">
        <v>0</v>
      </c>
      <c r="GQ34" s="334">
        <v>0</v>
      </c>
      <c r="GR34" s="329">
        <v>0</v>
      </c>
      <c r="GS34" s="330">
        <v>0</v>
      </c>
      <c r="GT34" s="331">
        <v>0</v>
      </c>
      <c r="GU34" s="332">
        <v>0</v>
      </c>
      <c r="GV34" s="330">
        <v>0</v>
      </c>
      <c r="GW34" s="330">
        <v>0</v>
      </c>
      <c r="GX34" s="330">
        <v>0</v>
      </c>
      <c r="GY34" s="330">
        <v>0</v>
      </c>
      <c r="GZ34" s="330">
        <v>0</v>
      </c>
      <c r="HA34" s="333">
        <v>0</v>
      </c>
      <c r="HB34" s="334">
        <v>0</v>
      </c>
      <c r="HC34" s="329">
        <v>0</v>
      </c>
      <c r="HD34" s="330">
        <v>0</v>
      </c>
      <c r="HE34" s="331">
        <v>0</v>
      </c>
      <c r="HF34" s="335"/>
      <c r="HG34" s="330">
        <v>0</v>
      </c>
      <c r="HH34" s="330">
        <v>0</v>
      </c>
      <c r="HI34" s="330">
        <v>0</v>
      </c>
      <c r="HJ34" s="330">
        <v>0</v>
      </c>
      <c r="HK34" s="330">
        <v>0</v>
      </c>
      <c r="HL34" s="333">
        <v>0</v>
      </c>
      <c r="HM34" s="334">
        <v>0</v>
      </c>
      <c r="HN34" s="329">
        <v>0</v>
      </c>
      <c r="HO34" s="330">
        <v>0</v>
      </c>
      <c r="HP34" s="331">
        <v>0</v>
      </c>
      <c r="HQ34" s="332">
        <v>0</v>
      </c>
      <c r="HR34" s="330">
        <v>27548</v>
      </c>
      <c r="HS34" s="330">
        <v>148994</v>
      </c>
      <c r="HT34" s="330">
        <v>584663</v>
      </c>
      <c r="HU34" s="330">
        <v>368422</v>
      </c>
      <c r="HV34" s="330">
        <v>441027</v>
      </c>
      <c r="HW34" s="333">
        <v>1570654</v>
      </c>
      <c r="HX34" s="334">
        <v>1570654</v>
      </c>
    </row>
    <row r="35" spans="1:232" ht="16.5" customHeight="1" x14ac:dyDescent="0.2">
      <c r="A35" s="327" t="s">
        <v>32</v>
      </c>
      <c r="B35" s="329">
        <v>0</v>
      </c>
      <c r="C35" s="330">
        <v>0</v>
      </c>
      <c r="D35" s="331">
        <v>0</v>
      </c>
      <c r="E35" s="332">
        <v>0</v>
      </c>
      <c r="F35" s="330">
        <v>2635</v>
      </c>
      <c r="G35" s="330">
        <v>119791</v>
      </c>
      <c r="H35" s="330">
        <v>392780</v>
      </c>
      <c r="I35" s="330">
        <v>386026</v>
      </c>
      <c r="J35" s="330">
        <v>117400</v>
      </c>
      <c r="K35" s="333">
        <v>1018632</v>
      </c>
      <c r="L35" s="334">
        <v>1018632</v>
      </c>
      <c r="M35" s="329">
        <v>0</v>
      </c>
      <c r="N35" s="330">
        <v>0</v>
      </c>
      <c r="O35" s="331">
        <v>0</v>
      </c>
      <c r="P35" s="335"/>
      <c r="Q35" s="330">
        <v>0</v>
      </c>
      <c r="R35" s="330">
        <v>35495</v>
      </c>
      <c r="S35" s="330">
        <v>138880</v>
      </c>
      <c r="T35" s="330">
        <v>170960</v>
      </c>
      <c r="U35" s="330">
        <v>53130</v>
      </c>
      <c r="V35" s="333">
        <v>398465</v>
      </c>
      <c r="W35" s="334">
        <v>398465</v>
      </c>
      <c r="X35" s="329">
        <v>0</v>
      </c>
      <c r="Y35" s="330">
        <v>0</v>
      </c>
      <c r="Z35" s="331">
        <v>0</v>
      </c>
      <c r="AA35" s="335"/>
      <c r="AB35" s="330">
        <v>2635</v>
      </c>
      <c r="AC35" s="330">
        <v>73470</v>
      </c>
      <c r="AD35" s="330">
        <v>75950</v>
      </c>
      <c r="AE35" s="330">
        <v>146400</v>
      </c>
      <c r="AF35" s="330">
        <v>35495</v>
      </c>
      <c r="AG35" s="333">
        <v>333950</v>
      </c>
      <c r="AH35" s="334">
        <v>333950</v>
      </c>
      <c r="AI35" s="329">
        <v>0</v>
      </c>
      <c r="AJ35" s="330">
        <v>0</v>
      </c>
      <c r="AK35" s="331">
        <v>0</v>
      </c>
      <c r="AL35" s="335"/>
      <c r="AM35" s="330">
        <v>0</v>
      </c>
      <c r="AN35" s="330">
        <v>0</v>
      </c>
      <c r="AO35" s="330">
        <v>0</v>
      </c>
      <c r="AP35" s="330">
        <v>0</v>
      </c>
      <c r="AQ35" s="330">
        <v>0</v>
      </c>
      <c r="AR35" s="333">
        <v>0</v>
      </c>
      <c r="AS35" s="334">
        <v>0</v>
      </c>
      <c r="AT35" s="329">
        <v>0</v>
      </c>
      <c r="AU35" s="330">
        <v>0</v>
      </c>
      <c r="AV35" s="331">
        <v>0</v>
      </c>
      <c r="AW35" s="335"/>
      <c r="AX35" s="330">
        <v>0</v>
      </c>
      <c r="AY35" s="330">
        <v>0</v>
      </c>
      <c r="AZ35" s="330">
        <v>0</v>
      </c>
      <c r="BA35" s="330">
        <v>0</v>
      </c>
      <c r="BB35" s="330">
        <v>0</v>
      </c>
      <c r="BC35" s="333">
        <v>0</v>
      </c>
      <c r="BD35" s="334">
        <v>0</v>
      </c>
      <c r="BE35" s="329">
        <v>0</v>
      </c>
      <c r="BF35" s="330">
        <v>0</v>
      </c>
      <c r="BG35" s="331">
        <v>0</v>
      </c>
      <c r="BH35" s="335"/>
      <c r="BI35" s="330">
        <v>0</v>
      </c>
      <c r="BJ35" s="330">
        <v>0</v>
      </c>
      <c r="BK35" s="330">
        <v>175155</v>
      </c>
      <c r="BL35" s="330">
        <v>35185</v>
      </c>
      <c r="BM35" s="330">
        <v>27450</v>
      </c>
      <c r="BN35" s="333">
        <v>237790</v>
      </c>
      <c r="BO35" s="334">
        <v>237790</v>
      </c>
      <c r="BP35" s="329">
        <v>0</v>
      </c>
      <c r="BQ35" s="330">
        <v>0</v>
      </c>
      <c r="BR35" s="331">
        <v>0</v>
      </c>
      <c r="BS35" s="332">
        <v>0</v>
      </c>
      <c r="BT35" s="330">
        <v>0</v>
      </c>
      <c r="BU35" s="330">
        <v>6476</v>
      </c>
      <c r="BV35" s="330">
        <v>1925</v>
      </c>
      <c r="BW35" s="330">
        <v>31766</v>
      </c>
      <c r="BX35" s="330">
        <v>1325</v>
      </c>
      <c r="BY35" s="333">
        <v>41492</v>
      </c>
      <c r="BZ35" s="334">
        <v>41492</v>
      </c>
      <c r="CA35" s="329">
        <v>0</v>
      </c>
      <c r="CB35" s="330">
        <v>0</v>
      </c>
      <c r="CC35" s="331">
        <v>0</v>
      </c>
      <c r="CD35" s="332">
        <v>0</v>
      </c>
      <c r="CE35" s="330">
        <v>0</v>
      </c>
      <c r="CF35" s="330">
        <v>4350</v>
      </c>
      <c r="CG35" s="330">
        <v>870</v>
      </c>
      <c r="CH35" s="330">
        <v>1715</v>
      </c>
      <c r="CI35" s="330">
        <v>0</v>
      </c>
      <c r="CJ35" s="333">
        <v>6935</v>
      </c>
      <c r="CK35" s="334">
        <v>6935</v>
      </c>
      <c r="CL35" s="329">
        <v>0</v>
      </c>
      <c r="CM35" s="330">
        <v>0</v>
      </c>
      <c r="CN35" s="331">
        <v>0</v>
      </c>
      <c r="CO35" s="332">
        <v>0</v>
      </c>
      <c r="CP35" s="330">
        <v>0</v>
      </c>
      <c r="CQ35" s="330">
        <v>0</v>
      </c>
      <c r="CR35" s="330">
        <v>0</v>
      </c>
      <c r="CS35" s="330">
        <v>0</v>
      </c>
      <c r="CT35" s="330">
        <v>0</v>
      </c>
      <c r="CU35" s="333">
        <v>0</v>
      </c>
      <c r="CV35" s="334">
        <v>0</v>
      </c>
      <c r="CW35" s="329">
        <v>0</v>
      </c>
      <c r="CX35" s="330">
        <v>0</v>
      </c>
      <c r="CY35" s="331">
        <v>0</v>
      </c>
      <c r="CZ35" s="335"/>
      <c r="DA35" s="330">
        <v>0</v>
      </c>
      <c r="DB35" s="330">
        <v>0</v>
      </c>
      <c r="DC35" s="330">
        <v>0</v>
      </c>
      <c r="DD35" s="330">
        <v>0</v>
      </c>
      <c r="DE35" s="330">
        <v>0</v>
      </c>
      <c r="DF35" s="333">
        <v>0</v>
      </c>
      <c r="DG35" s="334">
        <v>0</v>
      </c>
      <c r="DH35" s="329">
        <v>0</v>
      </c>
      <c r="DI35" s="330">
        <v>0</v>
      </c>
      <c r="DJ35" s="331">
        <v>0</v>
      </c>
      <c r="DK35" s="332">
        <v>0</v>
      </c>
      <c r="DL35" s="330">
        <v>217</v>
      </c>
      <c r="DM35" s="330">
        <v>45369</v>
      </c>
      <c r="DN35" s="330">
        <v>327834</v>
      </c>
      <c r="DO35" s="330">
        <v>344361</v>
      </c>
      <c r="DP35" s="330">
        <v>70675</v>
      </c>
      <c r="DQ35" s="333">
        <v>788456</v>
      </c>
      <c r="DR35" s="336">
        <v>788456</v>
      </c>
      <c r="DS35" s="329">
        <v>0</v>
      </c>
      <c r="DT35" s="330">
        <v>0</v>
      </c>
      <c r="DU35" s="331">
        <v>0</v>
      </c>
      <c r="DV35" s="335"/>
      <c r="DW35" s="330">
        <v>0</v>
      </c>
      <c r="DX35" s="330">
        <v>26381</v>
      </c>
      <c r="DY35" s="330">
        <v>158813</v>
      </c>
      <c r="DZ35" s="330">
        <v>250799</v>
      </c>
      <c r="EA35" s="330">
        <v>34671</v>
      </c>
      <c r="EB35" s="333">
        <v>470664</v>
      </c>
      <c r="EC35" s="334">
        <v>470664</v>
      </c>
      <c r="ED35" s="329">
        <v>0</v>
      </c>
      <c r="EE35" s="330">
        <v>0</v>
      </c>
      <c r="EF35" s="331">
        <v>0</v>
      </c>
      <c r="EG35" s="335"/>
      <c r="EH35" s="330">
        <v>217</v>
      </c>
      <c r="EI35" s="330">
        <v>12307</v>
      </c>
      <c r="EJ35" s="330">
        <v>23064</v>
      </c>
      <c r="EK35" s="330">
        <v>12516</v>
      </c>
      <c r="EL35" s="330">
        <v>11687</v>
      </c>
      <c r="EM35" s="333">
        <v>59791</v>
      </c>
      <c r="EN35" s="334">
        <v>59791</v>
      </c>
      <c r="EO35" s="329">
        <v>0</v>
      </c>
      <c r="EP35" s="330">
        <v>0</v>
      </c>
      <c r="EQ35" s="331">
        <v>0</v>
      </c>
      <c r="ER35" s="335"/>
      <c r="ES35" s="330">
        <v>0</v>
      </c>
      <c r="ET35" s="330">
        <v>0</v>
      </c>
      <c r="EU35" s="330">
        <v>0</v>
      </c>
      <c r="EV35" s="330">
        <v>0</v>
      </c>
      <c r="EW35" s="330">
        <v>0</v>
      </c>
      <c r="EX35" s="333">
        <v>0</v>
      </c>
      <c r="EY35" s="334">
        <v>0</v>
      </c>
      <c r="EZ35" s="329">
        <v>0</v>
      </c>
      <c r="FA35" s="330">
        <v>0</v>
      </c>
      <c r="FB35" s="331">
        <v>0</v>
      </c>
      <c r="FC35" s="335"/>
      <c r="FD35" s="330">
        <v>0</v>
      </c>
      <c r="FE35" s="330">
        <v>0</v>
      </c>
      <c r="FF35" s="330">
        <v>0</v>
      </c>
      <c r="FG35" s="330">
        <v>0</v>
      </c>
      <c r="FH35" s="330">
        <v>0</v>
      </c>
      <c r="FI35" s="333">
        <v>0</v>
      </c>
      <c r="FJ35" s="334">
        <v>0</v>
      </c>
      <c r="FK35" s="329">
        <v>0</v>
      </c>
      <c r="FL35" s="330">
        <v>0</v>
      </c>
      <c r="FM35" s="331">
        <v>0</v>
      </c>
      <c r="FN35" s="335"/>
      <c r="FO35" s="330">
        <v>0</v>
      </c>
      <c r="FP35" s="330">
        <v>0</v>
      </c>
      <c r="FQ35" s="330">
        <v>142429</v>
      </c>
      <c r="FR35" s="330">
        <v>54405</v>
      </c>
      <c r="FS35" s="330">
        <v>22815</v>
      </c>
      <c r="FT35" s="333">
        <v>219649</v>
      </c>
      <c r="FU35" s="334">
        <v>219649</v>
      </c>
      <c r="FV35" s="329">
        <v>0</v>
      </c>
      <c r="FW35" s="330">
        <v>0</v>
      </c>
      <c r="FX35" s="331">
        <v>0</v>
      </c>
      <c r="FY35" s="332">
        <v>0</v>
      </c>
      <c r="FZ35" s="330">
        <v>0</v>
      </c>
      <c r="GA35" s="330">
        <v>6471</v>
      </c>
      <c r="GB35" s="330">
        <v>1710</v>
      </c>
      <c r="GC35" s="330">
        <v>25497</v>
      </c>
      <c r="GD35" s="330">
        <v>1502</v>
      </c>
      <c r="GE35" s="333">
        <v>35180</v>
      </c>
      <c r="GF35" s="334">
        <v>35180</v>
      </c>
      <c r="GG35" s="329">
        <v>0</v>
      </c>
      <c r="GH35" s="330">
        <v>0</v>
      </c>
      <c r="GI35" s="331">
        <v>0</v>
      </c>
      <c r="GJ35" s="332">
        <v>0</v>
      </c>
      <c r="GK35" s="330">
        <v>0</v>
      </c>
      <c r="GL35" s="330">
        <v>210</v>
      </c>
      <c r="GM35" s="330">
        <v>1818</v>
      </c>
      <c r="GN35" s="330">
        <v>1144</v>
      </c>
      <c r="GO35" s="330">
        <v>0</v>
      </c>
      <c r="GP35" s="333">
        <v>3172</v>
      </c>
      <c r="GQ35" s="334">
        <v>3172</v>
      </c>
      <c r="GR35" s="329">
        <v>0</v>
      </c>
      <c r="GS35" s="330">
        <v>0</v>
      </c>
      <c r="GT35" s="331">
        <v>0</v>
      </c>
      <c r="GU35" s="332">
        <v>0</v>
      </c>
      <c r="GV35" s="330">
        <v>0</v>
      </c>
      <c r="GW35" s="330">
        <v>0</v>
      </c>
      <c r="GX35" s="330">
        <v>0</v>
      </c>
      <c r="GY35" s="330">
        <v>0</v>
      </c>
      <c r="GZ35" s="330">
        <v>0</v>
      </c>
      <c r="HA35" s="333">
        <v>0</v>
      </c>
      <c r="HB35" s="334">
        <v>0</v>
      </c>
      <c r="HC35" s="329">
        <v>0</v>
      </c>
      <c r="HD35" s="330">
        <v>0</v>
      </c>
      <c r="HE35" s="331">
        <v>0</v>
      </c>
      <c r="HF35" s="335"/>
      <c r="HG35" s="330">
        <v>0</v>
      </c>
      <c r="HH35" s="330">
        <v>0</v>
      </c>
      <c r="HI35" s="330">
        <v>0</v>
      </c>
      <c r="HJ35" s="330">
        <v>0</v>
      </c>
      <c r="HK35" s="330">
        <v>0</v>
      </c>
      <c r="HL35" s="333">
        <v>0</v>
      </c>
      <c r="HM35" s="334">
        <v>0</v>
      </c>
      <c r="HN35" s="329">
        <v>0</v>
      </c>
      <c r="HO35" s="330">
        <v>0</v>
      </c>
      <c r="HP35" s="331">
        <v>0</v>
      </c>
      <c r="HQ35" s="332">
        <v>0</v>
      </c>
      <c r="HR35" s="330">
        <v>2852</v>
      </c>
      <c r="HS35" s="330">
        <v>165160</v>
      </c>
      <c r="HT35" s="330">
        <v>720614</v>
      </c>
      <c r="HU35" s="330">
        <v>730387</v>
      </c>
      <c r="HV35" s="330">
        <v>188075</v>
      </c>
      <c r="HW35" s="333">
        <v>1807088</v>
      </c>
      <c r="HX35" s="334">
        <v>1807088</v>
      </c>
    </row>
    <row r="36" spans="1:232" ht="16.5" customHeight="1" x14ac:dyDescent="0.2">
      <c r="A36" s="327" t="s">
        <v>33</v>
      </c>
      <c r="B36" s="329">
        <v>0</v>
      </c>
      <c r="C36" s="330">
        <v>0</v>
      </c>
      <c r="D36" s="331">
        <v>0</v>
      </c>
      <c r="E36" s="332">
        <v>0</v>
      </c>
      <c r="F36" s="330">
        <v>101465</v>
      </c>
      <c r="G36" s="330">
        <v>144275</v>
      </c>
      <c r="H36" s="330">
        <v>572725</v>
      </c>
      <c r="I36" s="330">
        <v>568765</v>
      </c>
      <c r="J36" s="330">
        <v>528250</v>
      </c>
      <c r="K36" s="333">
        <v>1915480</v>
      </c>
      <c r="L36" s="334">
        <v>1915480</v>
      </c>
      <c r="M36" s="329">
        <v>0</v>
      </c>
      <c r="N36" s="330">
        <v>0</v>
      </c>
      <c r="O36" s="331">
        <v>0</v>
      </c>
      <c r="P36" s="335"/>
      <c r="Q36" s="330">
        <v>0</v>
      </c>
      <c r="R36" s="330">
        <v>29915</v>
      </c>
      <c r="S36" s="330">
        <v>320915</v>
      </c>
      <c r="T36" s="330">
        <v>374395</v>
      </c>
      <c r="U36" s="330">
        <v>395170</v>
      </c>
      <c r="V36" s="333">
        <v>1120395</v>
      </c>
      <c r="W36" s="334">
        <v>1120395</v>
      </c>
      <c r="X36" s="329">
        <v>0</v>
      </c>
      <c r="Y36" s="330">
        <v>0</v>
      </c>
      <c r="Z36" s="331">
        <v>0</v>
      </c>
      <c r="AA36" s="335"/>
      <c r="AB36" s="330">
        <v>75950</v>
      </c>
      <c r="AC36" s="330">
        <v>67330</v>
      </c>
      <c r="AD36" s="330">
        <v>152705</v>
      </c>
      <c r="AE36" s="330">
        <v>111290</v>
      </c>
      <c r="AF36" s="330">
        <v>32175</v>
      </c>
      <c r="AG36" s="333">
        <v>439450</v>
      </c>
      <c r="AH36" s="334">
        <v>439450</v>
      </c>
      <c r="AI36" s="329">
        <v>0</v>
      </c>
      <c r="AJ36" s="330">
        <v>0</v>
      </c>
      <c r="AK36" s="331">
        <v>0</v>
      </c>
      <c r="AL36" s="335"/>
      <c r="AM36" s="330">
        <v>0</v>
      </c>
      <c r="AN36" s="330">
        <v>0</v>
      </c>
      <c r="AO36" s="330">
        <v>0</v>
      </c>
      <c r="AP36" s="330">
        <v>0</v>
      </c>
      <c r="AQ36" s="330">
        <v>0</v>
      </c>
      <c r="AR36" s="333">
        <v>0</v>
      </c>
      <c r="AS36" s="334">
        <v>0</v>
      </c>
      <c r="AT36" s="329">
        <v>0</v>
      </c>
      <c r="AU36" s="330">
        <v>0</v>
      </c>
      <c r="AV36" s="331">
        <v>0</v>
      </c>
      <c r="AW36" s="335"/>
      <c r="AX36" s="330">
        <v>24645</v>
      </c>
      <c r="AY36" s="330">
        <v>40765</v>
      </c>
      <c r="AZ36" s="330">
        <v>76260</v>
      </c>
      <c r="BA36" s="330">
        <v>70990</v>
      </c>
      <c r="BB36" s="330">
        <v>100905</v>
      </c>
      <c r="BC36" s="333">
        <v>313565</v>
      </c>
      <c r="BD36" s="334">
        <v>313565</v>
      </c>
      <c r="BE36" s="329">
        <v>0</v>
      </c>
      <c r="BF36" s="330">
        <v>0</v>
      </c>
      <c r="BG36" s="331">
        <v>0</v>
      </c>
      <c r="BH36" s="335"/>
      <c r="BI36" s="330">
        <v>0</v>
      </c>
      <c r="BJ36" s="330">
        <v>0</v>
      </c>
      <c r="BK36" s="330">
        <v>0</v>
      </c>
      <c r="BL36" s="330">
        <v>0</v>
      </c>
      <c r="BM36" s="330">
        <v>0</v>
      </c>
      <c r="BN36" s="333">
        <v>0</v>
      </c>
      <c r="BO36" s="334">
        <v>0</v>
      </c>
      <c r="BP36" s="329">
        <v>0</v>
      </c>
      <c r="BQ36" s="330">
        <v>0</v>
      </c>
      <c r="BR36" s="331">
        <v>0</v>
      </c>
      <c r="BS36" s="332">
        <v>0</v>
      </c>
      <c r="BT36" s="330">
        <v>870</v>
      </c>
      <c r="BU36" s="330">
        <v>0</v>
      </c>
      <c r="BV36" s="330">
        <v>22410</v>
      </c>
      <c r="BW36" s="330">
        <v>11850</v>
      </c>
      <c r="BX36" s="330">
        <v>0</v>
      </c>
      <c r="BY36" s="333">
        <v>35130</v>
      </c>
      <c r="BZ36" s="334">
        <v>35130</v>
      </c>
      <c r="CA36" s="329">
        <v>0</v>
      </c>
      <c r="CB36" s="330">
        <v>0</v>
      </c>
      <c r="CC36" s="331">
        <v>0</v>
      </c>
      <c r="CD36" s="332">
        <v>0</v>
      </c>
      <c r="CE36" s="330">
        <v>0</v>
      </c>
      <c r="CF36" s="330">
        <v>6265</v>
      </c>
      <c r="CG36" s="330">
        <v>0</v>
      </c>
      <c r="CH36" s="330">
        <v>240</v>
      </c>
      <c r="CI36" s="330">
        <v>0</v>
      </c>
      <c r="CJ36" s="333">
        <v>6505</v>
      </c>
      <c r="CK36" s="334">
        <v>6505</v>
      </c>
      <c r="CL36" s="329">
        <v>0</v>
      </c>
      <c r="CM36" s="330">
        <v>0</v>
      </c>
      <c r="CN36" s="331">
        <v>0</v>
      </c>
      <c r="CO36" s="332">
        <v>0</v>
      </c>
      <c r="CP36" s="330">
        <v>0</v>
      </c>
      <c r="CQ36" s="330">
        <v>0</v>
      </c>
      <c r="CR36" s="330">
        <v>0</v>
      </c>
      <c r="CS36" s="330">
        <v>0</v>
      </c>
      <c r="CT36" s="330">
        <v>0</v>
      </c>
      <c r="CU36" s="333">
        <v>0</v>
      </c>
      <c r="CV36" s="334">
        <v>0</v>
      </c>
      <c r="CW36" s="329">
        <v>0</v>
      </c>
      <c r="CX36" s="330">
        <v>0</v>
      </c>
      <c r="CY36" s="331">
        <v>0</v>
      </c>
      <c r="CZ36" s="335"/>
      <c r="DA36" s="330">
        <v>0</v>
      </c>
      <c r="DB36" s="330">
        <v>0</v>
      </c>
      <c r="DC36" s="330">
        <v>435</v>
      </c>
      <c r="DD36" s="330">
        <v>0</v>
      </c>
      <c r="DE36" s="330">
        <v>0</v>
      </c>
      <c r="DF36" s="333">
        <v>435</v>
      </c>
      <c r="DG36" s="334">
        <v>435</v>
      </c>
      <c r="DH36" s="329">
        <v>0</v>
      </c>
      <c r="DI36" s="330">
        <v>0</v>
      </c>
      <c r="DJ36" s="331">
        <v>0</v>
      </c>
      <c r="DK36" s="332">
        <v>0</v>
      </c>
      <c r="DL36" s="330">
        <v>5731</v>
      </c>
      <c r="DM36" s="330">
        <v>77501</v>
      </c>
      <c r="DN36" s="330">
        <v>455235</v>
      </c>
      <c r="DO36" s="330">
        <v>438498</v>
      </c>
      <c r="DP36" s="330">
        <v>304276</v>
      </c>
      <c r="DQ36" s="333">
        <v>1281241</v>
      </c>
      <c r="DR36" s="336">
        <v>1281241</v>
      </c>
      <c r="DS36" s="329">
        <v>0</v>
      </c>
      <c r="DT36" s="330">
        <v>0</v>
      </c>
      <c r="DU36" s="331">
        <v>0</v>
      </c>
      <c r="DV36" s="335"/>
      <c r="DW36" s="330">
        <v>0</v>
      </c>
      <c r="DX36" s="330">
        <v>51646</v>
      </c>
      <c r="DY36" s="330">
        <v>341845</v>
      </c>
      <c r="DZ36" s="330">
        <v>396843</v>
      </c>
      <c r="EA36" s="330">
        <v>291938</v>
      </c>
      <c r="EB36" s="333">
        <v>1082272</v>
      </c>
      <c r="EC36" s="334">
        <v>1082272</v>
      </c>
      <c r="ED36" s="329">
        <v>0</v>
      </c>
      <c r="EE36" s="330">
        <v>0</v>
      </c>
      <c r="EF36" s="331">
        <v>0</v>
      </c>
      <c r="EG36" s="335"/>
      <c r="EH36" s="330">
        <v>1302</v>
      </c>
      <c r="EI36" s="330">
        <v>13629</v>
      </c>
      <c r="EJ36" s="330">
        <v>66621</v>
      </c>
      <c r="EK36" s="330">
        <v>1736</v>
      </c>
      <c r="EL36" s="330">
        <v>217</v>
      </c>
      <c r="EM36" s="333">
        <v>83505</v>
      </c>
      <c r="EN36" s="334">
        <v>83505</v>
      </c>
      <c r="EO36" s="329">
        <v>0</v>
      </c>
      <c r="EP36" s="330">
        <v>0</v>
      </c>
      <c r="EQ36" s="331">
        <v>0</v>
      </c>
      <c r="ER36" s="335"/>
      <c r="ES36" s="330">
        <v>0</v>
      </c>
      <c r="ET36" s="330">
        <v>0</v>
      </c>
      <c r="EU36" s="330">
        <v>0</v>
      </c>
      <c r="EV36" s="330">
        <v>0</v>
      </c>
      <c r="EW36" s="330">
        <v>0</v>
      </c>
      <c r="EX36" s="333">
        <v>0</v>
      </c>
      <c r="EY36" s="334">
        <v>0</v>
      </c>
      <c r="EZ36" s="329">
        <v>0</v>
      </c>
      <c r="FA36" s="330">
        <v>0</v>
      </c>
      <c r="FB36" s="331">
        <v>0</v>
      </c>
      <c r="FC36" s="335"/>
      <c r="FD36" s="330">
        <v>217</v>
      </c>
      <c r="FE36" s="330">
        <v>12121</v>
      </c>
      <c r="FF36" s="330">
        <v>23808</v>
      </c>
      <c r="FG36" s="330">
        <v>23374</v>
      </c>
      <c r="FH36" s="330">
        <v>12121</v>
      </c>
      <c r="FI36" s="333">
        <v>71641</v>
      </c>
      <c r="FJ36" s="334">
        <v>71641</v>
      </c>
      <c r="FK36" s="329">
        <v>0</v>
      </c>
      <c r="FL36" s="330">
        <v>0</v>
      </c>
      <c r="FM36" s="331">
        <v>0</v>
      </c>
      <c r="FN36" s="335"/>
      <c r="FO36" s="330">
        <v>0</v>
      </c>
      <c r="FP36" s="330">
        <v>0</v>
      </c>
      <c r="FQ36" s="330">
        <v>0</v>
      </c>
      <c r="FR36" s="330">
        <v>0</v>
      </c>
      <c r="FS36" s="330">
        <v>0</v>
      </c>
      <c r="FT36" s="333">
        <v>0</v>
      </c>
      <c r="FU36" s="334">
        <v>0</v>
      </c>
      <c r="FV36" s="329">
        <v>0</v>
      </c>
      <c r="FW36" s="330">
        <v>0</v>
      </c>
      <c r="FX36" s="331">
        <v>0</v>
      </c>
      <c r="FY36" s="332">
        <v>0</v>
      </c>
      <c r="FZ36" s="330">
        <v>4212</v>
      </c>
      <c r="GA36" s="330">
        <v>0</v>
      </c>
      <c r="GB36" s="330">
        <v>22933</v>
      </c>
      <c r="GC36" s="330">
        <v>16517</v>
      </c>
      <c r="GD36" s="330">
        <v>0</v>
      </c>
      <c r="GE36" s="333">
        <v>43662</v>
      </c>
      <c r="GF36" s="334">
        <v>43662</v>
      </c>
      <c r="GG36" s="329">
        <v>0</v>
      </c>
      <c r="GH36" s="330">
        <v>0</v>
      </c>
      <c r="GI36" s="331">
        <v>0</v>
      </c>
      <c r="GJ36" s="332">
        <v>0</v>
      </c>
      <c r="GK36" s="330">
        <v>0</v>
      </c>
      <c r="GL36" s="330">
        <v>105</v>
      </c>
      <c r="GM36" s="330">
        <v>0</v>
      </c>
      <c r="GN36" s="330">
        <v>28</v>
      </c>
      <c r="GO36" s="330">
        <v>0</v>
      </c>
      <c r="GP36" s="333">
        <v>133</v>
      </c>
      <c r="GQ36" s="334">
        <v>133</v>
      </c>
      <c r="GR36" s="329">
        <v>0</v>
      </c>
      <c r="GS36" s="330">
        <v>0</v>
      </c>
      <c r="GT36" s="331">
        <v>0</v>
      </c>
      <c r="GU36" s="332">
        <v>0</v>
      </c>
      <c r="GV36" s="330">
        <v>0</v>
      </c>
      <c r="GW36" s="330">
        <v>0</v>
      </c>
      <c r="GX36" s="330">
        <v>0</v>
      </c>
      <c r="GY36" s="330">
        <v>0</v>
      </c>
      <c r="GZ36" s="330">
        <v>0</v>
      </c>
      <c r="HA36" s="333">
        <v>0</v>
      </c>
      <c r="HB36" s="334">
        <v>0</v>
      </c>
      <c r="HC36" s="329">
        <v>0</v>
      </c>
      <c r="HD36" s="330">
        <v>0</v>
      </c>
      <c r="HE36" s="331">
        <v>0</v>
      </c>
      <c r="HF36" s="335"/>
      <c r="HG36" s="330">
        <v>0</v>
      </c>
      <c r="HH36" s="330">
        <v>0</v>
      </c>
      <c r="HI36" s="330">
        <v>28</v>
      </c>
      <c r="HJ36" s="330">
        <v>0</v>
      </c>
      <c r="HK36" s="330">
        <v>0</v>
      </c>
      <c r="HL36" s="333">
        <v>28</v>
      </c>
      <c r="HM36" s="334">
        <v>28</v>
      </c>
      <c r="HN36" s="329">
        <v>0</v>
      </c>
      <c r="HO36" s="330">
        <v>0</v>
      </c>
      <c r="HP36" s="331">
        <v>0</v>
      </c>
      <c r="HQ36" s="332">
        <v>0</v>
      </c>
      <c r="HR36" s="330">
        <v>107196</v>
      </c>
      <c r="HS36" s="330">
        <v>221776</v>
      </c>
      <c r="HT36" s="330">
        <v>1027960</v>
      </c>
      <c r="HU36" s="330">
        <v>1007263</v>
      </c>
      <c r="HV36" s="330">
        <v>832526</v>
      </c>
      <c r="HW36" s="333">
        <v>3196721</v>
      </c>
      <c r="HX36" s="334">
        <v>3196721</v>
      </c>
    </row>
    <row r="37" spans="1:232" ht="16.5" customHeight="1" x14ac:dyDescent="0.2">
      <c r="A37" s="327" t="s">
        <v>34</v>
      </c>
      <c r="B37" s="329">
        <v>0</v>
      </c>
      <c r="C37" s="330">
        <v>0</v>
      </c>
      <c r="D37" s="331">
        <v>0</v>
      </c>
      <c r="E37" s="332">
        <v>0</v>
      </c>
      <c r="F37" s="330">
        <v>83005</v>
      </c>
      <c r="G37" s="330">
        <v>125395</v>
      </c>
      <c r="H37" s="330">
        <v>133880</v>
      </c>
      <c r="I37" s="330">
        <v>300220</v>
      </c>
      <c r="J37" s="330">
        <v>167720</v>
      </c>
      <c r="K37" s="333">
        <v>810220</v>
      </c>
      <c r="L37" s="334">
        <v>810220</v>
      </c>
      <c r="M37" s="329">
        <v>0</v>
      </c>
      <c r="N37" s="330">
        <v>0</v>
      </c>
      <c r="O37" s="331">
        <v>0</v>
      </c>
      <c r="P37" s="335"/>
      <c r="Q37" s="330">
        <v>0</v>
      </c>
      <c r="R37" s="330">
        <v>0</v>
      </c>
      <c r="S37" s="330">
        <v>37975</v>
      </c>
      <c r="T37" s="330">
        <v>181010</v>
      </c>
      <c r="U37" s="330">
        <v>102310</v>
      </c>
      <c r="V37" s="333">
        <v>321295</v>
      </c>
      <c r="W37" s="334">
        <v>321295</v>
      </c>
      <c r="X37" s="329">
        <v>0</v>
      </c>
      <c r="Y37" s="330">
        <v>0</v>
      </c>
      <c r="Z37" s="331">
        <v>0</v>
      </c>
      <c r="AA37" s="335"/>
      <c r="AB37" s="330">
        <v>76570</v>
      </c>
      <c r="AC37" s="330">
        <v>89900</v>
      </c>
      <c r="AD37" s="330">
        <v>95325</v>
      </c>
      <c r="AE37" s="330">
        <v>66070</v>
      </c>
      <c r="AF37" s="330">
        <v>65410</v>
      </c>
      <c r="AG37" s="333">
        <v>393275</v>
      </c>
      <c r="AH37" s="334">
        <v>393275</v>
      </c>
      <c r="AI37" s="329">
        <v>0</v>
      </c>
      <c r="AJ37" s="330">
        <v>0</v>
      </c>
      <c r="AK37" s="331">
        <v>0</v>
      </c>
      <c r="AL37" s="335"/>
      <c r="AM37" s="330">
        <v>0</v>
      </c>
      <c r="AN37" s="330">
        <v>0</v>
      </c>
      <c r="AO37" s="330">
        <v>0</v>
      </c>
      <c r="AP37" s="330">
        <v>0</v>
      </c>
      <c r="AQ37" s="330">
        <v>0</v>
      </c>
      <c r="AR37" s="333">
        <v>0</v>
      </c>
      <c r="AS37" s="334">
        <v>0</v>
      </c>
      <c r="AT37" s="329">
        <v>0</v>
      </c>
      <c r="AU37" s="330">
        <v>0</v>
      </c>
      <c r="AV37" s="331">
        <v>0</v>
      </c>
      <c r="AW37" s="335"/>
      <c r="AX37" s="330">
        <v>0</v>
      </c>
      <c r="AY37" s="330">
        <v>35495</v>
      </c>
      <c r="AZ37" s="330">
        <v>0</v>
      </c>
      <c r="BA37" s="330">
        <v>32705</v>
      </c>
      <c r="BB37" s="330">
        <v>0</v>
      </c>
      <c r="BC37" s="333">
        <v>68200</v>
      </c>
      <c r="BD37" s="334">
        <v>68200</v>
      </c>
      <c r="BE37" s="329">
        <v>0</v>
      </c>
      <c r="BF37" s="330">
        <v>0</v>
      </c>
      <c r="BG37" s="331">
        <v>0</v>
      </c>
      <c r="BH37" s="335"/>
      <c r="BI37" s="330">
        <v>0</v>
      </c>
      <c r="BJ37" s="330">
        <v>0</v>
      </c>
      <c r="BK37" s="330">
        <v>0</v>
      </c>
      <c r="BL37" s="330">
        <v>0</v>
      </c>
      <c r="BM37" s="330">
        <v>0</v>
      </c>
      <c r="BN37" s="333">
        <v>0</v>
      </c>
      <c r="BO37" s="334">
        <v>0</v>
      </c>
      <c r="BP37" s="329">
        <v>0</v>
      </c>
      <c r="BQ37" s="330">
        <v>0</v>
      </c>
      <c r="BR37" s="331">
        <v>0</v>
      </c>
      <c r="BS37" s="332">
        <v>0</v>
      </c>
      <c r="BT37" s="330">
        <v>6435</v>
      </c>
      <c r="BU37" s="330">
        <v>0</v>
      </c>
      <c r="BV37" s="330">
        <v>580</v>
      </c>
      <c r="BW37" s="330">
        <v>12900</v>
      </c>
      <c r="BX37" s="330">
        <v>0</v>
      </c>
      <c r="BY37" s="333">
        <v>19915</v>
      </c>
      <c r="BZ37" s="334">
        <v>19915</v>
      </c>
      <c r="CA37" s="329">
        <v>0</v>
      </c>
      <c r="CB37" s="330">
        <v>0</v>
      </c>
      <c r="CC37" s="331">
        <v>0</v>
      </c>
      <c r="CD37" s="332">
        <v>0</v>
      </c>
      <c r="CE37" s="330">
        <v>0</v>
      </c>
      <c r="CF37" s="330">
        <v>0</v>
      </c>
      <c r="CG37" s="330">
        <v>0</v>
      </c>
      <c r="CH37" s="330">
        <v>7535</v>
      </c>
      <c r="CI37" s="330">
        <v>0</v>
      </c>
      <c r="CJ37" s="333">
        <v>7535</v>
      </c>
      <c r="CK37" s="334">
        <v>7535</v>
      </c>
      <c r="CL37" s="329">
        <v>0</v>
      </c>
      <c r="CM37" s="330">
        <v>0</v>
      </c>
      <c r="CN37" s="331">
        <v>0</v>
      </c>
      <c r="CO37" s="332">
        <v>0</v>
      </c>
      <c r="CP37" s="330">
        <v>0</v>
      </c>
      <c r="CQ37" s="330">
        <v>0</v>
      </c>
      <c r="CR37" s="330">
        <v>0</v>
      </c>
      <c r="CS37" s="330">
        <v>0</v>
      </c>
      <c r="CT37" s="330">
        <v>0</v>
      </c>
      <c r="CU37" s="333">
        <v>0</v>
      </c>
      <c r="CV37" s="334">
        <v>0</v>
      </c>
      <c r="CW37" s="329">
        <v>0</v>
      </c>
      <c r="CX37" s="330">
        <v>0</v>
      </c>
      <c r="CY37" s="331">
        <v>0</v>
      </c>
      <c r="CZ37" s="335"/>
      <c r="DA37" s="330">
        <v>0</v>
      </c>
      <c r="DB37" s="330">
        <v>0</v>
      </c>
      <c r="DC37" s="330">
        <v>0</v>
      </c>
      <c r="DD37" s="330">
        <v>0</v>
      </c>
      <c r="DE37" s="330">
        <v>0</v>
      </c>
      <c r="DF37" s="333">
        <v>0</v>
      </c>
      <c r="DG37" s="334">
        <v>0</v>
      </c>
      <c r="DH37" s="329">
        <v>0</v>
      </c>
      <c r="DI37" s="330">
        <v>0</v>
      </c>
      <c r="DJ37" s="331">
        <v>0</v>
      </c>
      <c r="DK37" s="332">
        <v>0</v>
      </c>
      <c r="DL37" s="330">
        <v>12697</v>
      </c>
      <c r="DM37" s="330">
        <v>12989</v>
      </c>
      <c r="DN37" s="330">
        <v>85875</v>
      </c>
      <c r="DO37" s="330">
        <v>268612</v>
      </c>
      <c r="DP37" s="330">
        <v>171249</v>
      </c>
      <c r="DQ37" s="333">
        <v>551422</v>
      </c>
      <c r="DR37" s="336">
        <v>551422</v>
      </c>
      <c r="DS37" s="329">
        <v>0</v>
      </c>
      <c r="DT37" s="330">
        <v>0</v>
      </c>
      <c r="DU37" s="331">
        <v>0</v>
      </c>
      <c r="DV37" s="335"/>
      <c r="DW37" s="330">
        <v>0</v>
      </c>
      <c r="DX37" s="330">
        <v>0</v>
      </c>
      <c r="DY37" s="330">
        <v>79918</v>
      </c>
      <c r="DZ37" s="330">
        <v>241234</v>
      </c>
      <c r="EA37" s="330">
        <v>170815</v>
      </c>
      <c r="EB37" s="333">
        <v>491967</v>
      </c>
      <c r="EC37" s="334">
        <v>491967</v>
      </c>
      <c r="ED37" s="329">
        <v>0</v>
      </c>
      <c r="EE37" s="330">
        <v>0</v>
      </c>
      <c r="EF37" s="331">
        <v>0</v>
      </c>
      <c r="EG37" s="335"/>
      <c r="EH37" s="330">
        <v>837</v>
      </c>
      <c r="EI37" s="330">
        <v>1302</v>
      </c>
      <c r="EJ37" s="330">
        <v>1085</v>
      </c>
      <c r="EK37" s="330">
        <v>12541</v>
      </c>
      <c r="EL37" s="330">
        <v>434</v>
      </c>
      <c r="EM37" s="333">
        <v>16199</v>
      </c>
      <c r="EN37" s="334">
        <v>16199</v>
      </c>
      <c r="EO37" s="329">
        <v>0</v>
      </c>
      <c r="EP37" s="330">
        <v>0</v>
      </c>
      <c r="EQ37" s="331">
        <v>0</v>
      </c>
      <c r="ER37" s="335"/>
      <c r="ES37" s="330">
        <v>0</v>
      </c>
      <c r="ET37" s="330">
        <v>0</v>
      </c>
      <c r="EU37" s="330">
        <v>0</v>
      </c>
      <c r="EV37" s="330">
        <v>0</v>
      </c>
      <c r="EW37" s="330">
        <v>0</v>
      </c>
      <c r="EX37" s="333">
        <v>0</v>
      </c>
      <c r="EY37" s="334">
        <v>0</v>
      </c>
      <c r="EZ37" s="329">
        <v>0</v>
      </c>
      <c r="FA37" s="330">
        <v>0</v>
      </c>
      <c r="FB37" s="331">
        <v>0</v>
      </c>
      <c r="FC37" s="335"/>
      <c r="FD37" s="330">
        <v>0</v>
      </c>
      <c r="FE37" s="330">
        <v>11687</v>
      </c>
      <c r="FF37" s="330">
        <v>0</v>
      </c>
      <c r="FG37" s="330">
        <v>217</v>
      </c>
      <c r="FH37" s="330">
        <v>0</v>
      </c>
      <c r="FI37" s="333">
        <v>11904</v>
      </c>
      <c r="FJ37" s="334">
        <v>11904</v>
      </c>
      <c r="FK37" s="329">
        <v>0</v>
      </c>
      <c r="FL37" s="330">
        <v>0</v>
      </c>
      <c r="FM37" s="331">
        <v>0</v>
      </c>
      <c r="FN37" s="335"/>
      <c r="FO37" s="330">
        <v>0</v>
      </c>
      <c r="FP37" s="330">
        <v>0</v>
      </c>
      <c r="FQ37" s="330">
        <v>0</v>
      </c>
      <c r="FR37" s="330">
        <v>0</v>
      </c>
      <c r="FS37" s="330">
        <v>0</v>
      </c>
      <c r="FT37" s="333">
        <v>0</v>
      </c>
      <c r="FU37" s="334">
        <v>0</v>
      </c>
      <c r="FV37" s="329">
        <v>0</v>
      </c>
      <c r="FW37" s="330">
        <v>0</v>
      </c>
      <c r="FX37" s="331">
        <v>0</v>
      </c>
      <c r="FY37" s="332">
        <v>0</v>
      </c>
      <c r="FZ37" s="330">
        <v>11860</v>
      </c>
      <c r="GA37" s="330">
        <v>0</v>
      </c>
      <c r="GB37" s="330">
        <v>4872</v>
      </c>
      <c r="GC37" s="330">
        <v>14550</v>
      </c>
      <c r="GD37" s="330">
        <v>0</v>
      </c>
      <c r="GE37" s="333">
        <v>31282</v>
      </c>
      <c r="GF37" s="334">
        <v>31282</v>
      </c>
      <c r="GG37" s="329">
        <v>0</v>
      </c>
      <c r="GH37" s="330">
        <v>0</v>
      </c>
      <c r="GI37" s="331">
        <v>0</v>
      </c>
      <c r="GJ37" s="332">
        <v>0</v>
      </c>
      <c r="GK37" s="330">
        <v>0</v>
      </c>
      <c r="GL37" s="330">
        <v>0</v>
      </c>
      <c r="GM37" s="330">
        <v>0</v>
      </c>
      <c r="GN37" s="330">
        <v>70</v>
      </c>
      <c r="GO37" s="330">
        <v>0</v>
      </c>
      <c r="GP37" s="333">
        <v>70</v>
      </c>
      <c r="GQ37" s="334">
        <v>70</v>
      </c>
      <c r="GR37" s="329">
        <v>0</v>
      </c>
      <c r="GS37" s="330">
        <v>0</v>
      </c>
      <c r="GT37" s="331">
        <v>0</v>
      </c>
      <c r="GU37" s="332">
        <v>0</v>
      </c>
      <c r="GV37" s="330">
        <v>0</v>
      </c>
      <c r="GW37" s="330">
        <v>0</v>
      </c>
      <c r="GX37" s="330">
        <v>0</v>
      </c>
      <c r="GY37" s="330">
        <v>0</v>
      </c>
      <c r="GZ37" s="330">
        <v>0</v>
      </c>
      <c r="HA37" s="333">
        <v>0</v>
      </c>
      <c r="HB37" s="334">
        <v>0</v>
      </c>
      <c r="HC37" s="329">
        <v>0</v>
      </c>
      <c r="HD37" s="330">
        <v>0</v>
      </c>
      <c r="HE37" s="331">
        <v>0</v>
      </c>
      <c r="HF37" s="335"/>
      <c r="HG37" s="330">
        <v>0</v>
      </c>
      <c r="HH37" s="330">
        <v>0</v>
      </c>
      <c r="HI37" s="330">
        <v>0</v>
      </c>
      <c r="HJ37" s="330">
        <v>0</v>
      </c>
      <c r="HK37" s="330">
        <v>0</v>
      </c>
      <c r="HL37" s="333">
        <v>0</v>
      </c>
      <c r="HM37" s="334">
        <v>0</v>
      </c>
      <c r="HN37" s="329">
        <v>0</v>
      </c>
      <c r="HO37" s="330">
        <v>0</v>
      </c>
      <c r="HP37" s="331">
        <v>0</v>
      </c>
      <c r="HQ37" s="332">
        <v>0</v>
      </c>
      <c r="HR37" s="330">
        <v>95702</v>
      </c>
      <c r="HS37" s="330">
        <v>138384</v>
      </c>
      <c r="HT37" s="330">
        <v>219755</v>
      </c>
      <c r="HU37" s="330">
        <v>568832</v>
      </c>
      <c r="HV37" s="330">
        <v>338969</v>
      </c>
      <c r="HW37" s="333">
        <v>1361642</v>
      </c>
      <c r="HX37" s="334">
        <v>1361642</v>
      </c>
    </row>
    <row r="38" spans="1:232" ht="16.5" customHeight="1" x14ac:dyDescent="0.2">
      <c r="A38" s="327" t="s">
        <v>35</v>
      </c>
      <c r="B38" s="329">
        <v>0</v>
      </c>
      <c r="C38" s="330">
        <v>0</v>
      </c>
      <c r="D38" s="331">
        <v>0</v>
      </c>
      <c r="E38" s="332">
        <v>0</v>
      </c>
      <c r="F38" s="330">
        <v>373662</v>
      </c>
      <c r="G38" s="330">
        <v>487833</v>
      </c>
      <c r="H38" s="330">
        <v>712780</v>
      </c>
      <c r="I38" s="330">
        <v>939655</v>
      </c>
      <c r="J38" s="330">
        <v>426164</v>
      </c>
      <c r="K38" s="333">
        <v>2940094</v>
      </c>
      <c r="L38" s="334">
        <v>2940094</v>
      </c>
      <c r="M38" s="329">
        <v>0</v>
      </c>
      <c r="N38" s="330">
        <v>0</v>
      </c>
      <c r="O38" s="331">
        <v>0</v>
      </c>
      <c r="P38" s="335"/>
      <c r="Q38" s="330">
        <v>24180</v>
      </c>
      <c r="R38" s="330">
        <v>34410</v>
      </c>
      <c r="S38" s="330">
        <v>315935</v>
      </c>
      <c r="T38" s="330">
        <v>614125</v>
      </c>
      <c r="U38" s="330">
        <v>290109</v>
      </c>
      <c r="V38" s="333">
        <v>1278759</v>
      </c>
      <c r="W38" s="334">
        <v>1278759</v>
      </c>
      <c r="X38" s="329">
        <v>0</v>
      </c>
      <c r="Y38" s="330">
        <v>0</v>
      </c>
      <c r="Z38" s="331">
        <v>0</v>
      </c>
      <c r="AA38" s="335"/>
      <c r="AB38" s="330">
        <v>261190</v>
      </c>
      <c r="AC38" s="330">
        <v>416679</v>
      </c>
      <c r="AD38" s="330">
        <v>226595</v>
      </c>
      <c r="AE38" s="330">
        <v>199245</v>
      </c>
      <c r="AF38" s="330">
        <v>29155</v>
      </c>
      <c r="AG38" s="333">
        <v>1132864</v>
      </c>
      <c r="AH38" s="334">
        <v>1132864</v>
      </c>
      <c r="AI38" s="329">
        <v>0</v>
      </c>
      <c r="AJ38" s="330">
        <v>0</v>
      </c>
      <c r="AK38" s="331">
        <v>0</v>
      </c>
      <c r="AL38" s="335"/>
      <c r="AM38" s="330">
        <v>0</v>
      </c>
      <c r="AN38" s="330">
        <v>0</v>
      </c>
      <c r="AO38" s="330">
        <v>0</v>
      </c>
      <c r="AP38" s="330">
        <v>0</v>
      </c>
      <c r="AQ38" s="330">
        <v>0</v>
      </c>
      <c r="AR38" s="333">
        <v>0</v>
      </c>
      <c r="AS38" s="334">
        <v>0</v>
      </c>
      <c r="AT38" s="329">
        <v>0</v>
      </c>
      <c r="AU38" s="330">
        <v>0</v>
      </c>
      <c r="AV38" s="331">
        <v>0</v>
      </c>
      <c r="AW38" s="335"/>
      <c r="AX38" s="330">
        <v>73470</v>
      </c>
      <c r="AY38" s="330">
        <v>0</v>
      </c>
      <c r="AZ38" s="330">
        <v>106830</v>
      </c>
      <c r="BA38" s="330">
        <v>95635</v>
      </c>
      <c r="BB38" s="330">
        <v>103540</v>
      </c>
      <c r="BC38" s="333">
        <v>379475</v>
      </c>
      <c r="BD38" s="334">
        <v>379475</v>
      </c>
      <c r="BE38" s="329">
        <v>0</v>
      </c>
      <c r="BF38" s="330">
        <v>0</v>
      </c>
      <c r="BG38" s="331">
        <v>0</v>
      </c>
      <c r="BH38" s="335"/>
      <c r="BI38" s="330">
        <v>0</v>
      </c>
      <c r="BJ38" s="330">
        <v>0</v>
      </c>
      <c r="BK38" s="330">
        <v>0</v>
      </c>
      <c r="BL38" s="330">
        <v>0</v>
      </c>
      <c r="BM38" s="330">
        <v>0</v>
      </c>
      <c r="BN38" s="333">
        <v>0</v>
      </c>
      <c r="BO38" s="334">
        <v>0</v>
      </c>
      <c r="BP38" s="329">
        <v>0</v>
      </c>
      <c r="BQ38" s="330">
        <v>0</v>
      </c>
      <c r="BR38" s="331">
        <v>0</v>
      </c>
      <c r="BS38" s="332">
        <v>0</v>
      </c>
      <c r="BT38" s="330">
        <v>5672</v>
      </c>
      <c r="BU38" s="330">
        <v>36744</v>
      </c>
      <c r="BV38" s="330">
        <v>63420</v>
      </c>
      <c r="BW38" s="330">
        <v>30650</v>
      </c>
      <c r="BX38" s="330">
        <v>3360</v>
      </c>
      <c r="BY38" s="333">
        <v>139846</v>
      </c>
      <c r="BZ38" s="334">
        <v>139846</v>
      </c>
      <c r="CA38" s="329">
        <v>0</v>
      </c>
      <c r="CB38" s="330">
        <v>0</v>
      </c>
      <c r="CC38" s="331">
        <v>0</v>
      </c>
      <c r="CD38" s="332">
        <v>0</v>
      </c>
      <c r="CE38" s="330">
        <v>9150</v>
      </c>
      <c r="CF38" s="330">
        <v>0</v>
      </c>
      <c r="CG38" s="330">
        <v>0</v>
      </c>
      <c r="CH38" s="330">
        <v>0</v>
      </c>
      <c r="CI38" s="330">
        <v>0</v>
      </c>
      <c r="CJ38" s="333">
        <v>9150</v>
      </c>
      <c r="CK38" s="334">
        <v>9150</v>
      </c>
      <c r="CL38" s="329">
        <v>0</v>
      </c>
      <c r="CM38" s="330">
        <v>0</v>
      </c>
      <c r="CN38" s="331">
        <v>0</v>
      </c>
      <c r="CO38" s="332">
        <v>0</v>
      </c>
      <c r="CP38" s="330">
        <v>0</v>
      </c>
      <c r="CQ38" s="330">
        <v>0</v>
      </c>
      <c r="CR38" s="330">
        <v>0</v>
      </c>
      <c r="CS38" s="330">
        <v>0</v>
      </c>
      <c r="CT38" s="330">
        <v>0</v>
      </c>
      <c r="CU38" s="333">
        <v>0</v>
      </c>
      <c r="CV38" s="334">
        <v>0</v>
      </c>
      <c r="CW38" s="329">
        <v>0</v>
      </c>
      <c r="CX38" s="330">
        <v>0</v>
      </c>
      <c r="CY38" s="331">
        <v>0</v>
      </c>
      <c r="CZ38" s="335"/>
      <c r="DA38" s="330">
        <v>0</v>
      </c>
      <c r="DB38" s="330">
        <v>0</v>
      </c>
      <c r="DC38" s="330">
        <v>0</v>
      </c>
      <c r="DD38" s="330">
        <v>0</v>
      </c>
      <c r="DE38" s="330">
        <v>0</v>
      </c>
      <c r="DF38" s="333">
        <v>0</v>
      </c>
      <c r="DG38" s="334">
        <v>0</v>
      </c>
      <c r="DH38" s="329">
        <v>0</v>
      </c>
      <c r="DI38" s="330">
        <v>0</v>
      </c>
      <c r="DJ38" s="331">
        <v>0</v>
      </c>
      <c r="DK38" s="332">
        <v>0</v>
      </c>
      <c r="DL38" s="330">
        <v>61661</v>
      </c>
      <c r="DM38" s="330">
        <v>131024</v>
      </c>
      <c r="DN38" s="330">
        <v>605253</v>
      </c>
      <c r="DO38" s="330">
        <v>594931</v>
      </c>
      <c r="DP38" s="330">
        <v>320583</v>
      </c>
      <c r="DQ38" s="333">
        <v>1713452</v>
      </c>
      <c r="DR38" s="336">
        <v>1713452</v>
      </c>
      <c r="DS38" s="329">
        <v>0</v>
      </c>
      <c r="DT38" s="330">
        <v>0</v>
      </c>
      <c r="DU38" s="331">
        <v>0</v>
      </c>
      <c r="DV38" s="335"/>
      <c r="DW38" s="330">
        <v>15035</v>
      </c>
      <c r="DX38" s="330">
        <v>30070</v>
      </c>
      <c r="DY38" s="330">
        <v>503552</v>
      </c>
      <c r="DZ38" s="330">
        <v>523252</v>
      </c>
      <c r="EA38" s="330">
        <v>286657</v>
      </c>
      <c r="EB38" s="333">
        <v>1358566</v>
      </c>
      <c r="EC38" s="334">
        <v>1358566</v>
      </c>
      <c r="ED38" s="329">
        <v>0</v>
      </c>
      <c r="EE38" s="330">
        <v>0</v>
      </c>
      <c r="EF38" s="331">
        <v>0</v>
      </c>
      <c r="EG38" s="335"/>
      <c r="EH38" s="330">
        <v>24185</v>
      </c>
      <c r="EI38" s="330">
        <v>47356</v>
      </c>
      <c r="EJ38" s="330">
        <v>13283</v>
      </c>
      <c r="EK38" s="330">
        <v>1736</v>
      </c>
      <c r="EL38" s="330">
        <v>196</v>
      </c>
      <c r="EM38" s="333">
        <v>86756</v>
      </c>
      <c r="EN38" s="334">
        <v>86756</v>
      </c>
      <c r="EO38" s="329">
        <v>0</v>
      </c>
      <c r="EP38" s="330">
        <v>0</v>
      </c>
      <c r="EQ38" s="331">
        <v>0</v>
      </c>
      <c r="ER38" s="335"/>
      <c r="ES38" s="330">
        <v>0</v>
      </c>
      <c r="ET38" s="330">
        <v>0</v>
      </c>
      <c r="EU38" s="330">
        <v>0</v>
      </c>
      <c r="EV38" s="330">
        <v>0</v>
      </c>
      <c r="EW38" s="330">
        <v>0</v>
      </c>
      <c r="EX38" s="333">
        <v>0</v>
      </c>
      <c r="EY38" s="334">
        <v>0</v>
      </c>
      <c r="EZ38" s="329">
        <v>0</v>
      </c>
      <c r="FA38" s="330">
        <v>0</v>
      </c>
      <c r="FB38" s="331">
        <v>0</v>
      </c>
      <c r="FC38" s="335"/>
      <c r="FD38" s="330">
        <v>12338</v>
      </c>
      <c r="FE38" s="330">
        <v>0</v>
      </c>
      <c r="FF38" s="330">
        <v>34524</v>
      </c>
      <c r="FG38" s="330">
        <v>23591</v>
      </c>
      <c r="FH38" s="330">
        <v>24242</v>
      </c>
      <c r="FI38" s="333">
        <v>94695</v>
      </c>
      <c r="FJ38" s="334">
        <v>94695</v>
      </c>
      <c r="FK38" s="329">
        <v>0</v>
      </c>
      <c r="FL38" s="330">
        <v>0</v>
      </c>
      <c r="FM38" s="331">
        <v>0</v>
      </c>
      <c r="FN38" s="335"/>
      <c r="FO38" s="330">
        <v>0</v>
      </c>
      <c r="FP38" s="330">
        <v>0</v>
      </c>
      <c r="FQ38" s="330">
        <v>0</v>
      </c>
      <c r="FR38" s="330">
        <v>0</v>
      </c>
      <c r="FS38" s="330">
        <v>0</v>
      </c>
      <c r="FT38" s="333">
        <v>0</v>
      </c>
      <c r="FU38" s="334">
        <v>0</v>
      </c>
      <c r="FV38" s="329">
        <v>0</v>
      </c>
      <c r="FW38" s="330">
        <v>0</v>
      </c>
      <c r="FX38" s="331">
        <v>0</v>
      </c>
      <c r="FY38" s="332">
        <v>0</v>
      </c>
      <c r="FZ38" s="330">
        <v>10026</v>
      </c>
      <c r="GA38" s="330">
        <v>53598</v>
      </c>
      <c r="GB38" s="330">
        <v>53894</v>
      </c>
      <c r="GC38" s="330">
        <v>46352</v>
      </c>
      <c r="GD38" s="330">
        <v>9488</v>
      </c>
      <c r="GE38" s="333">
        <v>173358</v>
      </c>
      <c r="GF38" s="334">
        <v>173358</v>
      </c>
      <c r="GG38" s="329">
        <v>0</v>
      </c>
      <c r="GH38" s="330">
        <v>0</v>
      </c>
      <c r="GI38" s="331">
        <v>0</v>
      </c>
      <c r="GJ38" s="332">
        <v>0</v>
      </c>
      <c r="GK38" s="330">
        <v>77</v>
      </c>
      <c r="GL38" s="330">
        <v>0</v>
      </c>
      <c r="GM38" s="330">
        <v>0</v>
      </c>
      <c r="GN38" s="330">
        <v>0</v>
      </c>
      <c r="GO38" s="330">
        <v>0</v>
      </c>
      <c r="GP38" s="333">
        <v>77</v>
      </c>
      <c r="GQ38" s="334">
        <v>77</v>
      </c>
      <c r="GR38" s="329">
        <v>0</v>
      </c>
      <c r="GS38" s="330">
        <v>0</v>
      </c>
      <c r="GT38" s="331">
        <v>0</v>
      </c>
      <c r="GU38" s="332">
        <v>0</v>
      </c>
      <c r="GV38" s="330">
        <v>0</v>
      </c>
      <c r="GW38" s="330">
        <v>0</v>
      </c>
      <c r="GX38" s="330">
        <v>0</v>
      </c>
      <c r="GY38" s="330">
        <v>0</v>
      </c>
      <c r="GZ38" s="330">
        <v>0</v>
      </c>
      <c r="HA38" s="333">
        <v>0</v>
      </c>
      <c r="HB38" s="334">
        <v>0</v>
      </c>
      <c r="HC38" s="329">
        <v>0</v>
      </c>
      <c r="HD38" s="330">
        <v>0</v>
      </c>
      <c r="HE38" s="331">
        <v>0</v>
      </c>
      <c r="HF38" s="335"/>
      <c r="HG38" s="330">
        <v>0</v>
      </c>
      <c r="HH38" s="330">
        <v>0</v>
      </c>
      <c r="HI38" s="330">
        <v>0</v>
      </c>
      <c r="HJ38" s="330">
        <v>0</v>
      </c>
      <c r="HK38" s="330">
        <v>0</v>
      </c>
      <c r="HL38" s="333">
        <v>0</v>
      </c>
      <c r="HM38" s="334">
        <v>0</v>
      </c>
      <c r="HN38" s="329">
        <v>0</v>
      </c>
      <c r="HO38" s="330">
        <v>0</v>
      </c>
      <c r="HP38" s="331">
        <v>0</v>
      </c>
      <c r="HQ38" s="332">
        <v>0</v>
      </c>
      <c r="HR38" s="330">
        <v>435323</v>
      </c>
      <c r="HS38" s="330">
        <v>618857</v>
      </c>
      <c r="HT38" s="330">
        <v>1318033</v>
      </c>
      <c r="HU38" s="330">
        <v>1534586</v>
      </c>
      <c r="HV38" s="330">
        <v>746747</v>
      </c>
      <c r="HW38" s="333">
        <v>4653546</v>
      </c>
      <c r="HX38" s="334">
        <v>4653546</v>
      </c>
    </row>
    <row r="39" spans="1:232" ht="16.5" customHeight="1" x14ac:dyDescent="0.2">
      <c r="A39" s="327" t="s">
        <v>36</v>
      </c>
      <c r="B39" s="329">
        <v>0</v>
      </c>
      <c r="C39" s="330">
        <v>0</v>
      </c>
      <c r="D39" s="331">
        <v>0</v>
      </c>
      <c r="E39" s="332">
        <v>0</v>
      </c>
      <c r="F39" s="330">
        <v>283775</v>
      </c>
      <c r="G39" s="330">
        <v>239855</v>
      </c>
      <c r="H39" s="330">
        <v>865197</v>
      </c>
      <c r="I39" s="330">
        <v>770442</v>
      </c>
      <c r="J39" s="330">
        <v>754747</v>
      </c>
      <c r="K39" s="333">
        <v>2914016</v>
      </c>
      <c r="L39" s="334">
        <v>2914016</v>
      </c>
      <c r="M39" s="329">
        <v>0</v>
      </c>
      <c r="N39" s="330">
        <v>0</v>
      </c>
      <c r="O39" s="331">
        <v>0</v>
      </c>
      <c r="P39" s="335"/>
      <c r="Q39" s="330">
        <v>0</v>
      </c>
      <c r="R39" s="330">
        <v>32705</v>
      </c>
      <c r="S39" s="330">
        <v>603125</v>
      </c>
      <c r="T39" s="330">
        <v>612085</v>
      </c>
      <c r="U39" s="330">
        <v>546180</v>
      </c>
      <c r="V39" s="333">
        <v>1794095</v>
      </c>
      <c r="W39" s="334">
        <v>1794095</v>
      </c>
      <c r="X39" s="329">
        <v>0</v>
      </c>
      <c r="Y39" s="330">
        <v>0</v>
      </c>
      <c r="Z39" s="331">
        <v>0</v>
      </c>
      <c r="AA39" s="335"/>
      <c r="AB39" s="330">
        <v>266180</v>
      </c>
      <c r="AC39" s="330">
        <v>189530</v>
      </c>
      <c r="AD39" s="330">
        <v>244957</v>
      </c>
      <c r="AE39" s="330">
        <v>125217</v>
      </c>
      <c r="AF39" s="330">
        <v>156387</v>
      </c>
      <c r="AG39" s="333">
        <v>982271</v>
      </c>
      <c r="AH39" s="334">
        <v>982271</v>
      </c>
      <c r="AI39" s="329">
        <v>0</v>
      </c>
      <c r="AJ39" s="330">
        <v>0</v>
      </c>
      <c r="AK39" s="331">
        <v>0</v>
      </c>
      <c r="AL39" s="335"/>
      <c r="AM39" s="330">
        <v>0</v>
      </c>
      <c r="AN39" s="330">
        <v>0</v>
      </c>
      <c r="AO39" s="330">
        <v>0</v>
      </c>
      <c r="AP39" s="330">
        <v>0</v>
      </c>
      <c r="AQ39" s="330">
        <v>0</v>
      </c>
      <c r="AR39" s="333">
        <v>0</v>
      </c>
      <c r="AS39" s="334">
        <v>0</v>
      </c>
      <c r="AT39" s="329">
        <v>0</v>
      </c>
      <c r="AU39" s="330">
        <v>0</v>
      </c>
      <c r="AV39" s="331">
        <v>0</v>
      </c>
      <c r="AW39" s="335"/>
      <c r="AX39" s="330">
        <v>0</v>
      </c>
      <c r="AY39" s="330">
        <v>0</v>
      </c>
      <c r="AZ39" s="330">
        <v>0</v>
      </c>
      <c r="BA39" s="330">
        <v>29915</v>
      </c>
      <c r="BB39" s="330">
        <v>0</v>
      </c>
      <c r="BC39" s="333">
        <v>29915</v>
      </c>
      <c r="BD39" s="334">
        <v>29915</v>
      </c>
      <c r="BE39" s="329">
        <v>0</v>
      </c>
      <c r="BF39" s="330">
        <v>0</v>
      </c>
      <c r="BG39" s="331">
        <v>0</v>
      </c>
      <c r="BH39" s="335"/>
      <c r="BI39" s="330">
        <v>0</v>
      </c>
      <c r="BJ39" s="330">
        <v>0</v>
      </c>
      <c r="BK39" s="330">
        <v>0</v>
      </c>
      <c r="BL39" s="330">
        <v>0</v>
      </c>
      <c r="BM39" s="330">
        <v>0</v>
      </c>
      <c r="BN39" s="333">
        <v>0</v>
      </c>
      <c r="BO39" s="334">
        <v>0</v>
      </c>
      <c r="BP39" s="329">
        <v>0</v>
      </c>
      <c r="BQ39" s="330">
        <v>0</v>
      </c>
      <c r="BR39" s="331">
        <v>0</v>
      </c>
      <c r="BS39" s="332">
        <v>0</v>
      </c>
      <c r="BT39" s="330">
        <v>17595</v>
      </c>
      <c r="BU39" s="330">
        <v>17620</v>
      </c>
      <c r="BV39" s="330">
        <v>17115</v>
      </c>
      <c r="BW39" s="330">
        <v>3225</v>
      </c>
      <c r="BX39" s="330">
        <v>52180</v>
      </c>
      <c r="BY39" s="333">
        <v>107735</v>
      </c>
      <c r="BZ39" s="334">
        <v>107735</v>
      </c>
      <c r="CA39" s="329">
        <v>0</v>
      </c>
      <c r="CB39" s="330">
        <v>0</v>
      </c>
      <c r="CC39" s="331">
        <v>0</v>
      </c>
      <c r="CD39" s="332">
        <v>0</v>
      </c>
      <c r="CE39" s="330">
        <v>0</v>
      </c>
      <c r="CF39" s="330">
        <v>0</v>
      </c>
      <c r="CG39" s="330">
        <v>0</v>
      </c>
      <c r="CH39" s="330">
        <v>0</v>
      </c>
      <c r="CI39" s="330">
        <v>0</v>
      </c>
      <c r="CJ39" s="333">
        <v>0</v>
      </c>
      <c r="CK39" s="334">
        <v>0</v>
      </c>
      <c r="CL39" s="329">
        <v>0</v>
      </c>
      <c r="CM39" s="330">
        <v>0</v>
      </c>
      <c r="CN39" s="331">
        <v>0</v>
      </c>
      <c r="CO39" s="332">
        <v>0</v>
      </c>
      <c r="CP39" s="330">
        <v>0</v>
      </c>
      <c r="CQ39" s="330">
        <v>0</v>
      </c>
      <c r="CR39" s="330">
        <v>0</v>
      </c>
      <c r="CS39" s="330">
        <v>0</v>
      </c>
      <c r="CT39" s="330">
        <v>0</v>
      </c>
      <c r="CU39" s="333">
        <v>0</v>
      </c>
      <c r="CV39" s="334">
        <v>0</v>
      </c>
      <c r="CW39" s="329">
        <v>0</v>
      </c>
      <c r="CX39" s="330">
        <v>0</v>
      </c>
      <c r="CY39" s="331">
        <v>0</v>
      </c>
      <c r="CZ39" s="335"/>
      <c r="DA39" s="330">
        <v>0</v>
      </c>
      <c r="DB39" s="330">
        <v>0</v>
      </c>
      <c r="DC39" s="330">
        <v>0</v>
      </c>
      <c r="DD39" s="330">
        <v>0</v>
      </c>
      <c r="DE39" s="330">
        <v>0</v>
      </c>
      <c r="DF39" s="333">
        <v>0</v>
      </c>
      <c r="DG39" s="334">
        <v>0</v>
      </c>
      <c r="DH39" s="329">
        <v>0</v>
      </c>
      <c r="DI39" s="330">
        <v>0</v>
      </c>
      <c r="DJ39" s="331">
        <v>0</v>
      </c>
      <c r="DK39" s="332">
        <v>0</v>
      </c>
      <c r="DL39" s="330">
        <v>32451</v>
      </c>
      <c r="DM39" s="330">
        <v>69260</v>
      </c>
      <c r="DN39" s="330">
        <v>682572</v>
      </c>
      <c r="DO39" s="330">
        <v>856273</v>
      </c>
      <c r="DP39" s="330">
        <v>914179</v>
      </c>
      <c r="DQ39" s="333">
        <v>2554735</v>
      </c>
      <c r="DR39" s="336">
        <v>2554735</v>
      </c>
      <c r="DS39" s="329">
        <v>0</v>
      </c>
      <c r="DT39" s="330">
        <v>0</v>
      </c>
      <c r="DU39" s="331">
        <v>0</v>
      </c>
      <c r="DV39" s="335"/>
      <c r="DW39" s="330">
        <v>0</v>
      </c>
      <c r="DX39" s="330">
        <v>15035</v>
      </c>
      <c r="DY39" s="330">
        <v>607178</v>
      </c>
      <c r="DZ39" s="330">
        <v>818563</v>
      </c>
      <c r="EA39" s="330">
        <v>866760</v>
      </c>
      <c r="EB39" s="333">
        <v>2307536</v>
      </c>
      <c r="EC39" s="334">
        <v>2307536</v>
      </c>
      <c r="ED39" s="329">
        <v>0</v>
      </c>
      <c r="EE39" s="330">
        <v>0</v>
      </c>
      <c r="EF39" s="331">
        <v>0</v>
      </c>
      <c r="EG39" s="335"/>
      <c r="EH39" s="330">
        <v>14123</v>
      </c>
      <c r="EI39" s="330">
        <v>25222</v>
      </c>
      <c r="EJ39" s="330">
        <v>4389</v>
      </c>
      <c r="EK39" s="330">
        <v>24194</v>
      </c>
      <c r="EL39" s="330">
        <v>1967</v>
      </c>
      <c r="EM39" s="333">
        <v>69895</v>
      </c>
      <c r="EN39" s="334">
        <v>69895</v>
      </c>
      <c r="EO39" s="329">
        <v>0</v>
      </c>
      <c r="EP39" s="330">
        <v>0</v>
      </c>
      <c r="EQ39" s="331">
        <v>0</v>
      </c>
      <c r="ER39" s="335"/>
      <c r="ES39" s="330">
        <v>0</v>
      </c>
      <c r="ET39" s="330">
        <v>0</v>
      </c>
      <c r="EU39" s="330">
        <v>0</v>
      </c>
      <c r="EV39" s="330">
        <v>0</v>
      </c>
      <c r="EW39" s="330">
        <v>0</v>
      </c>
      <c r="EX39" s="333">
        <v>0</v>
      </c>
      <c r="EY39" s="334">
        <v>0</v>
      </c>
      <c r="EZ39" s="329">
        <v>0</v>
      </c>
      <c r="FA39" s="330">
        <v>0</v>
      </c>
      <c r="FB39" s="331">
        <v>0</v>
      </c>
      <c r="FC39" s="335"/>
      <c r="FD39" s="330">
        <v>0</v>
      </c>
      <c r="FE39" s="330">
        <v>0</v>
      </c>
      <c r="FF39" s="330">
        <v>0</v>
      </c>
      <c r="FG39" s="330">
        <v>651</v>
      </c>
      <c r="FH39" s="330">
        <v>0</v>
      </c>
      <c r="FI39" s="333">
        <v>651</v>
      </c>
      <c r="FJ39" s="334">
        <v>651</v>
      </c>
      <c r="FK39" s="329">
        <v>0</v>
      </c>
      <c r="FL39" s="330">
        <v>0</v>
      </c>
      <c r="FM39" s="331">
        <v>0</v>
      </c>
      <c r="FN39" s="335"/>
      <c r="FO39" s="330">
        <v>0</v>
      </c>
      <c r="FP39" s="330">
        <v>0</v>
      </c>
      <c r="FQ39" s="330">
        <v>0</v>
      </c>
      <c r="FR39" s="330">
        <v>0</v>
      </c>
      <c r="FS39" s="330">
        <v>0</v>
      </c>
      <c r="FT39" s="333">
        <v>0</v>
      </c>
      <c r="FU39" s="334">
        <v>0</v>
      </c>
      <c r="FV39" s="329">
        <v>0</v>
      </c>
      <c r="FW39" s="330">
        <v>0</v>
      </c>
      <c r="FX39" s="331">
        <v>0</v>
      </c>
      <c r="FY39" s="332">
        <v>0</v>
      </c>
      <c r="FZ39" s="330">
        <v>18328</v>
      </c>
      <c r="GA39" s="330">
        <v>29003</v>
      </c>
      <c r="GB39" s="330">
        <v>71005</v>
      </c>
      <c r="GC39" s="330">
        <v>12865</v>
      </c>
      <c r="GD39" s="330">
        <v>45452</v>
      </c>
      <c r="GE39" s="333">
        <v>176653</v>
      </c>
      <c r="GF39" s="334">
        <v>176653</v>
      </c>
      <c r="GG39" s="329">
        <v>0</v>
      </c>
      <c r="GH39" s="330">
        <v>0</v>
      </c>
      <c r="GI39" s="331">
        <v>0</v>
      </c>
      <c r="GJ39" s="332">
        <v>0</v>
      </c>
      <c r="GK39" s="330">
        <v>0</v>
      </c>
      <c r="GL39" s="330">
        <v>0</v>
      </c>
      <c r="GM39" s="330">
        <v>0</v>
      </c>
      <c r="GN39" s="330">
        <v>0</v>
      </c>
      <c r="GO39" s="330">
        <v>0</v>
      </c>
      <c r="GP39" s="333">
        <v>0</v>
      </c>
      <c r="GQ39" s="334">
        <v>0</v>
      </c>
      <c r="GR39" s="329">
        <v>0</v>
      </c>
      <c r="GS39" s="330">
        <v>0</v>
      </c>
      <c r="GT39" s="331">
        <v>0</v>
      </c>
      <c r="GU39" s="332">
        <v>0</v>
      </c>
      <c r="GV39" s="330">
        <v>0</v>
      </c>
      <c r="GW39" s="330">
        <v>0</v>
      </c>
      <c r="GX39" s="330">
        <v>0</v>
      </c>
      <c r="GY39" s="330">
        <v>0</v>
      </c>
      <c r="GZ39" s="330">
        <v>0</v>
      </c>
      <c r="HA39" s="333">
        <v>0</v>
      </c>
      <c r="HB39" s="334">
        <v>0</v>
      </c>
      <c r="HC39" s="329">
        <v>0</v>
      </c>
      <c r="HD39" s="330">
        <v>0</v>
      </c>
      <c r="HE39" s="331">
        <v>0</v>
      </c>
      <c r="HF39" s="335"/>
      <c r="HG39" s="330">
        <v>0</v>
      </c>
      <c r="HH39" s="330">
        <v>0</v>
      </c>
      <c r="HI39" s="330">
        <v>0</v>
      </c>
      <c r="HJ39" s="330">
        <v>0</v>
      </c>
      <c r="HK39" s="330">
        <v>0</v>
      </c>
      <c r="HL39" s="333">
        <v>0</v>
      </c>
      <c r="HM39" s="334">
        <v>0</v>
      </c>
      <c r="HN39" s="329">
        <v>0</v>
      </c>
      <c r="HO39" s="330">
        <v>0</v>
      </c>
      <c r="HP39" s="331">
        <v>0</v>
      </c>
      <c r="HQ39" s="332">
        <v>0</v>
      </c>
      <c r="HR39" s="330">
        <v>316226</v>
      </c>
      <c r="HS39" s="330">
        <v>309115</v>
      </c>
      <c r="HT39" s="330">
        <v>1547769</v>
      </c>
      <c r="HU39" s="330">
        <v>1626715</v>
      </c>
      <c r="HV39" s="330">
        <v>1668926</v>
      </c>
      <c r="HW39" s="333">
        <v>5468751</v>
      </c>
      <c r="HX39" s="334">
        <v>5468751</v>
      </c>
    </row>
    <row r="40" spans="1:232" ht="16.5" customHeight="1" thickBot="1" x14ac:dyDescent="0.25">
      <c r="A40" s="328" t="s">
        <v>37</v>
      </c>
      <c r="B40" s="337">
        <v>0</v>
      </c>
      <c r="C40" s="338">
        <v>0</v>
      </c>
      <c r="D40" s="339">
        <v>0</v>
      </c>
      <c r="E40" s="340">
        <v>0</v>
      </c>
      <c r="F40" s="338">
        <v>4580</v>
      </c>
      <c r="G40" s="338">
        <v>2890</v>
      </c>
      <c r="H40" s="338">
        <v>47250</v>
      </c>
      <c r="I40" s="338">
        <v>39505</v>
      </c>
      <c r="J40" s="338">
        <v>35340</v>
      </c>
      <c r="K40" s="341">
        <v>129565</v>
      </c>
      <c r="L40" s="342">
        <v>129565</v>
      </c>
      <c r="M40" s="337">
        <v>0</v>
      </c>
      <c r="N40" s="338">
        <v>0</v>
      </c>
      <c r="O40" s="339">
        <v>0</v>
      </c>
      <c r="P40" s="343"/>
      <c r="Q40" s="338">
        <v>0</v>
      </c>
      <c r="R40" s="338">
        <v>0</v>
      </c>
      <c r="S40" s="338">
        <v>40610</v>
      </c>
      <c r="T40" s="338">
        <v>37975</v>
      </c>
      <c r="U40" s="338">
        <v>35340</v>
      </c>
      <c r="V40" s="341">
        <v>113925</v>
      </c>
      <c r="W40" s="342">
        <v>113925</v>
      </c>
      <c r="X40" s="337">
        <v>0</v>
      </c>
      <c r="Y40" s="338">
        <v>0</v>
      </c>
      <c r="Z40" s="339">
        <v>0</v>
      </c>
      <c r="AA40" s="343"/>
      <c r="AB40" s="338">
        <v>0</v>
      </c>
      <c r="AC40" s="338">
        <v>2635</v>
      </c>
      <c r="AD40" s="338">
        <v>2635</v>
      </c>
      <c r="AE40" s="338">
        <v>1530</v>
      </c>
      <c r="AF40" s="338">
        <v>0</v>
      </c>
      <c r="AG40" s="341">
        <v>6800</v>
      </c>
      <c r="AH40" s="342">
        <v>6800</v>
      </c>
      <c r="AI40" s="337">
        <v>0</v>
      </c>
      <c r="AJ40" s="338">
        <v>0</v>
      </c>
      <c r="AK40" s="339">
        <v>0</v>
      </c>
      <c r="AL40" s="343"/>
      <c r="AM40" s="338">
        <v>0</v>
      </c>
      <c r="AN40" s="338">
        <v>0</v>
      </c>
      <c r="AO40" s="338">
        <v>0</v>
      </c>
      <c r="AP40" s="338">
        <v>0</v>
      </c>
      <c r="AQ40" s="338">
        <v>0</v>
      </c>
      <c r="AR40" s="341">
        <v>0</v>
      </c>
      <c r="AS40" s="342">
        <v>0</v>
      </c>
      <c r="AT40" s="337">
        <v>0</v>
      </c>
      <c r="AU40" s="338">
        <v>0</v>
      </c>
      <c r="AV40" s="339">
        <v>0</v>
      </c>
      <c r="AW40" s="343"/>
      <c r="AX40" s="338">
        <v>0</v>
      </c>
      <c r="AY40" s="338">
        <v>0</v>
      </c>
      <c r="AZ40" s="338">
        <v>0</v>
      </c>
      <c r="BA40" s="338">
        <v>0</v>
      </c>
      <c r="BB40" s="338">
        <v>0</v>
      </c>
      <c r="BC40" s="341">
        <v>0</v>
      </c>
      <c r="BD40" s="342">
        <v>0</v>
      </c>
      <c r="BE40" s="337">
        <v>0</v>
      </c>
      <c r="BF40" s="338">
        <v>0</v>
      </c>
      <c r="BG40" s="339">
        <v>0</v>
      </c>
      <c r="BH40" s="343"/>
      <c r="BI40" s="338">
        <v>0</v>
      </c>
      <c r="BJ40" s="338">
        <v>0</v>
      </c>
      <c r="BK40" s="338">
        <v>0</v>
      </c>
      <c r="BL40" s="338">
        <v>0</v>
      </c>
      <c r="BM40" s="338">
        <v>0</v>
      </c>
      <c r="BN40" s="341">
        <v>0</v>
      </c>
      <c r="BO40" s="342">
        <v>0</v>
      </c>
      <c r="BP40" s="337">
        <v>0</v>
      </c>
      <c r="BQ40" s="338">
        <v>0</v>
      </c>
      <c r="BR40" s="339">
        <v>0</v>
      </c>
      <c r="BS40" s="340">
        <v>0</v>
      </c>
      <c r="BT40" s="338">
        <v>0</v>
      </c>
      <c r="BU40" s="338">
        <v>255</v>
      </c>
      <c r="BV40" s="338">
        <v>0</v>
      </c>
      <c r="BW40" s="338">
        <v>0</v>
      </c>
      <c r="BX40" s="338">
        <v>0</v>
      </c>
      <c r="BY40" s="341">
        <v>255</v>
      </c>
      <c r="BZ40" s="342">
        <v>255</v>
      </c>
      <c r="CA40" s="337">
        <v>0</v>
      </c>
      <c r="CB40" s="338">
        <v>0</v>
      </c>
      <c r="CC40" s="339">
        <v>0</v>
      </c>
      <c r="CD40" s="340">
        <v>0</v>
      </c>
      <c r="CE40" s="338">
        <v>4580</v>
      </c>
      <c r="CF40" s="338">
        <v>0</v>
      </c>
      <c r="CG40" s="338">
        <v>4005</v>
      </c>
      <c r="CH40" s="338">
        <v>0</v>
      </c>
      <c r="CI40" s="338">
        <v>0</v>
      </c>
      <c r="CJ40" s="341">
        <v>8585</v>
      </c>
      <c r="CK40" s="342">
        <v>8585</v>
      </c>
      <c r="CL40" s="337">
        <v>0</v>
      </c>
      <c r="CM40" s="338">
        <v>0</v>
      </c>
      <c r="CN40" s="339">
        <v>0</v>
      </c>
      <c r="CO40" s="340">
        <v>0</v>
      </c>
      <c r="CP40" s="338">
        <v>0</v>
      </c>
      <c r="CQ40" s="338">
        <v>0</v>
      </c>
      <c r="CR40" s="338">
        <v>0</v>
      </c>
      <c r="CS40" s="338">
        <v>0</v>
      </c>
      <c r="CT40" s="338">
        <v>0</v>
      </c>
      <c r="CU40" s="341">
        <v>0</v>
      </c>
      <c r="CV40" s="342">
        <v>0</v>
      </c>
      <c r="CW40" s="337">
        <v>0</v>
      </c>
      <c r="CX40" s="338">
        <v>0</v>
      </c>
      <c r="CY40" s="339">
        <v>0</v>
      </c>
      <c r="CZ40" s="343"/>
      <c r="DA40" s="338">
        <v>0</v>
      </c>
      <c r="DB40" s="338">
        <v>0</v>
      </c>
      <c r="DC40" s="338">
        <v>0</v>
      </c>
      <c r="DD40" s="338">
        <v>0</v>
      </c>
      <c r="DE40" s="338">
        <v>0</v>
      </c>
      <c r="DF40" s="341">
        <v>0</v>
      </c>
      <c r="DG40" s="342">
        <v>0</v>
      </c>
      <c r="DH40" s="337">
        <v>0</v>
      </c>
      <c r="DI40" s="338">
        <v>0</v>
      </c>
      <c r="DJ40" s="339">
        <v>0</v>
      </c>
      <c r="DK40" s="340">
        <v>0</v>
      </c>
      <c r="DL40" s="338">
        <v>1508</v>
      </c>
      <c r="DM40" s="338">
        <v>1270</v>
      </c>
      <c r="DN40" s="338">
        <v>73502</v>
      </c>
      <c r="DO40" s="338">
        <v>66969</v>
      </c>
      <c r="DP40" s="338">
        <v>30070</v>
      </c>
      <c r="DQ40" s="341">
        <v>173319</v>
      </c>
      <c r="DR40" s="344">
        <v>173319</v>
      </c>
      <c r="DS40" s="337">
        <v>0</v>
      </c>
      <c r="DT40" s="338">
        <v>0</v>
      </c>
      <c r="DU40" s="339">
        <v>0</v>
      </c>
      <c r="DV40" s="343"/>
      <c r="DW40" s="338">
        <v>0</v>
      </c>
      <c r="DX40" s="338">
        <v>0</v>
      </c>
      <c r="DY40" s="338">
        <v>73222</v>
      </c>
      <c r="DZ40" s="338">
        <v>66836</v>
      </c>
      <c r="EA40" s="338">
        <v>30070</v>
      </c>
      <c r="EB40" s="341">
        <v>170128</v>
      </c>
      <c r="EC40" s="342">
        <v>170128</v>
      </c>
      <c r="ED40" s="337">
        <v>0</v>
      </c>
      <c r="EE40" s="338">
        <v>0</v>
      </c>
      <c r="EF40" s="339">
        <v>0</v>
      </c>
      <c r="EG40" s="343"/>
      <c r="EH40" s="338">
        <v>0</v>
      </c>
      <c r="EI40" s="338">
        <v>217</v>
      </c>
      <c r="EJ40" s="338">
        <v>217</v>
      </c>
      <c r="EK40" s="338">
        <v>133</v>
      </c>
      <c r="EL40" s="338">
        <v>0</v>
      </c>
      <c r="EM40" s="341">
        <v>567</v>
      </c>
      <c r="EN40" s="342">
        <v>567</v>
      </c>
      <c r="EO40" s="337">
        <v>0</v>
      </c>
      <c r="EP40" s="338">
        <v>0</v>
      </c>
      <c r="EQ40" s="339">
        <v>0</v>
      </c>
      <c r="ER40" s="343"/>
      <c r="ES40" s="338">
        <v>0</v>
      </c>
      <c r="ET40" s="338">
        <v>0</v>
      </c>
      <c r="EU40" s="338">
        <v>0</v>
      </c>
      <c r="EV40" s="338">
        <v>0</v>
      </c>
      <c r="EW40" s="338">
        <v>0</v>
      </c>
      <c r="EX40" s="341">
        <v>0</v>
      </c>
      <c r="EY40" s="342">
        <v>0</v>
      </c>
      <c r="EZ40" s="337">
        <v>0</v>
      </c>
      <c r="FA40" s="338">
        <v>0</v>
      </c>
      <c r="FB40" s="339">
        <v>0</v>
      </c>
      <c r="FC40" s="343"/>
      <c r="FD40" s="338">
        <v>0</v>
      </c>
      <c r="FE40" s="338">
        <v>0</v>
      </c>
      <c r="FF40" s="338">
        <v>0</v>
      </c>
      <c r="FG40" s="338">
        <v>0</v>
      </c>
      <c r="FH40" s="338">
        <v>0</v>
      </c>
      <c r="FI40" s="341">
        <v>0</v>
      </c>
      <c r="FJ40" s="342">
        <v>0</v>
      </c>
      <c r="FK40" s="337">
        <v>0</v>
      </c>
      <c r="FL40" s="338">
        <v>0</v>
      </c>
      <c r="FM40" s="339">
        <v>0</v>
      </c>
      <c r="FN40" s="343"/>
      <c r="FO40" s="338">
        <v>0</v>
      </c>
      <c r="FP40" s="338">
        <v>0</v>
      </c>
      <c r="FQ40" s="338">
        <v>0</v>
      </c>
      <c r="FR40" s="338">
        <v>0</v>
      </c>
      <c r="FS40" s="338">
        <v>0</v>
      </c>
      <c r="FT40" s="341">
        <v>0</v>
      </c>
      <c r="FU40" s="342">
        <v>0</v>
      </c>
      <c r="FV40" s="337">
        <v>0</v>
      </c>
      <c r="FW40" s="338">
        <v>0</v>
      </c>
      <c r="FX40" s="339">
        <v>0</v>
      </c>
      <c r="FY40" s="340">
        <v>0</v>
      </c>
      <c r="FZ40" s="338">
        <v>0</v>
      </c>
      <c r="GA40" s="338">
        <v>1053</v>
      </c>
      <c r="GB40" s="338">
        <v>0</v>
      </c>
      <c r="GC40" s="338">
        <v>0</v>
      </c>
      <c r="GD40" s="338">
        <v>0</v>
      </c>
      <c r="GE40" s="341">
        <v>1053</v>
      </c>
      <c r="GF40" s="342">
        <v>1053</v>
      </c>
      <c r="GG40" s="337">
        <v>0</v>
      </c>
      <c r="GH40" s="338">
        <v>0</v>
      </c>
      <c r="GI40" s="339">
        <v>0</v>
      </c>
      <c r="GJ40" s="340">
        <v>0</v>
      </c>
      <c r="GK40" s="338">
        <v>1508</v>
      </c>
      <c r="GL40" s="338">
        <v>0</v>
      </c>
      <c r="GM40" s="338">
        <v>63</v>
      </c>
      <c r="GN40" s="338">
        <v>0</v>
      </c>
      <c r="GO40" s="338">
        <v>0</v>
      </c>
      <c r="GP40" s="341">
        <v>1571</v>
      </c>
      <c r="GQ40" s="342">
        <v>1571</v>
      </c>
      <c r="GR40" s="337">
        <v>0</v>
      </c>
      <c r="GS40" s="338">
        <v>0</v>
      </c>
      <c r="GT40" s="339">
        <v>0</v>
      </c>
      <c r="GU40" s="340">
        <v>0</v>
      </c>
      <c r="GV40" s="338">
        <v>0</v>
      </c>
      <c r="GW40" s="338">
        <v>0</v>
      </c>
      <c r="GX40" s="338">
        <v>0</v>
      </c>
      <c r="GY40" s="338">
        <v>0</v>
      </c>
      <c r="GZ40" s="338">
        <v>0</v>
      </c>
      <c r="HA40" s="341">
        <v>0</v>
      </c>
      <c r="HB40" s="342">
        <v>0</v>
      </c>
      <c r="HC40" s="337">
        <v>0</v>
      </c>
      <c r="HD40" s="338">
        <v>0</v>
      </c>
      <c r="HE40" s="339">
        <v>0</v>
      </c>
      <c r="HF40" s="343"/>
      <c r="HG40" s="338">
        <v>0</v>
      </c>
      <c r="HH40" s="338">
        <v>0</v>
      </c>
      <c r="HI40" s="338">
        <v>0</v>
      </c>
      <c r="HJ40" s="338">
        <v>0</v>
      </c>
      <c r="HK40" s="338">
        <v>0</v>
      </c>
      <c r="HL40" s="341">
        <v>0</v>
      </c>
      <c r="HM40" s="342">
        <v>0</v>
      </c>
      <c r="HN40" s="337">
        <v>0</v>
      </c>
      <c r="HO40" s="338">
        <v>0</v>
      </c>
      <c r="HP40" s="339">
        <v>0</v>
      </c>
      <c r="HQ40" s="340">
        <v>0</v>
      </c>
      <c r="HR40" s="338">
        <v>6088</v>
      </c>
      <c r="HS40" s="338">
        <v>4160</v>
      </c>
      <c r="HT40" s="338">
        <v>120752</v>
      </c>
      <c r="HU40" s="338">
        <v>106474</v>
      </c>
      <c r="HV40" s="338">
        <v>65410</v>
      </c>
      <c r="HW40" s="341">
        <v>302884</v>
      </c>
      <c r="HX40" s="342">
        <v>302884</v>
      </c>
    </row>
    <row r="41" spans="1:232" x14ac:dyDescent="0.2">
      <c r="A41" s="1" t="s">
        <v>84</v>
      </c>
    </row>
  </sheetData>
  <mergeCells count="88">
    <mergeCell ref="HX5:HX6"/>
    <mergeCell ref="GF5:GF6"/>
    <mergeCell ref="GG5:GI5"/>
    <mergeCell ref="GJ5:GP5"/>
    <mergeCell ref="GQ5:GQ6"/>
    <mergeCell ref="GR5:GT5"/>
    <mergeCell ref="GU5:HA5"/>
    <mergeCell ref="HC5:HE5"/>
    <mergeCell ref="HF5:HL5"/>
    <mergeCell ref="HM5:HM6"/>
    <mergeCell ref="FC5:FI5"/>
    <mergeCell ref="FJ5:FJ6"/>
    <mergeCell ref="HB5:HB6"/>
    <mergeCell ref="HN5:HP5"/>
    <mergeCell ref="HQ5:HW5"/>
    <mergeCell ref="CW5:CY5"/>
    <mergeCell ref="CZ5:DF5"/>
    <mergeCell ref="DG5:DG6"/>
    <mergeCell ref="FY5:GE5"/>
    <mergeCell ref="EC5:EC6"/>
    <mergeCell ref="ED5:EF5"/>
    <mergeCell ref="EG5:EM5"/>
    <mergeCell ref="EN5:EN6"/>
    <mergeCell ref="EO5:EQ5"/>
    <mergeCell ref="ER5:EX5"/>
    <mergeCell ref="EY5:EY6"/>
    <mergeCell ref="FK5:FM5"/>
    <mergeCell ref="FN5:FT5"/>
    <mergeCell ref="FU5:FU6"/>
    <mergeCell ref="FV5:FX5"/>
    <mergeCell ref="EZ5:FB5"/>
    <mergeCell ref="BP5:BR5"/>
    <mergeCell ref="AT5:AV5"/>
    <mergeCell ref="AW5:BC5"/>
    <mergeCell ref="BD5:BD6"/>
    <mergeCell ref="DV5:EB5"/>
    <mergeCell ref="BZ5:BZ6"/>
    <mergeCell ref="CA5:CC5"/>
    <mergeCell ref="CD5:CJ5"/>
    <mergeCell ref="CK5:CK6"/>
    <mergeCell ref="CL5:CN5"/>
    <mergeCell ref="CO5:CU5"/>
    <mergeCell ref="CV5:CV6"/>
    <mergeCell ref="DH5:DJ5"/>
    <mergeCell ref="DK5:DQ5"/>
    <mergeCell ref="DR5:DR6"/>
    <mergeCell ref="DS5:DU5"/>
    <mergeCell ref="F1:G1"/>
    <mergeCell ref="A3:A6"/>
    <mergeCell ref="BP4:BZ4"/>
    <mergeCell ref="CA4:CK4"/>
    <mergeCell ref="CL4:CV4"/>
    <mergeCell ref="BS5:BY5"/>
    <mergeCell ref="W5:W6"/>
    <mergeCell ref="X5:Z5"/>
    <mergeCell ref="AA5:AG5"/>
    <mergeCell ref="AH5:AH6"/>
    <mergeCell ref="AI5:AK5"/>
    <mergeCell ref="AL5:AR5"/>
    <mergeCell ref="AS5:AS6"/>
    <mergeCell ref="BE5:BG5"/>
    <mergeCell ref="BH5:BN5"/>
    <mergeCell ref="BO5:BO6"/>
    <mergeCell ref="B5:D5"/>
    <mergeCell ref="E5:K5"/>
    <mergeCell ref="L5:L6"/>
    <mergeCell ref="M5:O5"/>
    <mergeCell ref="P5:V5"/>
    <mergeCell ref="CW4:DG4"/>
    <mergeCell ref="B3:DG3"/>
    <mergeCell ref="EZ4:FJ4"/>
    <mergeCell ref="DH4:DR4"/>
    <mergeCell ref="DS4:EC4"/>
    <mergeCell ref="B4:L4"/>
    <mergeCell ref="M4:W4"/>
    <mergeCell ref="X4:AH4"/>
    <mergeCell ref="AI4:AS4"/>
    <mergeCell ref="BE4:BO4"/>
    <mergeCell ref="AT4:BD4"/>
    <mergeCell ref="HC4:HM4"/>
    <mergeCell ref="DH3:HM3"/>
    <mergeCell ref="EO4:EY4"/>
    <mergeCell ref="FK4:FU4"/>
    <mergeCell ref="HN3:HX4"/>
    <mergeCell ref="ED4:EN4"/>
    <mergeCell ref="FV4:GF4"/>
    <mergeCell ref="GG4:GQ4"/>
    <mergeCell ref="GR4:HB4"/>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3" max="1048575" man="1"/>
    <brk id="56" max="1048575" man="1"/>
    <brk id="78" max="1048575" man="1"/>
    <brk id="111" max="1048575" man="1"/>
    <brk id="133" max="1048575" man="1"/>
    <brk id="166" max="1048575" man="1"/>
    <brk id="188" max="1048575" man="1"/>
    <brk id="221"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F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21</v>
      </c>
      <c r="E1" s="517">
        <f>第１表!F2</f>
        <v>4</v>
      </c>
      <c r="F1" s="517"/>
      <c r="G1" s="282">
        <f>第１表!G2</f>
        <v>3</v>
      </c>
      <c r="H1" s="499">
        <f>G1</f>
        <v>3</v>
      </c>
      <c r="I1" s="499"/>
    </row>
    <row r="2" spans="1:298" ht="16.5" customHeight="1" thickBot="1" x14ac:dyDescent="0.25">
      <c r="A2" s="20" t="s">
        <v>132</v>
      </c>
    </row>
    <row r="3" spans="1:298" ht="22.5" customHeight="1" thickBot="1" x14ac:dyDescent="0.25">
      <c r="A3" s="500" t="s">
        <v>38</v>
      </c>
      <c r="B3" s="512" t="s">
        <v>96</v>
      </c>
      <c r="C3" s="512"/>
      <c r="D3" s="512"/>
      <c r="E3" s="512"/>
      <c r="F3" s="512"/>
      <c r="G3" s="512"/>
      <c r="H3" s="512"/>
      <c r="I3" s="512"/>
      <c r="J3" s="512"/>
      <c r="K3" s="512"/>
      <c r="L3" s="512"/>
      <c r="M3" s="512"/>
      <c r="N3" s="512"/>
      <c r="O3" s="512"/>
      <c r="P3" s="512"/>
      <c r="Q3" s="512"/>
      <c r="R3" s="512"/>
      <c r="S3" s="512"/>
      <c r="T3" s="512"/>
      <c r="U3" s="512"/>
      <c r="V3" s="512"/>
      <c r="W3" s="512"/>
      <c r="X3" s="512"/>
      <c r="Y3" s="512"/>
      <c r="Z3" s="512"/>
      <c r="AA3" s="512"/>
      <c r="AB3" s="512"/>
      <c r="AC3" s="512"/>
      <c r="AD3" s="512"/>
      <c r="AE3" s="512"/>
      <c r="AF3" s="512"/>
      <c r="AG3" s="512"/>
      <c r="AH3" s="512"/>
      <c r="AI3" s="512"/>
      <c r="AJ3" s="512"/>
      <c r="AK3" s="512"/>
      <c r="AL3" s="512"/>
      <c r="AM3" s="512"/>
      <c r="AN3" s="512"/>
      <c r="AO3" s="512"/>
      <c r="AP3" s="512"/>
      <c r="AQ3" s="512"/>
      <c r="AR3" s="512"/>
      <c r="AS3" s="512"/>
      <c r="AT3" s="512"/>
      <c r="AU3" s="512"/>
      <c r="AV3" s="512"/>
      <c r="AW3" s="512"/>
      <c r="AX3" s="512"/>
      <c r="AY3" s="512"/>
      <c r="AZ3" s="512"/>
      <c r="BA3" s="512"/>
      <c r="BB3" s="512"/>
      <c r="BC3" s="512"/>
      <c r="BD3" s="512"/>
      <c r="BE3" s="512"/>
      <c r="BF3" s="512"/>
      <c r="BG3" s="512"/>
      <c r="BH3" s="512"/>
      <c r="BI3" s="512"/>
      <c r="BJ3" s="512"/>
      <c r="BK3" s="512"/>
      <c r="BL3" s="512"/>
      <c r="BM3" s="512"/>
      <c r="BN3" s="512"/>
      <c r="BO3" s="512"/>
      <c r="BP3" s="512"/>
      <c r="BQ3" s="512"/>
      <c r="BR3" s="512"/>
      <c r="BS3" s="512"/>
      <c r="BT3" s="512"/>
      <c r="BU3" s="512"/>
      <c r="BV3" s="512"/>
      <c r="BW3" s="512"/>
      <c r="BX3" s="512"/>
      <c r="BY3" s="512"/>
      <c r="BZ3" s="512"/>
      <c r="CA3" s="512"/>
      <c r="CB3" s="512"/>
      <c r="CC3" s="512"/>
      <c r="CD3" s="512"/>
      <c r="CE3" s="512"/>
      <c r="CF3" s="512"/>
      <c r="CG3" s="512"/>
      <c r="CH3" s="512"/>
      <c r="CI3" s="512"/>
      <c r="CJ3" s="512"/>
      <c r="CK3" s="512"/>
      <c r="CL3" s="512"/>
      <c r="CM3" s="512"/>
      <c r="CN3" s="512"/>
      <c r="CO3" s="512"/>
      <c r="CP3" s="512"/>
      <c r="CQ3" s="512"/>
      <c r="CR3" s="512"/>
      <c r="CS3" s="512"/>
      <c r="CT3" s="512"/>
      <c r="CU3" s="512"/>
      <c r="CV3" s="513"/>
      <c r="CW3" s="512" t="s">
        <v>103</v>
      </c>
      <c r="CX3" s="512"/>
      <c r="CY3" s="512"/>
      <c r="CZ3" s="512"/>
      <c r="DA3" s="512"/>
      <c r="DB3" s="512"/>
      <c r="DC3" s="512"/>
      <c r="DD3" s="512"/>
      <c r="DE3" s="512"/>
      <c r="DF3" s="512"/>
      <c r="DG3" s="512"/>
      <c r="DH3" s="512"/>
      <c r="DI3" s="512"/>
      <c r="DJ3" s="512"/>
      <c r="DK3" s="512"/>
      <c r="DL3" s="512"/>
      <c r="DM3" s="512"/>
      <c r="DN3" s="512"/>
      <c r="DO3" s="512"/>
      <c r="DP3" s="512"/>
      <c r="DQ3" s="512"/>
      <c r="DR3" s="512"/>
      <c r="DS3" s="512"/>
      <c r="DT3" s="512"/>
      <c r="DU3" s="512"/>
      <c r="DV3" s="512"/>
      <c r="DW3" s="512"/>
      <c r="DX3" s="512"/>
      <c r="DY3" s="512"/>
      <c r="DZ3" s="512"/>
      <c r="EA3" s="512"/>
      <c r="EB3" s="512"/>
      <c r="EC3" s="512"/>
      <c r="ED3" s="512"/>
      <c r="EE3" s="512"/>
      <c r="EF3" s="512"/>
      <c r="EG3" s="512"/>
      <c r="EH3" s="512"/>
      <c r="EI3" s="512"/>
      <c r="EJ3" s="512"/>
      <c r="EK3" s="512"/>
      <c r="EL3" s="512"/>
      <c r="EM3" s="512"/>
      <c r="EN3" s="512"/>
      <c r="EO3" s="512"/>
      <c r="EP3" s="512"/>
      <c r="EQ3" s="512"/>
      <c r="ER3" s="512"/>
      <c r="ES3" s="512"/>
      <c r="ET3" s="512"/>
      <c r="EU3" s="512"/>
      <c r="EV3" s="512"/>
      <c r="EW3" s="512"/>
      <c r="EX3" s="512"/>
      <c r="EY3" s="512"/>
      <c r="EZ3" s="512"/>
      <c r="FA3" s="512"/>
      <c r="FB3" s="512"/>
      <c r="FC3" s="512"/>
      <c r="FD3" s="512"/>
      <c r="FE3" s="512"/>
      <c r="FF3" s="512"/>
      <c r="FG3" s="512"/>
      <c r="FH3" s="512"/>
      <c r="FI3" s="512"/>
      <c r="FJ3" s="512"/>
      <c r="FK3" s="512"/>
      <c r="FL3" s="512"/>
      <c r="FM3" s="512"/>
      <c r="FN3" s="512"/>
      <c r="FO3" s="512"/>
      <c r="FP3" s="512"/>
      <c r="FQ3" s="512"/>
      <c r="FR3" s="512"/>
      <c r="FS3" s="512"/>
      <c r="FT3" s="512"/>
      <c r="FU3" s="512"/>
      <c r="FV3" s="512"/>
      <c r="FW3" s="512"/>
      <c r="FX3" s="512"/>
      <c r="FY3" s="512"/>
      <c r="FZ3" s="512"/>
      <c r="GA3" s="512"/>
      <c r="GB3" s="512"/>
      <c r="GC3" s="512"/>
      <c r="GD3" s="512"/>
      <c r="GE3" s="512"/>
      <c r="GF3" s="512"/>
      <c r="GG3" s="512"/>
      <c r="GH3" s="512"/>
      <c r="GI3" s="512"/>
      <c r="GJ3" s="512"/>
      <c r="GK3" s="512"/>
      <c r="GL3" s="512"/>
      <c r="GM3" s="512"/>
      <c r="GN3" s="512"/>
      <c r="GO3" s="512"/>
      <c r="GP3" s="512"/>
      <c r="GQ3" s="513"/>
      <c r="GR3" s="512" t="s">
        <v>104</v>
      </c>
      <c r="GS3" s="512"/>
      <c r="GT3" s="512"/>
      <c r="GU3" s="512"/>
      <c r="GV3" s="512"/>
      <c r="GW3" s="512"/>
      <c r="GX3" s="512"/>
      <c r="GY3" s="512"/>
      <c r="GZ3" s="512"/>
      <c r="HA3" s="512"/>
      <c r="HB3" s="512"/>
      <c r="HC3" s="512"/>
      <c r="HD3" s="512"/>
      <c r="HE3" s="512"/>
      <c r="HF3" s="512"/>
      <c r="HG3" s="512"/>
      <c r="HH3" s="512"/>
      <c r="HI3" s="512"/>
      <c r="HJ3" s="512"/>
      <c r="HK3" s="512"/>
      <c r="HL3" s="512"/>
      <c r="HM3" s="512"/>
      <c r="HN3" s="512"/>
      <c r="HO3" s="512"/>
      <c r="HP3" s="512"/>
      <c r="HQ3" s="512"/>
      <c r="HR3" s="512"/>
      <c r="HS3" s="512"/>
      <c r="HT3" s="512"/>
      <c r="HU3" s="512"/>
      <c r="HV3" s="512"/>
      <c r="HW3" s="512"/>
      <c r="HX3" s="512"/>
      <c r="HY3" s="512"/>
      <c r="HZ3" s="512"/>
      <c r="IA3" s="512"/>
      <c r="IB3" s="512"/>
      <c r="IC3" s="512"/>
      <c r="ID3" s="512"/>
      <c r="IE3" s="512"/>
      <c r="IF3" s="512"/>
      <c r="IG3" s="512"/>
      <c r="IH3" s="512"/>
      <c r="II3" s="512"/>
      <c r="IJ3" s="512"/>
      <c r="IK3" s="512"/>
      <c r="IL3" s="512"/>
      <c r="IM3" s="512"/>
      <c r="IN3" s="512"/>
      <c r="IO3" s="512"/>
      <c r="IP3" s="512"/>
      <c r="IQ3" s="512"/>
      <c r="IR3" s="512"/>
      <c r="IS3" s="512"/>
      <c r="IT3" s="512"/>
      <c r="IU3" s="512"/>
      <c r="IV3" s="512"/>
      <c r="IW3" s="512"/>
      <c r="IX3" s="512"/>
      <c r="IY3" s="512"/>
      <c r="IZ3" s="512"/>
      <c r="JA3" s="512"/>
      <c r="JB3" s="512"/>
      <c r="JC3" s="512"/>
      <c r="JD3" s="512"/>
      <c r="JE3" s="512"/>
      <c r="JF3" s="512"/>
      <c r="JG3" s="512"/>
      <c r="JH3" s="512"/>
      <c r="JI3" s="512"/>
      <c r="JJ3" s="512"/>
      <c r="JK3" s="512"/>
      <c r="JL3" s="512"/>
      <c r="JM3" s="512"/>
      <c r="JN3" s="512"/>
      <c r="JO3" s="512"/>
      <c r="JP3" s="512"/>
      <c r="JQ3" s="512"/>
      <c r="JR3" s="512"/>
      <c r="JS3" s="512"/>
      <c r="JT3" s="512"/>
      <c r="JU3" s="512"/>
      <c r="JV3" s="512"/>
      <c r="JW3" s="512"/>
      <c r="JX3" s="512"/>
      <c r="JY3" s="512"/>
      <c r="JZ3" s="512"/>
      <c r="KA3" s="512"/>
      <c r="KB3" s="512"/>
      <c r="KC3" s="512"/>
      <c r="KD3" s="512"/>
      <c r="KE3" s="512"/>
      <c r="KF3" s="512"/>
      <c r="KG3" s="512"/>
      <c r="KH3" s="512"/>
      <c r="KI3" s="512"/>
      <c r="KJ3" s="512"/>
      <c r="KK3" s="512"/>
      <c r="KL3" s="513"/>
    </row>
    <row r="4" spans="1:298" ht="27.75" customHeight="1" thickBot="1" x14ac:dyDescent="0.25">
      <c r="A4" s="518"/>
      <c r="B4" s="514" t="s">
        <v>39</v>
      </c>
      <c r="C4" s="515"/>
      <c r="D4" s="515"/>
      <c r="E4" s="515"/>
      <c r="F4" s="515"/>
      <c r="G4" s="515"/>
      <c r="H4" s="515"/>
      <c r="I4" s="515"/>
      <c r="J4" s="515"/>
      <c r="K4" s="515"/>
      <c r="L4" s="515"/>
      <c r="M4" s="515"/>
      <c r="N4" s="515"/>
      <c r="O4" s="515"/>
      <c r="P4" s="515"/>
      <c r="Q4" s="515"/>
      <c r="R4" s="515"/>
      <c r="S4" s="515"/>
      <c r="T4" s="515"/>
      <c r="U4" s="515"/>
      <c r="V4" s="515"/>
      <c r="W4" s="515"/>
      <c r="X4" s="515"/>
      <c r="Y4" s="515"/>
      <c r="Z4" s="515"/>
      <c r="AA4" s="515"/>
      <c r="AB4" s="515"/>
      <c r="AC4" s="515"/>
      <c r="AD4" s="515"/>
      <c r="AE4" s="515"/>
      <c r="AF4" s="515"/>
      <c r="AG4" s="515"/>
      <c r="AH4" s="515"/>
      <c r="AI4" s="515"/>
      <c r="AJ4" s="515"/>
      <c r="AK4" s="515"/>
      <c r="AL4" s="515"/>
      <c r="AM4" s="515"/>
      <c r="AN4" s="515"/>
      <c r="AO4" s="515"/>
      <c r="AP4" s="515"/>
      <c r="AQ4" s="515"/>
      <c r="AR4" s="515"/>
      <c r="AS4" s="515"/>
      <c r="AT4" s="515"/>
      <c r="AU4" s="515"/>
      <c r="AV4" s="515"/>
      <c r="AW4" s="515"/>
      <c r="AX4" s="515"/>
      <c r="AY4" s="515"/>
      <c r="AZ4" s="515"/>
      <c r="BA4" s="515"/>
      <c r="BB4" s="515"/>
      <c r="BC4" s="515"/>
      <c r="BD4" s="515"/>
      <c r="BE4" s="515"/>
      <c r="BF4" s="515"/>
      <c r="BG4" s="515"/>
      <c r="BH4" s="515"/>
      <c r="BI4" s="515"/>
      <c r="BJ4" s="515"/>
      <c r="BK4" s="515"/>
      <c r="BL4" s="515"/>
      <c r="BM4" s="515"/>
      <c r="BN4" s="515"/>
      <c r="BO4" s="515"/>
      <c r="BP4" s="515"/>
      <c r="BQ4" s="515"/>
      <c r="BR4" s="515"/>
      <c r="BS4" s="515"/>
      <c r="BT4" s="515"/>
      <c r="BU4" s="515"/>
      <c r="BV4" s="515"/>
      <c r="BW4" s="515"/>
      <c r="BX4" s="515"/>
      <c r="BY4" s="515"/>
      <c r="BZ4" s="516"/>
      <c r="CA4" s="500" t="s">
        <v>40</v>
      </c>
      <c r="CB4" s="501"/>
      <c r="CC4" s="501"/>
      <c r="CD4" s="501"/>
      <c r="CE4" s="501"/>
      <c r="CF4" s="501"/>
      <c r="CG4" s="501"/>
      <c r="CH4" s="501"/>
      <c r="CI4" s="501"/>
      <c r="CJ4" s="501"/>
      <c r="CK4" s="502"/>
      <c r="CL4" s="500" t="s">
        <v>41</v>
      </c>
      <c r="CM4" s="501"/>
      <c r="CN4" s="501"/>
      <c r="CO4" s="501"/>
      <c r="CP4" s="501"/>
      <c r="CQ4" s="501"/>
      <c r="CR4" s="501"/>
      <c r="CS4" s="501"/>
      <c r="CT4" s="501"/>
      <c r="CU4" s="501"/>
      <c r="CV4" s="502"/>
      <c r="CW4" s="514" t="s">
        <v>39</v>
      </c>
      <c r="CX4" s="515"/>
      <c r="CY4" s="515"/>
      <c r="CZ4" s="515"/>
      <c r="DA4" s="515"/>
      <c r="DB4" s="515"/>
      <c r="DC4" s="515"/>
      <c r="DD4" s="515"/>
      <c r="DE4" s="515"/>
      <c r="DF4" s="515"/>
      <c r="DG4" s="515"/>
      <c r="DH4" s="515"/>
      <c r="DI4" s="515"/>
      <c r="DJ4" s="515"/>
      <c r="DK4" s="515"/>
      <c r="DL4" s="515"/>
      <c r="DM4" s="515"/>
      <c r="DN4" s="515"/>
      <c r="DO4" s="515"/>
      <c r="DP4" s="515"/>
      <c r="DQ4" s="515"/>
      <c r="DR4" s="515"/>
      <c r="DS4" s="515"/>
      <c r="DT4" s="515"/>
      <c r="DU4" s="515"/>
      <c r="DV4" s="515"/>
      <c r="DW4" s="515"/>
      <c r="DX4" s="515"/>
      <c r="DY4" s="515"/>
      <c r="DZ4" s="515"/>
      <c r="EA4" s="515"/>
      <c r="EB4" s="515"/>
      <c r="EC4" s="515"/>
      <c r="ED4" s="515"/>
      <c r="EE4" s="515"/>
      <c r="EF4" s="515"/>
      <c r="EG4" s="515"/>
      <c r="EH4" s="515"/>
      <c r="EI4" s="515"/>
      <c r="EJ4" s="515"/>
      <c r="EK4" s="515"/>
      <c r="EL4" s="515"/>
      <c r="EM4" s="515"/>
      <c r="EN4" s="515"/>
      <c r="EO4" s="515"/>
      <c r="EP4" s="515"/>
      <c r="EQ4" s="515"/>
      <c r="ER4" s="515"/>
      <c r="ES4" s="515"/>
      <c r="ET4" s="515"/>
      <c r="EU4" s="515"/>
      <c r="EV4" s="515"/>
      <c r="EW4" s="515"/>
      <c r="EX4" s="515"/>
      <c r="EY4" s="515"/>
      <c r="EZ4" s="515"/>
      <c r="FA4" s="515"/>
      <c r="FB4" s="515"/>
      <c r="FC4" s="515"/>
      <c r="FD4" s="515"/>
      <c r="FE4" s="515"/>
      <c r="FF4" s="515"/>
      <c r="FG4" s="515"/>
      <c r="FH4" s="515"/>
      <c r="FI4" s="515"/>
      <c r="FJ4" s="515"/>
      <c r="FK4" s="515"/>
      <c r="FL4" s="515"/>
      <c r="FM4" s="515"/>
      <c r="FN4" s="515"/>
      <c r="FO4" s="515"/>
      <c r="FP4" s="515"/>
      <c r="FQ4" s="515"/>
      <c r="FR4" s="515"/>
      <c r="FS4" s="515"/>
      <c r="FT4" s="515"/>
      <c r="FU4" s="516"/>
      <c r="FV4" s="500" t="s">
        <v>40</v>
      </c>
      <c r="FW4" s="501"/>
      <c r="FX4" s="501"/>
      <c r="FY4" s="501"/>
      <c r="FZ4" s="501"/>
      <c r="GA4" s="501"/>
      <c r="GB4" s="501"/>
      <c r="GC4" s="501"/>
      <c r="GD4" s="501"/>
      <c r="GE4" s="501"/>
      <c r="GF4" s="502"/>
      <c r="GG4" s="500" t="s">
        <v>41</v>
      </c>
      <c r="GH4" s="501"/>
      <c r="GI4" s="501"/>
      <c r="GJ4" s="501"/>
      <c r="GK4" s="501"/>
      <c r="GL4" s="501"/>
      <c r="GM4" s="501"/>
      <c r="GN4" s="501"/>
      <c r="GO4" s="501"/>
      <c r="GP4" s="501"/>
      <c r="GQ4" s="502"/>
      <c r="GR4" s="514" t="s">
        <v>39</v>
      </c>
      <c r="GS4" s="515"/>
      <c r="GT4" s="515"/>
      <c r="GU4" s="515"/>
      <c r="GV4" s="515"/>
      <c r="GW4" s="515"/>
      <c r="GX4" s="515"/>
      <c r="GY4" s="515"/>
      <c r="GZ4" s="515"/>
      <c r="HA4" s="515"/>
      <c r="HB4" s="515"/>
      <c r="HC4" s="515"/>
      <c r="HD4" s="515"/>
      <c r="HE4" s="515"/>
      <c r="HF4" s="515"/>
      <c r="HG4" s="515"/>
      <c r="HH4" s="515"/>
      <c r="HI4" s="515"/>
      <c r="HJ4" s="515"/>
      <c r="HK4" s="515"/>
      <c r="HL4" s="515"/>
      <c r="HM4" s="515"/>
      <c r="HN4" s="515"/>
      <c r="HO4" s="515"/>
      <c r="HP4" s="515"/>
      <c r="HQ4" s="515"/>
      <c r="HR4" s="515"/>
      <c r="HS4" s="515"/>
      <c r="HT4" s="515"/>
      <c r="HU4" s="515"/>
      <c r="HV4" s="515"/>
      <c r="HW4" s="515"/>
      <c r="HX4" s="515"/>
      <c r="HY4" s="515"/>
      <c r="HZ4" s="515"/>
      <c r="IA4" s="515"/>
      <c r="IB4" s="515"/>
      <c r="IC4" s="515"/>
      <c r="ID4" s="515"/>
      <c r="IE4" s="515"/>
      <c r="IF4" s="515"/>
      <c r="IG4" s="515"/>
      <c r="IH4" s="515"/>
      <c r="II4" s="515"/>
      <c r="IJ4" s="515"/>
      <c r="IK4" s="515"/>
      <c r="IL4" s="515"/>
      <c r="IM4" s="515"/>
      <c r="IN4" s="515"/>
      <c r="IO4" s="515"/>
      <c r="IP4" s="515"/>
      <c r="IQ4" s="515"/>
      <c r="IR4" s="515"/>
      <c r="IS4" s="515"/>
      <c r="IT4" s="515"/>
      <c r="IU4" s="515"/>
      <c r="IV4" s="515"/>
      <c r="IW4" s="515"/>
      <c r="IX4" s="515"/>
      <c r="IY4" s="515"/>
      <c r="IZ4" s="515"/>
      <c r="JA4" s="515"/>
      <c r="JB4" s="515"/>
      <c r="JC4" s="515"/>
      <c r="JD4" s="515"/>
      <c r="JE4" s="515"/>
      <c r="JF4" s="515"/>
      <c r="JG4" s="515"/>
      <c r="JH4" s="515"/>
      <c r="JI4" s="515"/>
      <c r="JJ4" s="515"/>
      <c r="JK4" s="515"/>
      <c r="JL4" s="515"/>
      <c r="JM4" s="515"/>
      <c r="JN4" s="515"/>
      <c r="JO4" s="515"/>
      <c r="JP4" s="516"/>
      <c r="JQ4" s="500" t="s">
        <v>40</v>
      </c>
      <c r="JR4" s="501"/>
      <c r="JS4" s="501"/>
      <c r="JT4" s="501"/>
      <c r="JU4" s="501"/>
      <c r="JV4" s="501"/>
      <c r="JW4" s="501"/>
      <c r="JX4" s="501"/>
      <c r="JY4" s="501"/>
      <c r="JZ4" s="501"/>
      <c r="KA4" s="502"/>
      <c r="KB4" s="500" t="s">
        <v>41</v>
      </c>
      <c r="KC4" s="501"/>
      <c r="KD4" s="501"/>
      <c r="KE4" s="501"/>
      <c r="KF4" s="501"/>
      <c r="KG4" s="501"/>
      <c r="KH4" s="501"/>
      <c r="KI4" s="501"/>
      <c r="KJ4" s="501"/>
      <c r="KK4" s="501"/>
      <c r="KL4" s="502"/>
    </row>
    <row r="5" spans="1:298" ht="27.75" customHeight="1" thickBot="1" x14ac:dyDescent="0.25">
      <c r="A5" s="506"/>
      <c r="B5" s="506"/>
      <c r="C5" s="507"/>
      <c r="D5" s="507"/>
      <c r="E5" s="507"/>
      <c r="F5" s="507"/>
      <c r="G5" s="507"/>
      <c r="H5" s="507"/>
      <c r="I5" s="507"/>
      <c r="J5" s="507"/>
      <c r="K5" s="507"/>
      <c r="L5" s="508"/>
      <c r="M5" s="509" t="s">
        <v>97</v>
      </c>
      <c r="N5" s="510"/>
      <c r="O5" s="510"/>
      <c r="P5" s="510"/>
      <c r="Q5" s="510"/>
      <c r="R5" s="510"/>
      <c r="S5" s="510"/>
      <c r="T5" s="510"/>
      <c r="U5" s="510"/>
      <c r="V5" s="510"/>
      <c r="W5" s="511"/>
      <c r="X5" s="509" t="s">
        <v>98</v>
      </c>
      <c r="Y5" s="510"/>
      <c r="Z5" s="510"/>
      <c r="AA5" s="510"/>
      <c r="AB5" s="510"/>
      <c r="AC5" s="510"/>
      <c r="AD5" s="510"/>
      <c r="AE5" s="510"/>
      <c r="AF5" s="510"/>
      <c r="AG5" s="510"/>
      <c r="AH5" s="511"/>
      <c r="AI5" s="509" t="s">
        <v>99</v>
      </c>
      <c r="AJ5" s="510"/>
      <c r="AK5" s="510"/>
      <c r="AL5" s="510"/>
      <c r="AM5" s="510"/>
      <c r="AN5" s="510"/>
      <c r="AO5" s="510"/>
      <c r="AP5" s="510"/>
      <c r="AQ5" s="510"/>
      <c r="AR5" s="510"/>
      <c r="AS5" s="511"/>
      <c r="AT5" s="509" t="s">
        <v>100</v>
      </c>
      <c r="AU5" s="510"/>
      <c r="AV5" s="510"/>
      <c r="AW5" s="510"/>
      <c r="AX5" s="510"/>
      <c r="AY5" s="510"/>
      <c r="AZ5" s="510"/>
      <c r="BA5" s="510"/>
      <c r="BB5" s="510"/>
      <c r="BC5" s="510"/>
      <c r="BD5" s="511"/>
      <c r="BE5" s="509" t="s">
        <v>101</v>
      </c>
      <c r="BF5" s="510"/>
      <c r="BG5" s="510"/>
      <c r="BH5" s="510"/>
      <c r="BI5" s="510"/>
      <c r="BJ5" s="510"/>
      <c r="BK5" s="510"/>
      <c r="BL5" s="510"/>
      <c r="BM5" s="510"/>
      <c r="BN5" s="510"/>
      <c r="BO5" s="511"/>
      <c r="BP5" s="509" t="s">
        <v>102</v>
      </c>
      <c r="BQ5" s="510"/>
      <c r="BR5" s="510"/>
      <c r="BS5" s="510"/>
      <c r="BT5" s="510"/>
      <c r="BU5" s="510"/>
      <c r="BV5" s="510"/>
      <c r="BW5" s="510"/>
      <c r="BX5" s="510"/>
      <c r="BY5" s="510"/>
      <c r="BZ5" s="511"/>
      <c r="CA5" s="503"/>
      <c r="CB5" s="504"/>
      <c r="CC5" s="504"/>
      <c r="CD5" s="504"/>
      <c r="CE5" s="504"/>
      <c r="CF5" s="504"/>
      <c r="CG5" s="504"/>
      <c r="CH5" s="504"/>
      <c r="CI5" s="504"/>
      <c r="CJ5" s="504"/>
      <c r="CK5" s="505"/>
      <c r="CL5" s="503"/>
      <c r="CM5" s="504"/>
      <c r="CN5" s="504"/>
      <c r="CO5" s="504"/>
      <c r="CP5" s="504"/>
      <c r="CQ5" s="504"/>
      <c r="CR5" s="504"/>
      <c r="CS5" s="504"/>
      <c r="CT5" s="504"/>
      <c r="CU5" s="504"/>
      <c r="CV5" s="505"/>
      <c r="CW5" s="506"/>
      <c r="CX5" s="507"/>
      <c r="CY5" s="507"/>
      <c r="CZ5" s="507"/>
      <c r="DA5" s="507"/>
      <c r="DB5" s="507"/>
      <c r="DC5" s="507"/>
      <c r="DD5" s="507"/>
      <c r="DE5" s="507"/>
      <c r="DF5" s="507"/>
      <c r="DG5" s="508"/>
      <c r="DH5" s="509" t="s">
        <v>97</v>
      </c>
      <c r="DI5" s="510"/>
      <c r="DJ5" s="510"/>
      <c r="DK5" s="510"/>
      <c r="DL5" s="510"/>
      <c r="DM5" s="510"/>
      <c r="DN5" s="510"/>
      <c r="DO5" s="510"/>
      <c r="DP5" s="510"/>
      <c r="DQ5" s="510"/>
      <c r="DR5" s="511"/>
      <c r="DS5" s="509" t="s">
        <v>98</v>
      </c>
      <c r="DT5" s="510"/>
      <c r="DU5" s="510"/>
      <c r="DV5" s="510"/>
      <c r="DW5" s="510"/>
      <c r="DX5" s="510"/>
      <c r="DY5" s="510"/>
      <c r="DZ5" s="510"/>
      <c r="EA5" s="510"/>
      <c r="EB5" s="510"/>
      <c r="EC5" s="511"/>
      <c r="ED5" s="509" t="s">
        <v>99</v>
      </c>
      <c r="EE5" s="510"/>
      <c r="EF5" s="510"/>
      <c r="EG5" s="510"/>
      <c r="EH5" s="510"/>
      <c r="EI5" s="510"/>
      <c r="EJ5" s="510"/>
      <c r="EK5" s="510"/>
      <c r="EL5" s="510"/>
      <c r="EM5" s="510"/>
      <c r="EN5" s="511"/>
      <c r="EO5" s="509" t="s">
        <v>100</v>
      </c>
      <c r="EP5" s="510"/>
      <c r="EQ5" s="510"/>
      <c r="ER5" s="510"/>
      <c r="ES5" s="510"/>
      <c r="ET5" s="510"/>
      <c r="EU5" s="510"/>
      <c r="EV5" s="510"/>
      <c r="EW5" s="510"/>
      <c r="EX5" s="510"/>
      <c r="EY5" s="511"/>
      <c r="EZ5" s="509" t="s">
        <v>101</v>
      </c>
      <c r="FA5" s="510"/>
      <c r="FB5" s="510"/>
      <c r="FC5" s="510"/>
      <c r="FD5" s="510"/>
      <c r="FE5" s="510"/>
      <c r="FF5" s="510"/>
      <c r="FG5" s="510"/>
      <c r="FH5" s="510"/>
      <c r="FI5" s="510"/>
      <c r="FJ5" s="511"/>
      <c r="FK5" s="509" t="s">
        <v>102</v>
      </c>
      <c r="FL5" s="510"/>
      <c r="FM5" s="510"/>
      <c r="FN5" s="510"/>
      <c r="FO5" s="510"/>
      <c r="FP5" s="510"/>
      <c r="FQ5" s="510"/>
      <c r="FR5" s="510"/>
      <c r="FS5" s="510"/>
      <c r="FT5" s="510"/>
      <c r="FU5" s="511"/>
      <c r="FV5" s="503"/>
      <c r="FW5" s="504"/>
      <c r="FX5" s="504"/>
      <c r="FY5" s="504"/>
      <c r="FZ5" s="504"/>
      <c r="GA5" s="504"/>
      <c r="GB5" s="504"/>
      <c r="GC5" s="504"/>
      <c r="GD5" s="504"/>
      <c r="GE5" s="504"/>
      <c r="GF5" s="505"/>
      <c r="GG5" s="503"/>
      <c r="GH5" s="504"/>
      <c r="GI5" s="504"/>
      <c r="GJ5" s="504"/>
      <c r="GK5" s="504"/>
      <c r="GL5" s="504"/>
      <c r="GM5" s="504"/>
      <c r="GN5" s="504"/>
      <c r="GO5" s="504"/>
      <c r="GP5" s="504"/>
      <c r="GQ5" s="505"/>
      <c r="GR5" s="506"/>
      <c r="GS5" s="507"/>
      <c r="GT5" s="507"/>
      <c r="GU5" s="507"/>
      <c r="GV5" s="507"/>
      <c r="GW5" s="507"/>
      <c r="GX5" s="507"/>
      <c r="GY5" s="507"/>
      <c r="GZ5" s="507"/>
      <c r="HA5" s="507"/>
      <c r="HB5" s="508"/>
      <c r="HC5" s="509" t="s">
        <v>97</v>
      </c>
      <c r="HD5" s="510"/>
      <c r="HE5" s="510"/>
      <c r="HF5" s="510"/>
      <c r="HG5" s="510"/>
      <c r="HH5" s="510"/>
      <c r="HI5" s="510"/>
      <c r="HJ5" s="510"/>
      <c r="HK5" s="510"/>
      <c r="HL5" s="510"/>
      <c r="HM5" s="511"/>
      <c r="HN5" s="509" t="s">
        <v>98</v>
      </c>
      <c r="HO5" s="510"/>
      <c r="HP5" s="510"/>
      <c r="HQ5" s="510"/>
      <c r="HR5" s="510"/>
      <c r="HS5" s="510"/>
      <c r="HT5" s="510"/>
      <c r="HU5" s="510"/>
      <c r="HV5" s="510"/>
      <c r="HW5" s="510"/>
      <c r="HX5" s="511"/>
      <c r="HY5" s="509" t="s">
        <v>99</v>
      </c>
      <c r="HZ5" s="510"/>
      <c r="IA5" s="510"/>
      <c r="IB5" s="510"/>
      <c r="IC5" s="510"/>
      <c r="ID5" s="510"/>
      <c r="IE5" s="510"/>
      <c r="IF5" s="510"/>
      <c r="IG5" s="510"/>
      <c r="IH5" s="510"/>
      <c r="II5" s="511"/>
      <c r="IJ5" s="509" t="s">
        <v>100</v>
      </c>
      <c r="IK5" s="510"/>
      <c r="IL5" s="510"/>
      <c r="IM5" s="510"/>
      <c r="IN5" s="510"/>
      <c r="IO5" s="510"/>
      <c r="IP5" s="510"/>
      <c r="IQ5" s="510"/>
      <c r="IR5" s="510"/>
      <c r="IS5" s="510"/>
      <c r="IT5" s="511"/>
      <c r="IU5" s="509" t="s">
        <v>101</v>
      </c>
      <c r="IV5" s="510"/>
      <c r="IW5" s="510"/>
      <c r="IX5" s="510"/>
      <c r="IY5" s="510"/>
      <c r="IZ5" s="510"/>
      <c r="JA5" s="510"/>
      <c r="JB5" s="510"/>
      <c r="JC5" s="510"/>
      <c r="JD5" s="510"/>
      <c r="JE5" s="511"/>
      <c r="JF5" s="509" t="s">
        <v>102</v>
      </c>
      <c r="JG5" s="510"/>
      <c r="JH5" s="510"/>
      <c r="JI5" s="510"/>
      <c r="JJ5" s="510"/>
      <c r="JK5" s="510"/>
      <c r="JL5" s="510"/>
      <c r="JM5" s="510"/>
      <c r="JN5" s="510"/>
      <c r="JO5" s="510"/>
      <c r="JP5" s="511"/>
      <c r="JQ5" s="503"/>
      <c r="JR5" s="504"/>
      <c r="JS5" s="504"/>
      <c r="JT5" s="504"/>
      <c r="JU5" s="504"/>
      <c r="JV5" s="504"/>
      <c r="JW5" s="504"/>
      <c r="JX5" s="504"/>
      <c r="JY5" s="504"/>
      <c r="JZ5" s="504"/>
      <c r="KA5" s="505"/>
      <c r="KB5" s="503"/>
      <c r="KC5" s="504"/>
      <c r="KD5" s="504"/>
      <c r="KE5" s="504"/>
      <c r="KF5" s="504"/>
      <c r="KG5" s="504"/>
      <c r="KH5" s="504"/>
      <c r="KI5" s="504"/>
      <c r="KJ5" s="504"/>
      <c r="KK5" s="504"/>
      <c r="KL5" s="505"/>
    </row>
    <row r="6" spans="1:298" ht="44.25" customHeight="1" thickBot="1" x14ac:dyDescent="0.25">
      <c r="A6" s="352" t="s">
        <v>42</v>
      </c>
      <c r="B6" s="51" t="s">
        <v>43</v>
      </c>
      <c r="C6" s="47" t="s">
        <v>44</v>
      </c>
      <c r="D6" s="48" t="s">
        <v>45</v>
      </c>
      <c r="E6" s="52" t="s">
        <v>46</v>
      </c>
      <c r="F6" s="47" t="s">
        <v>47</v>
      </c>
      <c r="G6" s="47" t="s">
        <v>48</v>
      </c>
      <c r="H6" s="47" t="s">
        <v>49</v>
      </c>
      <c r="I6" s="47" t="s">
        <v>50</v>
      </c>
      <c r="J6" s="47" t="s">
        <v>51</v>
      </c>
      <c r="K6" s="48" t="s">
        <v>45</v>
      </c>
      <c r="L6" s="53" t="s">
        <v>52</v>
      </c>
      <c r="M6" s="400" t="s">
        <v>43</v>
      </c>
      <c r="N6" s="401" t="s">
        <v>44</v>
      </c>
      <c r="O6" s="402" t="s">
        <v>45</v>
      </c>
      <c r="P6" s="403" t="s">
        <v>46</v>
      </c>
      <c r="Q6" s="401" t="s">
        <v>47</v>
      </c>
      <c r="R6" s="401" t="s">
        <v>48</v>
      </c>
      <c r="S6" s="401" t="s">
        <v>49</v>
      </c>
      <c r="T6" s="401" t="s">
        <v>50</v>
      </c>
      <c r="U6" s="401" t="s">
        <v>51</v>
      </c>
      <c r="V6" s="402" t="s">
        <v>45</v>
      </c>
      <c r="W6" s="399" t="s">
        <v>52</v>
      </c>
      <c r="X6" s="400" t="s">
        <v>43</v>
      </c>
      <c r="Y6" s="401" t="s">
        <v>44</v>
      </c>
      <c r="Z6" s="402" t="s">
        <v>45</v>
      </c>
      <c r="AA6" s="403" t="s">
        <v>46</v>
      </c>
      <c r="AB6" s="401" t="s">
        <v>47</v>
      </c>
      <c r="AC6" s="401" t="s">
        <v>48</v>
      </c>
      <c r="AD6" s="401" t="s">
        <v>49</v>
      </c>
      <c r="AE6" s="401" t="s">
        <v>50</v>
      </c>
      <c r="AF6" s="401" t="s">
        <v>51</v>
      </c>
      <c r="AG6" s="402" t="s">
        <v>45</v>
      </c>
      <c r="AH6" s="404" t="s">
        <v>52</v>
      </c>
      <c r="AI6" s="400" t="s">
        <v>43</v>
      </c>
      <c r="AJ6" s="401" t="s">
        <v>44</v>
      </c>
      <c r="AK6" s="402" t="s">
        <v>45</v>
      </c>
      <c r="AL6" s="403" t="s">
        <v>46</v>
      </c>
      <c r="AM6" s="401" t="s">
        <v>47</v>
      </c>
      <c r="AN6" s="401" t="s">
        <v>48</v>
      </c>
      <c r="AO6" s="401" t="s">
        <v>49</v>
      </c>
      <c r="AP6" s="401" t="s">
        <v>50</v>
      </c>
      <c r="AQ6" s="401" t="s">
        <v>51</v>
      </c>
      <c r="AR6" s="402" t="s">
        <v>45</v>
      </c>
      <c r="AS6" s="404" t="s">
        <v>52</v>
      </c>
      <c r="AT6" s="400" t="s">
        <v>43</v>
      </c>
      <c r="AU6" s="401" t="s">
        <v>44</v>
      </c>
      <c r="AV6" s="402" t="s">
        <v>45</v>
      </c>
      <c r="AW6" s="403" t="s">
        <v>46</v>
      </c>
      <c r="AX6" s="401" t="s">
        <v>47</v>
      </c>
      <c r="AY6" s="401" t="s">
        <v>48</v>
      </c>
      <c r="AZ6" s="401" t="s">
        <v>49</v>
      </c>
      <c r="BA6" s="401" t="s">
        <v>50</v>
      </c>
      <c r="BB6" s="401" t="s">
        <v>51</v>
      </c>
      <c r="BC6" s="402" t="s">
        <v>45</v>
      </c>
      <c r="BD6" s="404" t="s">
        <v>52</v>
      </c>
      <c r="BE6" s="400" t="s">
        <v>43</v>
      </c>
      <c r="BF6" s="401" t="s">
        <v>44</v>
      </c>
      <c r="BG6" s="402" t="s">
        <v>45</v>
      </c>
      <c r="BH6" s="403" t="s">
        <v>46</v>
      </c>
      <c r="BI6" s="401" t="s">
        <v>47</v>
      </c>
      <c r="BJ6" s="401" t="s">
        <v>48</v>
      </c>
      <c r="BK6" s="401" t="s">
        <v>49</v>
      </c>
      <c r="BL6" s="401" t="s">
        <v>50</v>
      </c>
      <c r="BM6" s="401" t="s">
        <v>51</v>
      </c>
      <c r="BN6" s="402" t="s">
        <v>45</v>
      </c>
      <c r="BO6" s="404" t="s">
        <v>52</v>
      </c>
      <c r="BP6" s="400" t="s">
        <v>43</v>
      </c>
      <c r="BQ6" s="401" t="s">
        <v>44</v>
      </c>
      <c r="BR6" s="402" t="s">
        <v>45</v>
      </c>
      <c r="BS6" s="403" t="s">
        <v>46</v>
      </c>
      <c r="BT6" s="401" t="s">
        <v>47</v>
      </c>
      <c r="BU6" s="401" t="s">
        <v>48</v>
      </c>
      <c r="BV6" s="401" t="s">
        <v>49</v>
      </c>
      <c r="BW6" s="401" t="s">
        <v>50</v>
      </c>
      <c r="BX6" s="401" t="s">
        <v>51</v>
      </c>
      <c r="BY6" s="402" t="s">
        <v>45</v>
      </c>
      <c r="BZ6" s="404" t="s">
        <v>52</v>
      </c>
      <c r="CA6" s="400" t="s">
        <v>43</v>
      </c>
      <c r="CB6" s="401" t="s">
        <v>44</v>
      </c>
      <c r="CC6" s="402" t="s">
        <v>45</v>
      </c>
      <c r="CD6" s="403" t="s">
        <v>46</v>
      </c>
      <c r="CE6" s="401" t="s">
        <v>47</v>
      </c>
      <c r="CF6" s="401" t="s">
        <v>48</v>
      </c>
      <c r="CG6" s="401" t="s">
        <v>49</v>
      </c>
      <c r="CH6" s="401" t="s">
        <v>50</v>
      </c>
      <c r="CI6" s="401" t="s">
        <v>51</v>
      </c>
      <c r="CJ6" s="402" t="s">
        <v>45</v>
      </c>
      <c r="CK6" s="404" t="s">
        <v>52</v>
      </c>
      <c r="CL6" s="400" t="s">
        <v>43</v>
      </c>
      <c r="CM6" s="401" t="s">
        <v>44</v>
      </c>
      <c r="CN6" s="402" t="s">
        <v>45</v>
      </c>
      <c r="CO6" s="403" t="s">
        <v>46</v>
      </c>
      <c r="CP6" s="401" t="s">
        <v>47</v>
      </c>
      <c r="CQ6" s="401" t="s">
        <v>48</v>
      </c>
      <c r="CR6" s="401" t="s">
        <v>49</v>
      </c>
      <c r="CS6" s="401" t="s">
        <v>50</v>
      </c>
      <c r="CT6" s="401" t="s">
        <v>51</v>
      </c>
      <c r="CU6" s="402" t="s">
        <v>45</v>
      </c>
      <c r="CV6" s="404" t="s">
        <v>52</v>
      </c>
      <c r="CW6" s="51" t="s">
        <v>43</v>
      </c>
      <c r="CX6" s="47" t="s">
        <v>44</v>
      </c>
      <c r="CY6" s="48" t="s">
        <v>45</v>
      </c>
      <c r="CZ6" s="52" t="s">
        <v>46</v>
      </c>
      <c r="DA6" s="47" t="s">
        <v>47</v>
      </c>
      <c r="DB6" s="47" t="s">
        <v>48</v>
      </c>
      <c r="DC6" s="47" t="s">
        <v>49</v>
      </c>
      <c r="DD6" s="47" t="s">
        <v>50</v>
      </c>
      <c r="DE6" s="47" t="s">
        <v>51</v>
      </c>
      <c r="DF6" s="48" t="s">
        <v>45</v>
      </c>
      <c r="DG6" s="53" t="s">
        <v>52</v>
      </c>
      <c r="DH6" s="400" t="s">
        <v>43</v>
      </c>
      <c r="DI6" s="401" t="s">
        <v>44</v>
      </c>
      <c r="DJ6" s="402" t="s">
        <v>45</v>
      </c>
      <c r="DK6" s="403" t="s">
        <v>46</v>
      </c>
      <c r="DL6" s="401" t="s">
        <v>47</v>
      </c>
      <c r="DM6" s="401" t="s">
        <v>48</v>
      </c>
      <c r="DN6" s="401" t="s">
        <v>49</v>
      </c>
      <c r="DO6" s="401" t="s">
        <v>50</v>
      </c>
      <c r="DP6" s="401" t="s">
        <v>51</v>
      </c>
      <c r="DQ6" s="402" t="s">
        <v>45</v>
      </c>
      <c r="DR6" s="404" t="s">
        <v>52</v>
      </c>
      <c r="DS6" s="400" t="s">
        <v>43</v>
      </c>
      <c r="DT6" s="401" t="s">
        <v>44</v>
      </c>
      <c r="DU6" s="402" t="s">
        <v>45</v>
      </c>
      <c r="DV6" s="403" t="s">
        <v>46</v>
      </c>
      <c r="DW6" s="401" t="s">
        <v>47</v>
      </c>
      <c r="DX6" s="401" t="s">
        <v>48</v>
      </c>
      <c r="DY6" s="401" t="s">
        <v>49</v>
      </c>
      <c r="DZ6" s="401" t="s">
        <v>50</v>
      </c>
      <c r="EA6" s="401" t="s">
        <v>51</v>
      </c>
      <c r="EB6" s="402" t="s">
        <v>45</v>
      </c>
      <c r="EC6" s="404" t="s">
        <v>52</v>
      </c>
      <c r="ED6" s="400" t="s">
        <v>43</v>
      </c>
      <c r="EE6" s="401" t="s">
        <v>44</v>
      </c>
      <c r="EF6" s="402" t="s">
        <v>45</v>
      </c>
      <c r="EG6" s="403" t="s">
        <v>46</v>
      </c>
      <c r="EH6" s="401" t="s">
        <v>47</v>
      </c>
      <c r="EI6" s="401" t="s">
        <v>48</v>
      </c>
      <c r="EJ6" s="401" t="s">
        <v>49</v>
      </c>
      <c r="EK6" s="401" t="s">
        <v>50</v>
      </c>
      <c r="EL6" s="401" t="s">
        <v>51</v>
      </c>
      <c r="EM6" s="402" t="s">
        <v>45</v>
      </c>
      <c r="EN6" s="404" t="s">
        <v>52</v>
      </c>
      <c r="EO6" s="400" t="s">
        <v>43</v>
      </c>
      <c r="EP6" s="401" t="s">
        <v>44</v>
      </c>
      <c r="EQ6" s="402" t="s">
        <v>45</v>
      </c>
      <c r="ER6" s="403" t="s">
        <v>46</v>
      </c>
      <c r="ES6" s="401" t="s">
        <v>47</v>
      </c>
      <c r="ET6" s="401" t="s">
        <v>48</v>
      </c>
      <c r="EU6" s="401" t="s">
        <v>49</v>
      </c>
      <c r="EV6" s="401" t="s">
        <v>50</v>
      </c>
      <c r="EW6" s="401" t="s">
        <v>51</v>
      </c>
      <c r="EX6" s="402" t="s">
        <v>45</v>
      </c>
      <c r="EY6" s="404" t="s">
        <v>52</v>
      </c>
      <c r="EZ6" s="400" t="s">
        <v>43</v>
      </c>
      <c r="FA6" s="401" t="s">
        <v>44</v>
      </c>
      <c r="FB6" s="402" t="s">
        <v>45</v>
      </c>
      <c r="FC6" s="403" t="s">
        <v>46</v>
      </c>
      <c r="FD6" s="401" t="s">
        <v>47</v>
      </c>
      <c r="FE6" s="401" t="s">
        <v>48</v>
      </c>
      <c r="FF6" s="401" t="s">
        <v>49</v>
      </c>
      <c r="FG6" s="401" t="s">
        <v>50</v>
      </c>
      <c r="FH6" s="401" t="s">
        <v>51</v>
      </c>
      <c r="FI6" s="402" t="s">
        <v>45</v>
      </c>
      <c r="FJ6" s="404" t="s">
        <v>52</v>
      </c>
      <c r="FK6" s="400" t="s">
        <v>43</v>
      </c>
      <c r="FL6" s="401" t="s">
        <v>44</v>
      </c>
      <c r="FM6" s="402" t="s">
        <v>45</v>
      </c>
      <c r="FN6" s="403" t="s">
        <v>46</v>
      </c>
      <c r="FO6" s="401" t="s">
        <v>47</v>
      </c>
      <c r="FP6" s="401" t="s">
        <v>48</v>
      </c>
      <c r="FQ6" s="401" t="s">
        <v>49</v>
      </c>
      <c r="FR6" s="401" t="s">
        <v>50</v>
      </c>
      <c r="FS6" s="401" t="s">
        <v>51</v>
      </c>
      <c r="FT6" s="402" t="s">
        <v>45</v>
      </c>
      <c r="FU6" s="404" t="s">
        <v>52</v>
      </c>
      <c r="FV6" s="400" t="s">
        <v>43</v>
      </c>
      <c r="FW6" s="401" t="s">
        <v>44</v>
      </c>
      <c r="FX6" s="402" t="s">
        <v>45</v>
      </c>
      <c r="FY6" s="403" t="s">
        <v>46</v>
      </c>
      <c r="FZ6" s="401" t="s">
        <v>47</v>
      </c>
      <c r="GA6" s="401" t="s">
        <v>48</v>
      </c>
      <c r="GB6" s="401" t="s">
        <v>49</v>
      </c>
      <c r="GC6" s="401" t="s">
        <v>50</v>
      </c>
      <c r="GD6" s="401" t="s">
        <v>51</v>
      </c>
      <c r="GE6" s="402" t="s">
        <v>45</v>
      </c>
      <c r="GF6" s="404" t="s">
        <v>52</v>
      </c>
      <c r="GG6" s="400" t="s">
        <v>43</v>
      </c>
      <c r="GH6" s="401" t="s">
        <v>44</v>
      </c>
      <c r="GI6" s="402" t="s">
        <v>45</v>
      </c>
      <c r="GJ6" s="403" t="s">
        <v>46</v>
      </c>
      <c r="GK6" s="401" t="s">
        <v>47</v>
      </c>
      <c r="GL6" s="401" t="s">
        <v>48</v>
      </c>
      <c r="GM6" s="401" t="s">
        <v>49</v>
      </c>
      <c r="GN6" s="401" t="s">
        <v>50</v>
      </c>
      <c r="GO6" s="401" t="s">
        <v>51</v>
      </c>
      <c r="GP6" s="402" t="s">
        <v>45</v>
      </c>
      <c r="GQ6" s="404" t="s">
        <v>52</v>
      </c>
      <c r="GR6" s="51" t="s">
        <v>43</v>
      </c>
      <c r="GS6" s="47" t="s">
        <v>44</v>
      </c>
      <c r="GT6" s="48" t="s">
        <v>45</v>
      </c>
      <c r="GU6" s="52" t="s">
        <v>46</v>
      </c>
      <c r="GV6" s="47" t="s">
        <v>47</v>
      </c>
      <c r="GW6" s="47" t="s">
        <v>48</v>
      </c>
      <c r="GX6" s="47" t="s">
        <v>49</v>
      </c>
      <c r="GY6" s="47" t="s">
        <v>50</v>
      </c>
      <c r="GZ6" s="47" t="s">
        <v>51</v>
      </c>
      <c r="HA6" s="48" t="s">
        <v>45</v>
      </c>
      <c r="HB6" s="53" t="s">
        <v>52</v>
      </c>
      <c r="HC6" s="400" t="s">
        <v>43</v>
      </c>
      <c r="HD6" s="401" t="s">
        <v>44</v>
      </c>
      <c r="HE6" s="402" t="s">
        <v>45</v>
      </c>
      <c r="HF6" s="403" t="s">
        <v>46</v>
      </c>
      <c r="HG6" s="401" t="s">
        <v>47</v>
      </c>
      <c r="HH6" s="401" t="s">
        <v>48</v>
      </c>
      <c r="HI6" s="401" t="s">
        <v>49</v>
      </c>
      <c r="HJ6" s="401" t="s">
        <v>50</v>
      </c>
      <c r="HK6" s="401" t="s">
        <v>51</v>
      </c>
      <c r="HL6" s="402" t="s">
        <v>45</v>
      </c>
      <c r="HM6" s="404" t="s">
        <v>52</v>
      </c>
      <c r="HN6" s="400" t="s">
        <v>43</v>
      </c>
      <c r="HO6" s="401" t="s">
        <v>44</v>
      </c>
      <c r="HP6" s="402" t="s">
        <v>45</v>
      </c>
      <c r="HQ6" s="403" t="s">
        <v>46</v>
      </c>
      <c r="HR6" s="401" t="s">
        <v>47</v>
      </c>
      <c r="HS6" s="401" t="s">
        <v>48</v>
      </c>
      <c r="HT6" s="401" t="s">
        <v>49</v>
      </c>
      <c r="HU6" s="401" t="s">
        <v>50</v>
      </c>
      <c r="HV6" s="401" t="s">
        <v>51</v>
      </c>
      <c r="HW6" s="402" t="s">
        <v>45</v>
      </c>
      <c r="HX6" s="404" t="s">
        <v>52</v>
      </c>
      <c r="HY6" s="400" t="s">
        <v>43</v>
      </c>
      <c r="HZ6" s="401" t="s">
        <v>44</v>
      </c>
      <c r="IA6" s="402" t="s">
        <v>45</v>
      </c>
      <c r="IB6" s="403" t="s">
        <v>46</v>
      </c>
      <c r="IC6" s="401" t="s">
        <v>47</v>
      </c>
      <c r="ID6" s="401" t="s">
        <v>48</v>
      </c>
      <c r="IE6" s="401" t="s">
        <v>49</v>
      </c>
      <c r="IF6" s="401" t="s">
        <v>50</v>
      </c>
      <c r="IG6" s="401" t="s">
        <v>51</v>
      </c>
      <c r="IH6" s="402" t="s">
        <v>45</v>
      </c>
      <c r="II6" s="404" t="s">
        <v>52</v>
      </c>
      <c r="IJ6" s="400" t="s">
        <v>43</v>
      </c>
      <c r="IK6" s="401" t="s">
        <v>44</v>
      </c>
      <c r="IL6" s="402" t="s">
        <v>45</v>
      </c>
      <c r="IM6" s="403" t="s">
        <v>46</v>
      </c>
      <c r="IN6" s="401" t="s">
        <v>47</v>
      </c>
      <c r="IO6" s="401" t="s">
        <v>48</v>
      </c>
      <c r="IP6" s="401" t="s">
        <v>49</v>
      </c>
      <c r="IQ6" s="401" t="s">
        <v>50</v>
      </c>
      <c r="IR6" s="401" t="s">
        <v>51</v>
      </c>
      <c r="IS6" s="402" t="s">
        <v>45</v>
      </c>
      <c r="IT6" s="404" t="s">
        <v>52</v>
      </c>
      <c r="IU6" s="400" t="s">
        <v>43</v>
      </c>
      <c r="IV6" s="401" t="s">
        <v>44</v>
      </c>
      <c r="IW6" s="402" t="s">
        <v>45</v>
      </c>
      <c r="IX6" s="403" t="s">
        <v>46</v>
      </c>
      <c r="IY6" s="401" t="s">
        <v>47</v>
      </c>
      <c r="IZ6" s="401" t="s">
        <v>48</v>
      </c>
      <c r="JA6" s="401" t="s">
        <v>49</v>
      </c>
      <c r="JB6" s="401" t="s">
        <v>50</v>
      </c>
      <c r="JC6" s="401" t="s">
        <v>51</v>
      </c>
      <c r="JD6" s="402" t="s">
        <v>45</v>
      </c>
      <c r="JE6" s="404" t="s">
        <v>52</v>
      </c>
      <c r="JF6" s="400" t="s">
        <v>43</v>
      </c>
      <c r="JG6" s="401" t="s">
        <v>44</v>
      </c>
      <c r="JH6" s="402" t="s">
        <v>45</v>
      </c>
      <c r="JI6" s="403" t="s">
        <v>46</v>
      </c>
      <c r="JJ6" s="401" t="s">
        <v>47</v>
      </c>
      <c r="JK6" s="401" t="s">
        <v>48</v>
      </c>
      <c r="JL6" s="401" t="s">
        <v>49</v>
      </c>
      <c r="JM6" s="401" t="s">
        <v>50</v>
      </c>
      <c r="JN6" s="401" t="s">
        <v>51</v>
      </c>
      <c r="JO6" s="402" t="s">
        <v>45</v>
      </c>
      <c r="JP6" s="404" t="s">
        <v>52</v>
      </c>
      <c r="JQ6" s="400" t="s">
        <v>43</v>
      </c>
      <c r="JR6" s="401" t="s">
        <v>44</v>
      </c>
      <c r="JS6" s="402" t="s">
        <v>45</v>
      </c>
      <c r="JT6" s="403" t="s">
        <v>46</v>
      </c>
      <c r="JU6" s="401" t="s">
        <v>47</v>
      </c>
      <c r="JV6" s="401" t="s">
        <v>48</v>
      </c>
      <c r="JW6" s="401" t="s">
        <v>49</v>
      </c>
      <c r="JX6" s="401" t="s">
        <v>50</v>
      </c>
      <c r="JY6" s="401" t="s">
        <v>51</v>
      </c>
      <c r="JZ6" s="402" t="s">
        <v>45</v>
      </c>
      <c r="KA6" s="404" t="s">
        <v>52</v>
      </c>
      <c r="KB6" s="400" t="s">
        <v>43</v>
      </c>
      <c r="KC6" s="401" t="s">
        <v>44</v>
      </c>
      <c r="KD6" s="402" t="s">
        <v>45</v>
      </c>
      <c r="KE6" s="403" t="s">
        <v>46</v>
      </c>
      <c r="KF6" s="401" t="s">
        <v>47</v>
      </c>
      <c r="KG6" s="401" t="s">
        <v>48</v>
      </c>
      <c r="KH6" s="401" t="s">
        <v>49</v>
      </c>
      <c r="KI6" s="401" t="s">
        <v>50</v>
      </c>
      <c r="KJ6" s="401" t="s">
        <v>51</v>
      </c>
      <c r="KK6" s="402" t="s">
        <v>45</v>
      </c>
      <c r="KL6" s="404" t="s">
        <v>52</v>
      </c>
    </row>
    <row r="7" spans="1:298" ht="19.5" customHeight="1" x14ac:dyDescent="0.2">
      <c r="A7" s="128" t="s">
        <v>4</v>
      </c>
      <c r="B7" s="349">
        <v>4420</v>
      </c>
      <c r="C7" s="78">
        <v>4027</v>
      </c>
      <c r="D7" s="79">
        <v>8447</v>
      </c>
      <c r="E7" s="272"/>
      <c r="F7" s="78">
        <v>5895</v>
      </c>
      <c r="G7" s="78">
        <v>5262</v>
      </c>
      <c r="H7" s="78">
        <v>3550</v>
      </c>
      <c r="I7" s="78">
        <v>2888</v>
      </c>
      <c r="J7" s="78">
        <v>1612</v>
      </c>
      <c r="K7" s="80">
        <v>19207</v>
      </c>
      <c r="L7" s="81">
        <v>27654</v>
      </c>
      <c r="M7" s="66">
        <v>58</v>
      </c>
      <c r="N7" s="67">
        <v>63</v>
      </c>
      <c r="O7" s="68">
        <v>121</v>
      </c>
      <c r="P7" s="275"/>
      <c r="Q7" s="67">
        <v>80</v>
      </c>
      <c r="R7" s="67">
        <v>106</v>
      </c>
      <c r="S7" s="67">
        <v>56</v>
      </c>
      <c r="T7" s="67">
        <v>52</v>
      </c>
      <c r="U7" s="67">
        <v>41</v>
      </c>
      <c r="V7" s="68">
        <v>335</v>
      </c>
      <c r="W7" s="69">
        <v>456</v>
      </c>
      <c r="X7" s="66">
        <v>175</v>
      </c>
      <c r="Y7" s="67">
        <v>198</v>
      </c>
      <c r="Z7" s="68">
        <v>373</v>
      </c>
      <c r="AA7" s="275"/>
      <c r="AB7" s="67">
        <v>235</v>
      </c>
      <c r="AC7" s="67">
        <v>244</v>
      </c>
      <c r="AD7" s="67">
        <v>170</v>
      </c>
      <c r="AE7" s="67">
        <v>147</v>
      </c>
      <c r="AF7" s="67">
        <v>119</v>
      </c>
      <c r="AG7" s="68">
        <v>915</v>
      </c>
      <c r="AH7" s="69">
        <v>1288</v>
      </c>
      <c r="AI7" s="66">
        <v>366</v>
      </c>
      <c r="AJ7" s="67">
        <v>343</v>
      </c>
      <c r="AK7" s="68">
        <v>709</v>
      </c>
      <c r="AL7" s="275"/>
      <c r="AM7" s="67">
        <v>443</v>
      </c>
      <c r="AN7" s="67">
        <v>413</v>
      </c>
      <c r="AO7" s="67">
        <v>268</v>
      </c>
      <c r="AP7" s="67">
        <v>213</v>
      </c>
      <c r="AQ7" s="67">
        <v>150</v>
      </c>
      <c r="AR7" s="68">
        <v>1487</v>
      </c>
      <c r="AS7" s="69">
        <v>2196</v>
      </c>
      <c r="AT7" s="66">
        <v>918</v>
      </c>
      <c r="AU7" s="67">
        <v>798</v>
      </c>
      <c r="AV7" s="68">
        <v>1716</v>
      </c>
      <c r="AW7" s="275"/>
      <c r="AX7" s="67">
        <v>1137</v>
      </c>
      <c r="AY7" s="67">
        <v>957</v>
      </c>
      <c r="AZ7" s="67">
        <v>572</v>
      </c>
      <c r="BA7" s="67">
        <v>447</v>
      </c>
      <c r="BB7" s="67">
        <v>310</v>
      </c>
      <c r="BC7" s="68">
        <v>3423</v>
      </c>
      <c r="BD7" s="69">
        <v>5139</v>
      </c>
      <c r="BE7" s="66">
        <v>1617</v>
      </c>
      <c r="BF7" s="67">
        <v>1364</v>
      </c>
      <c r="BG7" s="68">
        <v>2981</v>
      </c>
      <c r="BH7" s="275"/>
      <c r="BI7" s="67">
        <v>2039</v>
      </c>
      <c r="BJ7" s="67">
        <v>1639</v>
      </c>
      <c r="BK7" s="67">
        <v>1117</v>
      </c>
      <c r="BL7" s="67">
        <v>888</v>
      </c>
      <c r="BM7" s="67">
        <v>458</v>
      </c>
      <c r="BN7" s="68">
        <v>6141</v>
      </c>
      <c r="BO7" s="69">
        <v>9122</v>
      </c>
      <c r="BP7" s="66">
        <v>1286</v>
      </c>
      <c r="BQ7" s="67">
        <v>1261</v>
      </c>
      <c r="BR7" s="68">
        <v>2547</v>
      </c>
      <c r="BS7" s="275"/>
      <c r="BT7" s="67">
        <v>1961</v>
      </c>
      <c r="BU7" s="67">
        <v>1903</v>
      </c>
      <c r="BV7" s="67">
        <v>1367</v>
      </c>
      <c r="BW7" s="67">
        <v>1141</v>
      </c>
      <c r="BX7" s="67">
        <v>534</v>
      </c>
      <c r="BY7" s="68">
        <v>6906</v>
      </c>
      <c r="BZ7" s="69">
        <v>9453</v>
      </c>
      <c r="CA7" s="66">
        <v>0</v>
      </c>
      <c r="CB7" s="67">
        <v>0</v>
      </c>
      <c r="CC7" s="68">
        <v>0</v>
      </c>
      <c r="CD7" s="275"/>
      <c r="CE7" s="67">
        <v>0</v>
      </c>
      <c r="CF7" s="67">
        <v>0</v>
      </c>
      <c r="CG7" s="67">
        <v>0</v>
      </c>
      <c r="CH7" s="67">
        <v>0</v>
      </c>
      <c r="CI7" s="67">
        <v>0</v>
      </c>
      <c r="CJ7" s="68">
        <v>0</v>
      </c>
      <c r="CK7" s="69">
        <v>0</v>
      </c>
      <c r="CL7" s="66">
        <v>4420</v>
      </c>
      <c r="CM7" s="67">
        <v>4027</v>
      </c>
      <c r="CN7" s="68">
        <v>8447</v>
      </c>
      <c r="CO7" s="275"/>
      <c r="CP7" s="67">
        <v>5895</v>
      </c>
      <c r="CQ7" s="67">
        <v>5262</v>
      </c>
      <c r="CR7" s="67">
        <v>3550</v>
      </c>
      <c r="CS7" s="67">
        <v>2888</v>
      </c>
      <c r="CT7" s="67">
        <v>1612</v>
      </c>
      <c r="CU7" s="68">
        <v>19207</v>
      </c>
      <c r="CV7" s="69">
        <v>27654</v>
      </c>
      <c r="CW7" s="125">
        <v>617</v>
      </c>
      <c r="CX7" s="78">
        <v>640</v>
      </c>
      <c r="CY7" s="79">
        <v>1257</v>
      </c>
      <c r="CZ7" s="272"/>
      <c r="DA7" s="78">
        <v>805</v>
      </c>
      <c r="DB7" s="78">
        <v>753</v>
      </c>
      <c r="DC7" s="78">
        <v>543</v>
      </c>
      <c r="DD7" s="78">
        <v>523</v>
      </c>
      <c r="DE7" s="78">
        <v>364</v>
      </c>
      <c r="DF7" s="80">
        <v>2988</v>
      </c>
      <c r="DG7" s="81">
        <v>4245</v>
      </c>
      <c r="DH7" s="66">
        <v>10</v>
      </c>
      <c r="DI7" s="67">
        <v>16</v>
      </c>
      <c r="DJ7" s="68">
        <v>26</v>
      </c>
      <c r="DK7" s="275"/>
      <c r="DL7" s="67">
        <v>13</v>
      </c>
      <c r="DM7" s="67">
        <v>14</v>
      </c>
      <c r="DN7" s="67">
        <v>9</v>
      </c>
      <c r="DO7" s="67">
        <v>5</v>
      </c>
      <c r="DP7" s="67">
        <v>7</v>
      </c>
      <c r="DQ7" s="68">
        <v>48</v>
      </c>
      <c r="DR7" s="69">
        <v>74</v>
      </c>
      <c r="DS7" s="66">
        <v>45</v>
      </c>
      <c r="DT7" s="67">
        <v>58</v>
      </c>
      <c r="DU7" s="68">
        <v>103</v>
      </c>
      <c r="DV7" s="275"/>
      <c r="DW7" s="67">
        <v>34</v>
      </c>
      <c r="DX7" s="67">
        <v>28</v>
      </c>
      <c r="DY7" s="67">
        <v>11</v>
      </c>
      <c r="DZ7" s="67">
        <v>22</v>
      </c>
      <c r="EA7" s="67">
        <v>12</v>
      </c>
      <c r="EB7" s="68">
        <v>107</v>
      </c>
      <c r="EC7" s="69">
        <v>210</v>
      </c>
      <c r="ED7" s="66">
        <v>70</v>
      </c>
      <c r="EE7" s="67">
        <v>70</v>
      </c>
      <c r="EF7" s="68">
        <v>140</v>
      </c>
      <c r="EG7" s="275"/>
      <c r="EH7" s="67">
        <v>70</v>
      </c>
      <c r="EI7" s="67">
        <v>58</v>
      </c>
      <c r="EJ7" s="67">
        <v>36</v>
      </c>
      <c r="EK7" s="67">
        <v>25</v>
      </c>
      <c r="EL7" s="67">
        <v>22</v>
      </c>
      <c r="EM7" s="68">
        <v>211</v>
      </c>
      <c r="EN7" s="69">
        <v>351</v>
      </c>
      <c r="EO7" s="66">
        <v>180</v>
      </c>
      <c r="EP7" s="67">
        <v>160</v>
      </c>
      <c r="EQ7" s="68">
        <v>340</v>
      </c>
      <c r="ER7" s="275"/>
      <c r="ES7" s="67">
        <v>148</v>
      </c>
      <c r="ET7" s="67">
        <v>93</v>
      </c>
      <c r="EU7" s="67">
        <v>84</v>
      </c>
      <c r="EV7" s="67">
        <v>65</v>
      </c>
      <c r="EW7" s="67">
        <v>50</v>
      </c>
      <c r="EX7" s="68">
        <v>440</v>
      </c>
      <c r="EY7" s="69">
        <v>780</v>
      </c>
      <c r="EZ7" s="66">
        <v>181</v>
      </c>
      <c r="FA7" s="67">
        <v>182</v>
      </c>
      <c r="FB7" s="68">
        <v>363</v>
      </c>
      <c r="FC7" s="275"/>
      <c r="FD7" s="67">
        <v>252</v>
      </c>
      <c r="FE7" s="67">
        <v>218</v>
      </c>
      <c r="FF7" s="67">
        <v>131</v>
      </c>
      <c r="FG7" s="67">
        <v>131</v>
      </c>
      <c r="FH7" s="67">
        <v>92</v>
      </c>
      <c r="FI7" s="68">
        <v>824</v>
      </c>
      <c r="FJ7" s="69">
        <v>1187</v>
      </c>
      <c r="FK7" s="66">
        <v>131</v>
      </c>
      <c r="FL7" s="67">
        <v>154</v>
      </c>
      <c r="FM7" s="68">
        <v>285</v>
      </c>
      <c r="FN7" s="275"/>
      <c r="FO7" s="67">
        <v>288</v>
      </c>
      <c r="FP7" s="67">
        <v>342</v>
      </c>
      <c r="FQ7" s="67">
        <v>272</v>
      </c>
      <c r="FR7" s="67">
        <v>275</v>
      </c>
      <c r="FS7" s="67">
        <v>181</v>
      </c>
      <c r="FT7" s="68">
        <v>1358</v>
      </c>
      <c r="FU7" s="69">
        <v>1643</v>
      </c>
      <c r="FV7" s="66">
        <v>0</v>
      </c>
      <c r="FW7" s="67">
        <v>0</v>
      </c>
      <c r="FX7" s="68">
        <v>0</v>
      </c>
      <c r="FY7" s="275"/>
      <c r="FZ7" s="67">
        <v>0</v>
      </c>
      <c r="GA7" s="67">
        <v>0</v>
      </c>
      <c r="GB7" s="67">
        <v>0</v>
      </c>
      <c r="GC7" s="67">
        <v>0</v>
      </c>
      <c r="GD7" s="67">
        <v>0</v>
      </c>
      <c r="GE7" s="68">
        <v>0</v>
      </c>
      <c r="GF7" s="69">
        <v>0</v>
      </c>
      <c r="GG7" s="66">
        <v>617</v>
      </c>
      <c r="GH7" s="67">
        <v>640</v>
      </c>
      <c r="GI7" s="68">
        <v>1257</v>
      </c>
      <c r="GJ7" s="275"/>
      <c r="GK7" s="67">
        <v>805</v>
      </c>
      <c r="GL7" s="67">
        <v>753</v>
      </c>
      <c r="GM7" s="67">
        <v>543</v>
      </c>
      <c r="GN7" s="67">
        <v>523</v>
      </c>
      <c r="GO7" s="67">
        <v>364</v>
      </c>
      <c r="GP7" s="68">
        <v>2988</v>
      </c>
      <c r="GQ7" s="69">
        <v>4245</v>
      </c>
      <c r="GR7" s="125">
        <v>5037</v>
      </c>
      <c r="GS7" s="78">
        <v>4667</v>
      </c>
      <c r="GT7" s="79">
        <v>9704</v>
      </c>
      <c r="GU7" s="272"/>
      <c r="GV7" s="78">
        <v>6700</v>
      </c>
      <c r="GW7" s="78">
        <v>6015</v>
      </c>
      <c r="GX7" s="78">
        <v>4093</v>
      </c>
      <c r="GY7" s="78">
        <v>3411</v>
      </c>
      <c r="GZ7" s="78">
        <v>1976</v>
      </c>
      <c r="HA7" s="80">
        <v>22195</v>
      </c>
      <c r="HB7" s="81">
        <v>31899</v>
      </c>
      <c r="HC7" s="66">
        <v>68</v>
      </c>
      <c r="HD7" s="67">
        <v>79</v>
      </c>
      <c r="HE7" s="68">
        <v>147</v>
      </c>
      <c r="HF7" s="275"/>
      <c r="HG7" s="67">
        <v>93</v>
      </c>
      <c r="HH7" s="67">
        <v>120</v>
      </c>
      <c r="HI7" s="67">
        <v>65</v>
      </c>
      <c r="HJ7" s="67">
        <v>57</v>
      </c>
      <c r="HK7" s="67">
        <v>48</v>
      </c>
      <c r="HL7" s="68">
        <v>383</v>
      </c>
      <c r="HM7" s="69">
        <v>530</v>
      </c>
      <c r="HN7" s="66">
        <v>220</v>
      </c>
      <c r="HO7" s="67">
        <v>256</v>
      </c>
      <c r="HP7" s="68">
        <v>476</v>
      </c>
      <c r="HQ7" s="275"/>
      <c r="HR7" s="67">
        <v>269</v>
      </c>
      <c r="HS7" s="67">
        <v>272</v>
      </c>
      <c r="HT7" s="67">
        <v>181</v>
      </c>
      <c r="HU7" s="67">
        <v>169</v>
      </c>
      <c r="HV7" s="67">
        <v>131</v>
      </c>
      <c r="HW7" s="68">
        <v>1022</v>
      </c>
      <c r="HX7" s="69">
        <v>1498</v>
      </c>
      <c r="HY7" s="66">
        <v>436</v>
      </c>
      <c r="HZ7" s="67">
        <v>413</v>
      </c>
      <c r="IA7" s="68">
        <v>849</v>
      </c>
      <c r="IB7" s="275"/>
      <c r="IC7" s="67">
        <v>513</v>
      </c>
      <c r="ID7" s="67">
        <v>471</v>
      </c>
      <c r="IE7" s="67">
        <v>304</v>
      </c>
      <c r="IF7" s="67">
        <v>238</v>
      </c>
      <c r="IG7" s="67">
        <v>172</v>
      </c>
      <c r="IH7" s="68">
        <v>1698</v>
      </c>
      <c r="II7" s="69">
        <v>2547</v>
      </c>
      <c r="IJ7" s="66">
        <v>1098</v>
      </c>
      <c r="IK7" s="67">
        <v>958</v>
      </c>
      <c r="IL7" s="68">
        <v>2056</v>
      </c>
      <c r="IM7" s="275"/>
      <c r="IN7" s="67">
        <v>1285</v>
      </c>
      <c r="IO7" s="67">
        <v>1050</v>
      </c>
      <c r="IP7" s="67">
        <v>656</v>
      </c>
      <c r="IQ7" s="67">
        <v>512</v>
      </c>
      <c r="IR7" s="67">
        <v>360</v>
      </c>
      <c r="IS7" s="68">
        <v>3863</v>
      </c>
      <c r="IT7" s="69">
        <v>5919</v>
      </c>
      <c r="IU7" s="66">
        <v>1798</v>
      </c>
      <c r="IV7" s="67">
        <v>1546</v>
      </c>
      <c r="IW7" s="68">
        <v>3344</v>
      </c>
      <c r="IX7" s="275"/>
      <c r="IY7" s="67">
        <v>2291</v>
      </c>
      <c r="IZ7" s="67">
        <v>1857</v>
      </c>
      <c r="JA7" s="67">
        <v>1248</v>
      </c>
      <c r="JB7" s="67">
        <v>1019</v>
      </c>
      <c r="JC7" s="67">
        <v>550</v>
      </c>
      <c r="JD7" s="68">
        <v>6965</v>
      </c>
      <c r="JE7" s="69">
        <v>10309</v>
      </c>
      <c r="JF7" s="66">
        <v>1417</v>
      </c>
      <c r="JG7" s="67">
        <v>1415</v>
      </c>
      <c r="JH7" s="68">
        <v>2832</v>
      </c>
      <c r="JI7" s="275"/>
      <c r="JJ7" s="67">
        <v>2249</v>
      </c>
      <c r="JK7" s="67">
        <v>2245</v>
      </c>
      <c r="JL7" s="67">
        <v>1639</v>
      </c>
      <c r="JM7" s="67">
        <v>1416</v>
      </c>
      <c r="JN7" s="67">
        <v>715</v>
      </c>
      <c r="JO7" s="68">
        <v>8264</v>
      </c>
      <c r="JP7" s="69">
        <v>11096</v>
      </c>
      <c r="JQ7" s="66">
        <v>0</v>
      </c>
      <c r="JR7" s="67">
        <v>0</v>
      </c>
      <c r="JS7" s="68">
        <v>0</v>
      </c>
      <c r="JT7" s="275"/>
      <c r="JU7" s="67">
        <v>0</v>
      </c>
      <c r="JV7" s="67">
        <v>0</v>
      </c>
      <c r="JW7" s="67">
        <v>0</v>
      </c>
      <c r="JX7" s="67">
        <v>0</v>
      </c>
      <c r="JY7" s="67">
        <v>0</v>
      </c>
      <c r="JZ7" s="68">
        <v>0</v>
      </c>
      <c r="KA7" s="69">
        <v>0</v>
      </c>
      <c r="KB7" s="66">
        <v>5037</v>
      </c>
      <c r="KC7" s="67">
        <v>4667</v>
      </c>
      <c r="KD7" s="68">
        <v>9704</v>
      </c>
      <c r="KE7" s="275"/>
      <c r="KF7" s="67">
        <v>6700</v>
      </c>
      <c r="KG7" s="67">
        <v>6015</v>
      </c>
      <c r="KH7" s="67">
        <v>4093</v>
      </c>
      <c r="KI7" s="67">
        <v>3411</v>
      </c>
      <c r="KJ7" s="67">
        <v>1976</v>
      </c>
      <c r="KK7" s="68">
        <v>22195</v>
      </c>
      <c r="KL7" s="69">
        <v>31899</v>
      </c>
    </row>
    <row r="8" spans="1:298" ht="19.5" customHeight="1" x14ac:dyDescent="0.2">
      <c r="A8" s="129" t="s">
        <v>5</v>
      </c>
      <c r="B8" s="350">
        <v>1949</v>
      </c>
      <c r="C8" s="82">
        <v>2027</v>
      </c>
      <c r="D8" s="83">
        <v>3976</v>
      </c>
      <c r="E8" s="273"/>
      <c r="F8" s="82">
        <v>2131</v>
      </c>
      <c r="G8" s="82">
        <v>2480</v>
      </c>
      <c r="H8" s="82">
        <v>1606</v>
      </c>
      <c r="I8" s="82">
        <v>1231</v>
      </c>
      <c r="J8" s="82">
        <v>721</v>
      </c>
      <c r="K8" s="84">
        <v>8169</v>
      </c>
      <c r="L8" s="85">
        <v>12145</v>
      </c>
      <c r="M8" s="70">
        <v>21</v>
      </c>
      <c r="N8" s="71">
        <v>31</v>
      </c>
      <c r="O8" s="72">
        <v>52</v>
      </c>
      <c r="P8" s="276"/>
      <c r="Q8" s="71">
        <v>26</v>
      </c>
      <c r="R8" s="71">
        <v>51</v>
      </c>
      <c r="S8" s="71">
        <v>19</v>
      </c>
      <c r="T8" s="71">
        <v>22</v>
      </c>
      <c r="U8" s="71">
        <v>18</v>
      </c>
      <c r="V8" s="72">
        <v>136</v>
      </c>
      <c r="W8" s="73">
        <v>188</v>
      </c>
      <c r="X8" s="70">
        <v>67</v>
      </c>
      <c r="Y8" s="71">
        <v>90</v>
      </c>
      <c r="Z8" s="72">
        <v>157</v>
      </c>
      <c r="AA8" s="276"/>
      <c r="AB8" s="71">
        <v>85</v>
      </c>
      <c r="AC8" s="71">
        <v>112</v>
      </c>
      <c r="AD8" s="71">
        <v>75</v>
      </c>
      <c r="AE8" s="71">
        <v>54</v>
      </c>
      <c r="AF8" s="71">
        <v>55</v>
      </c>
      <c r="AG8" s="72">
        <v>381</v>
      </c>
      <c r="AH8" s="73">
        <v>538</v>
      </c>
      <c r="AI8" s="70">
        <v>145</v>
      </c>
      <c r="AJ8" s="71">
        <v>170</v>
      </c>
      <c r="AK8" s="72">
        <v>315</v>
      </c>
      <c r="AL8" s="276"/>
      <c r="AM8" s="71">
        <v>146</v>
      </c>
      <c r="AN8" s="71">
        <v>179</v>
      </c>
      <c r="AO8" s="71">
        <v>108</v>
      </c>
      <c r="AP8" s="71">
        <v>80</v>
      </c>
      <c r="AQ8" s="71">
        <v>60</v>
      </c>
      <c r="AR8" s="72">
        <v>573</v>
      </c>
      <c r="AS8" s="73">
        <v>888</v>
      </c>
      <c r="AT8" s="70">
        <v>397</v>
      </c>
      <c r="AU8" s="71">
        <v>398</v>
      </c>
      <c r="AV8" s="72">
        <v>795</v>
      </c>
      <c r="AW8" s="276"/>
      <c r="AX8" s="71">
        <v>409</v>
      </c>
      <c r="AY8" s="71">
        <v>403</v>
      </c>
      <c r="AZ8" s="71">
        <v>248</v>
      </c>
      <c r="BA8" s="71">
        <v>193</v>
      </c>
      <c r="BB8" s="71">
        <v>133</v>
      </c>
      <c r="BC8" s="72">
        <v>1386</v>
      </c>
      <c r="BD8" s="73">
        <v>2181</v>
      </c>
      <c r="BE8" s="70">
        <v>761</v>
      </c>
      <c r="BF8" s="71">
        <v>700</v>
      </c>
      <c r="BG8" s="72">
        <v>1461</v>
      </c>
      <c r="BH8" s="276"/>
      <c r="BI8" s="71">
        <v>781</v>
      </c>
      <c r="BJ8" s="71">
        <v>773</v>
      </c>
      <c r="BK8" s="71">
        <v>506</v>
      </c>
      <c r="BL8" s="71">
        <v>383</v>
      </c>
      <c r="BM8" s="71">
        <v>212</v>
      </c>
      <c r="BN8" s="72">
        <v>2655</v>
      </c>
      <c r="BO8" s="73">
        <v>4116</v>
      </c>
      <c r="BP8" s="70">
        <v>558</v>
      </c>
      <c r="BQ8" s="71">
        <v>638</v>
      </c>
      <c r="BR8" s="72">
        <v>1196</v>
      </c>
      <c r="BS8" s="276"/>
      <c r="BT8" s="71">
        <v>684</v>
      </c>
      <c r="BU8" s="71">
        <v>962</v>
      </c>
      <c r="BV8" s="71">
        <v>650</v>
      </c>
      <c r="BW8" s="71">
        <v>499</v>
      </c>
      <c r="BX8" s="71">
        <v>243</v>
      </c>
      <c r="BY8" s="72">
        <v>3038</v>
      </c>
      <c r="BZ8" s="73">
        <v>4234</v>
      </c>
      <c r="CA8" s="70">
        <v>0</v>
      </c>
      <c r="CB8" s="71">
        <v>0</v>
      </c>
      <c r="CC8" s="72">
        <v>0</v>
      </c>
      <c r="CD8" s="276"/>
      <c r="CE8" s="71">
        <v>0</v>
      </c>
      <c r="CF8" s="71">
        <v>0</v>
      </c>
      <c r="CG8" s="71">
        <v>0</v>
      </c>
      <c r="CH8" s="71">
        <v>0</v>
      </c>
      <c r="CI8" s="71">
        <v>0</v>
      </c>
      <c r="CJ8" s="72">
        <v>0</v>
      </c>
      <c r="CK8" s="73">
        <v>0</v>
      </c>
      <c r="CL8" s="70">
        <v>1949</v>
      </c>
      <c r="CM8" s="71">
        <v>2027</v>
      </c>
      <c r="CN8" s="72">
        <v>3976</v>
      </c>
      <c r="CO8" s="276"/>
      <c r="CP8" s="71">
        <v>2131</v>
      </c>
      <c r="CQ8" s="71">
        <v>2480</v>
      </c>
      <c r="CR8" s="71">
        <v>1606</v>
      </c>
      <c r="CS8" s="71">
        <v>1231</v>
      </c>
      <c r="CT8" s="71">
        <v>721</v>
      </c>
      <c r="CU8" s="72">
        <v>8169</v>
      </c>
      <c r="CV8" s="73">
        <v>12145</v>
      </c>
      <c r="CW8" s="126">
        <v>246</v>
      </c>
      <c r="CX8" s="82">
        <v>309</v>
      </c>
      <c r="CY8" s="83">
        <v>555</v>
      </c>
      <c r="CZ8" s="273"/>
      <c r="DA8" s="82">
        <v>317</v>
      </c>
      <c r="DB8" s="82">
        <v>334</v>
      </c>
      <c r="DC8" s="82">
        <v>241</v>
      </c>
      <c r="DD8" s="82">
        <v>238</v>
      </c>
      <c r="DE8" s="82">
        <v>153</v>
      </c>
      <c r="DF8" s="84">
        <v>1283</v>
      </c>
      <c r="DG8" s="85">
        <v>1838</v>
      </c>
      <c r="DH8" s="70">
        <v>5</v>
      </c>
      <c r="DI8" s="71">
        <v>8</v>
      </c>
      <c r="DJ8" s="72">
        <v>13</v>
      </c>
      <c r="DK8" s="276"/>
      <c r="DL8" s="71">
        <v>5</v>
      </c>
      <c r="DM8" s="71">
        <v>9</v>
      </c>
      <c r="DN8" s="71">
        <v>2</v>
      </c>
      <c r="DO8" s="71">
        <v>2</v>
      </c>
      <c r="DP8" s="71">
        <v>0</v>
      </c>
      <c r="DQ8" s="72">
        <v>18</v>
      </c>
      <c r="DR8" s="73">
        <v>31</v>
      </c>
      <c r="DS8" s="70">
        <v>17</v>
      </c>
      <c r="DT8" s="71">
        <v>28</v>
      </c>
      <c r="DU8" s="72">
        <v>45</v>
      </c>
      <c r="DV8" s="276"/>
      <c r="DW8" s="71">
        <v>12</v>
      </c>
      <c r="DX8" s="71">
        <v>9</v>
      </c>
      <c r="DY8" s="71">
        <v>1</v>
      </c>
      <c r="DZ8" s="71">
        <v>10</v>
      </c>
      <c r="EA8" s="71">
        <v>2</v>
      </c>
      <c r="EB8" s="72">
        <v>34</v>
      </c>
      <c r="EC8" s="73">
        <v>79</v>
      </c>
      <c r="ED8" s="70">
        <v>24</v>
      </c>
      <c r="EE8" s="71">
        <v>35</v>
      </c>
      <c r="EF8" s="72">
        <v>59</v>
      </c>
      <c r="EG8" s="276"/>
      <c r="EH8" s="71">
        <v>33</v>
      </c>
      <c r="EI8" s="71">
        <v>26</v>
      </c>
      <c r="EJ8" s="71">
        <v>15</v>
      </c>
      <c r="EK8" s="71">
        <v>13</v>
      </c>
      <c r="EL8" s="71">
        <v>13</v>
      </c>
      <c r="EM8" s="72">
        <v>100</v>
      </c>
      <c r="EN8" s="73">
        <v>159</v>
      </c>
      <c r="EO8" s="70">
        <v>76</v>
      </c>
      <c r="EP8" s="71">
        <v>76</v>
      </c>
      <c r="EQ8" s="72">
        <v>152</v>
      </c>
      <c r="ER8" s="276"/>
      <c r="ES8" s="71">
        <v>65</v>
      </c>
      <c r="ET8" s="71">
        <v>40</v>
      </c>
      <c r="EU8" s="71">
        <v>32</v>
      </c>
      <c r="EV8" s="71">
        <v>35</v>
      </c>
      <c r="EW8" s="71">
        <v>22</v>
      </c>
      <c r="EX8" s="72">
        <v>194</v>
      </c>
      <c r="EY8" s="73">
        <v>346</v>
      </c>
      <c r="EZ8" s="70">
        <v>70</v>
      </c>
      <c r="FA8" s="71">
        <v>85</v>
      </c>
      <c r="FB8" s="72">
        <v>155</v>
      </c>
      <c r="FC8" s="276"/>
      <c r="FD8" s="71">
        <v>94</v>
      </c>
      <c r="FE8" s="71">
        <v>97</v>
      </c>
      <c r="FF8" s="71">
        <v>60</v>
      </c>
      <c r="FG8" s="71">
        <v>54</v>
      </c>
      <c r="FH8" s="71">
        <v>41</v>
      </c>
      <c r="FI8" s="72">
        <v>346</v>
      </c>
      <c r="FJ8" s="73">
        <v>501</v>
      </c>
      <c r="FK8" s="70">
        <v>54</v>
      </c>
      <c r="FL8" s="71">
        <v>77</v>
      </c>
      <c r="FM8" s="72">
        <v>131</v>
      </c>
      <c r="FN8" s="276"/>
      <c r="FO8" s="71">
        <v>108</v>
      </c>
      <c r="FP8" s="71">
        <v>153</v>
      </c>
      <c r="FQ8" s="71">
        <v>131</v>
      </c>
      <c r="FR8" s="71">
        <v>124</v>
      </c>
      <c r="FS8" s="71">
        <v>75</v>
      </c>
      <c r="FT8" s="72">
        <v>591</v>
      </c>
      <c r="FU8" s="73">
        <v>722</v>
      </c>
      <c r="FV8" s="70">
        <v>0</v>
      </c>
      <c r="FW8" s="71">
        <v>0</v>
      </c>
      <c r="FX8" s="72">
        <v>0</v>
      </c>
      <c r="FY8" s="276"/>
      <c r="FZ8" s="71">
        <v>0</v>
      </c>
      <c r="GA8" s="71">
        <v>0</v>
      </c>
      <c r="GB8" s="71">
        <v>0</v>
      </c>
      <c r="GC8" s="71">
        <v>0</v>
      </c>
      <c r="GD8" s="71">
        <v>0</v>
      </c>
      <c r="GE8" s="72">
        <v>0</v>
      </c>
      <c r="GF8" s="73">
        <v>0</v>
      </c>
      <c r="GG8" s="70">
        <v>246</v>
      </c>
      <c r="GH8" s="71">
        <v>309</v>
      </c>
      <c r="GI8" s="72">
        <v>555</v>
      </c>
      <c r="GJ8" s="276"/>
      <c r="GK8" s="71">
        <v>317</v>
      </c>
      <c r="GL8" s="71">
        <v>334</v>
      </c>
      <c r="GM8" s="71">
        <v>241</v>
      </c>
      <c r="GN8" s="71">
        <v>238</v>
      </c>
      <c r="GO8" s="71">
        <v>153</v>
      </c>
      <c r="GP8" s="72">
        <v>1283</v>
      </c>
      <c r="GQ8" s="73">
        <v>1838</v>
      </c>
      <c r="GR8" s="126">
        <v>2195</v>
      </c>
      <c r="GS8" s="82">
        <v>2336</v>
      </c>
      <c r="GT8" s="83">
        <v>4531</v>
      </c>
      <c r="GU8" s="273"/>
      <c r="GV8" s="82">
        <v>2448</v>
      </c>
      <c r="GW8" s="82">
        <v>2814</v>
      </c>
      <c r="GX8" s="82">
        <v>1847</v>
      </c>
      <c r="GY8" s="82">
        <v>1469</v>
      </c>
      <c r="GZ8" s="82">
        <v>874</v>
      </c>
      <c r="HA8" s="84">
        <v>9452</v>
      </c>
      <c r="HB8" s="85">
        <v>13983</v>
      </c>
      <c r="HC8" s="70">
        <v>26</v>
      </c>
      <c r="HD8" s="71">
        <v>39</v>
      </c>
      <c r="HE8" s="72">
        <v>65</v>
      </c>
      <c r="HF8" s="276"/>
      <c r="HG8" s="71">
        <v>31</v>
      </c>
      <c r="HH8" s="71">
        <v>60</v>
      </c>
      <c r="HI8" s="71">
        <v>21</v>
      </c>
      <c r="HJ8" s="71">
        <v>24</v>
      </c>
      <c r="HK8" s="71">
        <v>18</v>
      </c>
      <c r="HL8" s="72">
        <v>154</v>
      </c>
      <c r="HM8" s="73">
        <v>219</v>
      </c>
      <c r="HN8" s="70">
        <v>84</v>
      </c>
      <c r="HO8" s="71">
        <v>118</v>
      </c>
      <c r="HP8" s="72">
        <v>202</v>
      </c>
      <c r="HQ8" s="276"/>
      <c r="HR8" s="71">
        <v>97</v>
      </c>
      <c r="HS8" s="71">
        <v>121</v>
      </c>
      <c r="HT8" s="71">
        <v>76</v>
      </c>
      <c r="HU8" s="71">
        <v>64</v>
      </c>
      <c r="HV8" s="71">
        <v>57</v>
      </c>
      <c r="HW8" s="72">
        <v>415</v>
      </c>
      <c r="HX8" s="73">
        <v>617</v>
      </c>
      <c r="HY8" s="70">
        <v>169</v>
      </c>
      <c r="HZ8" s="71">
        <v>205</v>
      </c>
      <c r="IA8" s="72">
        <v>374</v>
      </c>
      <c r="IB8" s="276"/>
      <c r="IC8" s="71">
        <v>179</v>
      </c>
      <c r="ID8" s="71">
        <v>205</v>
      </c>
      <c r="IE8" s="71">
        <v>123</v>
      </c>
      <c r="IF8" s="71">
        <v>93</v>
      </c>
      <c r="IG8" s="71">
        <v>73</v>
      </c>
      <c r="IH8" s="72">
        <v>673</v>
      </c>
      <c r="II8" s="73">
        <v>1047</v>
      </c>
      <c r="IJ8" s="70">
        <v>473</v>
      </c>
      <c r="IK8" s="71">
        <v>474</v>
      </c>
      <c r="IL8" s="72">
        <v>947</v>
      </c>
      <c r="IM8" s="276"/>
      <c r="IN8" s="71">
        <v>474</v>
      </c>
      <c r="IO8" s="71">
        <v>443</v>
      </c>
      <c r="IP8" s="71">
        <v>280</v>
      </c>
      <c r="IQ8" s="71">
        <v>228</v>
      </c>
      <c r="IR8" s="71">
        <v>155</v>
      </c>
      <c r="IS8" s="72">
        <v>1580</v>
      </c>
      <c r="IT8" s="73">
        <v>2527</v>
      </c>
      <c r="IU8" s="70">
        <v>831</v>
      </c>
      <c r="IV8" s="71">
        <v>785</v>
      </c>
      <c r="IW8" s="72">
        <v>1616</v>
      </c>
      <c r="IX8" s="276"/>
      <c r="IY8" s="71">
        <v>875</v>
      </c>
      <c r="IZ8" s="71">
        <v>870</v>
      </c>
      <c r="JA8" s="71">
        <v>566</v>
      </c>
      <c r="JB8" s="71">
        <v>437</v>
      </c>
      <c r="JC8" s="71">
        <v>253</v>
      </c>
      <c r="JD8" s="72">
        <v>3001</v>
      </c>
      <c r="JE8" s="73">
        <v>4617</v>
      </c>
      <c r="JF8" s="70">
        <v>612</v>
      </c>
      <c r="JG8" s="71">
        <v>715</v>
      </c>
      <c r="JH8" s="72">
        <v>1327</v>
      </c>
      <c r="JI8" s="276"/>
      <c r="JJ8" s="71">
        <v>792</v>
      </c>
      <c r="JK8" s="71">
        <v>1115</v>
      </c>
      <c r="JL8" s="71">
        <v>781</v>
      </c>
      <c r="JM8" s="71">
        <v>623</v>
      </c>
      <c r="JN8" s="71">
        <v>318</v>
      </c>
      <c r="JO8" s="72">
        <v>3629</v>
      </c>
      <c r="JP8" s="73">
        <v>4956</v>
      </c>
      <c r="JQ8" s="70">
        <v>0</v>
      </c>
      <c r="JR8" s="71">
        <v>0</v>
      </c>
      <c r="JS8" s="72">
        <v>0</v>
      </c>
      <c r="JT8" s="276"/>
      <c r="JU8" s="71">
        <v>0</v>
      </c>
      <c r="JV8" s="71">
        <v>0</v>
      </c>
      <c r="JW8" s="71">
        <v>0</v>
      </c>
      <c r="JX8" s="71">
        <v>0</v>
      </c>
      <c r="JY8" s="71">
        <v>0</v>
      </c>
      <c r="JZ8" s="72">
        <v>0</v>
      </c>
      <c r="KA8" s="73">
        <v>0</v>
      </c>
      <c r="KB8" s="70">
        <v>2195</v>
      </c>
      <c r="KC8" s="71">
        <v>2336</v>
      </c>
      <c r="KD8" s="72">
        <v>4531</v>
      </c>
      <c r="KE8" s="276"/>
      <c r="KF8" s="71">
        <v>2448</v>
      </c>
      <c r="KG8" s="71">
        <v>2814</v>
      </c>
      <c r="KH8" s="71">
        <v>1847</v>
      </c>
      <c r="KI8" s="71">
        <v>1469</v>
      </c>
      <c r="KJ8" s="71">
        <v>874</v>
      </c>
      <c r="KK8" s="72">
        <v>9452</v>
      </c>
      <c r="KL8" s="73">
        <v>13983</v>
      </c>
    </row>
    <row r="9" spans="1:298" ht="19.5" customHeight="1" x14ac:dyDescent="0.2">
      <c r="A9" s="129" t="s">
        <v>6</v>
      </c>
      <c r="B9" s="350">
        <v>530</v>
      </c>
      <c r="C9" s="82">
        <v>391</v>
      </c>
      <c r="D9" s="83">
        <v>921</v>
      </c>
      <c r="E9" s="273"/>
      <c r="F9" s="82">
        <v>799</v>
      </c>
      <c r="G9" s="82">
        <v>568</v>
      </c>
      <c r="H9" s="82">
        <v>394</v>
      </c>
      <c r="I9" s="82">
        <v>358</v>
      </c>
      <c r="J9" s="82">
        <v>221</v>
      </c>
      <c r="K9" s="84">
        <v>2340</v>
      </c>
      <c r="L9" s="85">
        <v>3261</v>
      </c>
      <c r="M9" s="70">
        <v>10</v>
      </c>
      <c r="N9" s="71">
        <v>8</v>
      </c>
      <c r="O9" s="72">
        <v>18</v>
      </c>
      <c r="P9" s="276"/>
      <c r="Q9" s="71">
        <v>17</v>
      </c>
      <c r="R9" s="71">
        <v>14</v>
      </c>
      <c r="S9" s="71">
        <v>6</v>
      </c>
      <c r="T9" s="71">
        <v>13</v>
      </c>
      <c r="U9" s="71">
        <v>7</v>
      </c>
      <c r="V9" s="72">
        <v>57</v>
      </c>
      <c r="W9" s="73">
        <v>75</v>
      </c>
      <c r="X9" s="70">
        <v>21</v>
      </c>
      <c r="Y9" s="71">
        <v>17</v>
      </c>
      <c r="Z9" s="72">
        <v>38</v>
      </c>
      <c r="AA9" s="276"/>
      <c r="AB9" s="71">
        <v>40</v>
      </c>
      <c r="AC9" s="71">
        <v>28</v>
      </c>
      <c r="AD9" s="71">
        <v>19</v>
      </c>
      <c r="AE9" s="71">
        <v>23</v>
      </c>
      <c r="AF9" s="71">
        <v>21</v>
      </c>
      <c r="AG9" s="72">
        <v>131</v>
      </c>
      <c r="AH9" s="73">
        <v>169</v>
      </c>
      <c r="AI9" s="70">
        <v>38</v>
      </c>
      <c r="AJ9" s="71">
        <v>33</v>
      </c>
      <c r="AK9" s="72">
        <v>71</v>
      </c>
      <c r="AL9" s="276"/>
      <c r="AM9" s="71">
        <v>56</v>
      </c>
      <c r="AN9" s="71">
        <v>43</v>
      </c>
      <c r="AO9" s="71">
        <v>28</v>
      </c>
      <c r="AP9" s="71">
        <v>23</v>
      </c>
      <c r="AQ9" s="71">
        <v>14</v>
      </c>
      <c r="AR9" s="72">
        <v>164</v>
      </c>
      <c r="AS9" s="73">
        <v>235</v>
      </c>
      <c r="AT9" s="70">
        <v>106</v>
      </c>
      <c r="AU9" s="71">
        <v>56</v>
      </c>
      <c r="AV9" s="72">
        <v>162</v>
      </c>
      <c r="AW9" s="276"/>
      <c r="AX9" s="71">
        <v>135</v>
      </c>
      <c r="AY9" s="71">
        <v>99</v>
      </c>
      <c r="AZ9" s="71">
        <v>67</v>
      </c>
      <c r="BA9" s="71">
        <v>43</v>
      </c>
      <c r="BB9" s="71">
        <v>37</v>
      </c>
      <c r="BC9" s="72">
        <v>381</v>
      </c>
      <c r="BD9" s="73">
        <v>543</v>
      </c>
      <c r="BE9" s="70">
        <v>196</v>
      </c>
      <c r="BF9" s="71">
        <v>143</v>
      </c>
      <c r="BG9" s="72">
        <v>339</v>
      </c>
      <c r="BH9" s="276"/>
      <c r="BI9" s="71">
        <v>262</v>
      </c>
      <c r="BJ9" s="71">
        <v>177</v>
      </c>
      <c r="BK9" s="71">
        <v>120</v>
      </c>
      <c r="BL9" s="71">
        <v>99</v>
      </c>
      <c r="BM9" s="71">
        <v>68</v>
      </c>
      <c r="BN9" s="72">
        <v>726</v>
      </c>
      <c r="BO9" s="73">
        <v>1065</v>
      </c>
      <c r="BP9" s="70">
        <v>159</v>
      </c>
      <c r="BQ9" s="71">
        <v>134</v>
      </c>
      <c r="BR9" s="72">
        <v>293</v>
      </c>
      <c r="BS9" s="276"/>
      <c r="BT9" s="71">
        <v>289</v>
      </c>
      <c r="BU9" s="71">
        <v>207</v>
      </c>
      <c r="BV9" s="71">
        <v>154</v>
      </c>
      <c r="BW9" s="71">
        <v>157</v>
      </c>
      <c r="BX9" s="71">
        <v>74</v>
      </c>
      <c r="BY9" s="72">
        <v>881</v>
      </c>
      <c r="BZ9" s="73">
        <v>1174</v>
      </c>
      <c r="CA9" s="70">
        <v>0</v>
      </c>
      <c r="CB9" s="71">
        <v>0</v>
      </c>
      <c r="CC9" s="72">
        <v>0</v>
      </c>
      <c r="CD9" s="276"/>
      <c r="CE9" s="71">
        <v>0</v>
      </c>
      <c r="CF9" s="71">
        <v>0</v>
      </c>
      <c r="CG9" s="71">
        <v>0</v>
      </c>
      <c r="CH9" s="71">
        <v>0</v>
      </c>
      <c r="CI9" s="71">
        <v>0</v>
      </c>
      <c r="CJ9" s="72">
        <v>0</v>
      </c>
      <c r="CK9" s="73">
        <v>0</v>
      </c>
      <c r="CL9" s="70">
        <v>530</v>
      </c>
      <c r="CM9" s="71">
        <v>391</v>
      </c>
      <c r="CN9" s="72">
        <v>921</v>
      </c>
      <c r="CO9" s="276"/>
      <c r="CP9" s="71">
        <v>799</v>
      </c>
      <c r="CQ9" s="71">
        <v>568</v>
      </c>
      <c r="CR9" s="71">
        <v>394</v>
      </c>
      <c r="CS9" s="71">
        <v>358</v>
      </c>
      <c r="CT9" s="71">
        <v>221</v>
      </c>
      <c r="CU9" s="72">
        <v>2340</v>
      </c>
      <c r="CV9" s="73">
        <v>3261</v>
      </c>
      <c r="CW9" s="126">
        <v>116</v>
      </c>
      <c r="CX9" s="82">
        <v>90</v>
      </c>
      <c r="CY9" s="83">
        <v>206</v>
      </c>
      <c r="CZ9" s="273"/>
      <c r="DA9" s="82">
        <v>103</v>
      </c>
      <c r="DB9" s="82">
        <v>106</v>
      </c>
      <c r="DC9" s="82">
        <v>82</v>
      </c>
      <c r="DD9" s="82">
        <v>81</v>
      </c>
      <c r="DE9" s="82">
        <v>67</v>
      </c>
      <c r="DF9" s="84">
        <v>439</v>
      </c>
      <c r="DG9" s="85">
        <v>645</v>
      </c>
      <c r="DH9" s="70">
        <v>1</v>
      </c>
      <c r="DI9" s="71">
        <v>2</v>
      </c>
      <c r="DJ9" s="72">
        <v>3</v>
      </c>
      <c r="DK9" s="276"/>
      <c r="DL9" s="71">
        <v>1</v>
      </c>
      <c r="DM9" s="71">
        <v>2</v>
      </c>
      <c r="DN9" s="71">
        <v>2</v>
      </c>
      <c r="DO9" s="71">
        <v>2</v>
      </c>
      <c r="DP9" s="71">
        <v>3</v>
      </c>
      <c r="DQ9" s="72">
        <v>10</v>
      </c>
      <c r="DR9" s="73">
        <v>13</v>
      </c>
      <c r="DS9" s="70">
        <v>7</v>
      </c>
      <c r="DT9" s="71">
        <v>9</v>
      </c>
      <c r="DU9" s="72">
        <v>16</v>
      </c>
      <c r="DV9" s="276"/>
      <c r="DW9" s="71">
        <v>4</v>
      </c>
      <c r="DX9" s="71">
        <v>7</v>
      </c>
      <c r="DY9" s="71">
        <v>3</v>
      </c>
      <c r="DZ9" s="71">
        <v>2</v>
      </c>
      <c r="EA9" s="71">
        <v>2</v>
      </c>
      <c r="EB9" s="72">
        <v>18</v>
      </c>
      <c r="EC9" s="73">
        <v>34</v>
      </c>
      <c r="ED9" s="70">
        <v>18</v>
      </c>
      <c r="EE9" s="71">
        <v>6</v>
      </c>
      <c r="EF9" s="72">
        <v>24</v>
      </c>
      <c r="EG9" s="276"/>
      <c r="EH9" s="71">
        <v>8</v>
      </c>
      <c r="EI9" s="71">
        <v>8</v>
      </c>
      <c r="EJ9" s="71">
        <v>4</v>
      </c>
      <c r="EK9" s="71">
        <v>3</v>
      </c>
      <c r="EL9" s="71">
        <v>4</v>
      </c>
      <c r="EM9" s="72">
        <v>27</v>
      </c>
      <c r="EN9" s="73">
        <v>51</v>
      </c>
      <c r="EO9" s="70">
        <v>32</v>
      </c>
      <c r="EP9" s="71">
        <v>27</v>
      </c>
      <c r="EQ9" s="72">
        <v>59</v>
      </c>
      <c r="ER9" s="276"/>
      <c r="ES9" s="71">
        <v>17</v>
      </c>
      <c r="ET9" s="71">
        <v>12</v>
      </c>
      <c r="EU9" s="71">
        <v>18</v>
      </c>
      <c r="EV9" s="71">
        <v>8</v>
      </c>
      <c r="EW9" s="71">
        <v>10</v>
      </c>
      <c r="EX9" s="72">
        <v>65</v>
      </c>
      <c r="EY9" s="73">
        <v>124</v>
      </c>
      <c r="EZ9" s="70">
        <v>37</v>
      </c>
      <c r="FA9" s="71">
        <v>31</v>
      </c>
      <c r="FB9" s="72">
        <v>68</v>
      </c>
      <c r="FC9" s="276"/>
      <c r="FD9" s="71">
        <v>40</v>
      </c>
      <c r="FE9" s="71">
        <v>35</v>
      </c>
      <c r="FF9" s="71">
        <v>23</v>
      </c>
      <c r="FG9" s="71">
        <v>27</v>
      </c>
      <c r="FH9" s="71">
        <v>19</v>
      </c>
      <c r="FI9" s="72">
        <v>144</v>
      </c>
      <c r="FJ9" s="73">
        <v>212</v>
      </c>
      <c r="FK9" s="70">
        <v>21</v>
      </c>
      <c r="FL9" s="71">
        <v>15</v>
      </c>
      <c r="FM9" s="72">
        <v>36</v>
      </c>
      <c r="FN9" s="276"/>
      <c r="FO9" s="71">
        <v>33</v>
      </c>
      <c r="FP9" s="71">
        <v>42</v>
      </c>
      <c r="FQ9" s="71">
        <v>32</v>
      </c>
      <c r="FR9" s="71">
        <v>39</v>
      </c>
      <c r="FS9" s="71">
        <v>29</v>
      </c>
      <c r="FT9" s="72">
        <v>175</v>
      </c>
      <c r="FU9" s="73">
        <v>211</v>
      </c>
      <c r="FV9" s="70">
        <v>0</v>
      </c>
      <c r="FW9" s="71">
        <v>0</v>
      </c>
      <c r="FX9" s="72">
        <v>0</v>
      </c>
      <c r="FY9" s="276"/>
      <c r="FZ9" s="71">
        <v>0</v>
      </c>
      <c r="GA9" s="71">
        <v>0</v>
      </c>
      <c r="GB9" s="71">
        <v>0</v>
      </c>
      <c r="GC9" s="71">
        <v>0</v>
      </c>
      <c r="GD9" s="71">
        <v>0</v>
      </c>
      <c r="GE9" s="72">
        <v>0</v>
      </c>
      <c r="GF9" s="73">
        <v>0</v>
      </c>
      <c r="GG9" s="70">
        <v>116</v>
      </c>
      <c r="GH9" s="71">
        <v>90</v>
      </c>
      <c r="GI9" s="72">
        <v>206</v>
      </c>
      <c r="GJ9" s="276"/>
      <c r="GK9" s="71">
        <v>103</v>
      </c>
      <c r="GL9" s="71">
        <v>106</v>
      </c>
      <c r="GM9" s="71">
        <v>82</v>
      </c>
      <c r="GN9" s="71">
        <v>81</v>
      </c>
      <c r="GO9" s="71">
        <v>67</v>
      </c>
      <c r="GP9" s="72">
        <v>439</v>
      </c>
      <c r="GQ9" s="73">
        <v>645</v>
      </c>
      <c r="GR9" s="126">
        <v>646</v>
      </c>
      <c r="GS9" s="82">
        <v>481</v>
      </c>
      <c r="GT9" s="83">
        <v>1127</v>
      </c>
      <c r="GU9" s="273"/>
      <c r="GV9" s="82">
        <v>902</v>
      </c>
      <c r="GW9" s="82">
        <v>674</v>
      </c>
      <c r="GX9" s="82">
        <v>476</v>
      </c>
      <c r="GY9" s="82">
        <v>439</v>
      </c>
      <c r="GZ9" s="82">
        <v>288</v>
      </c>
      <c r="HA9" s="84">
        <v>2779</v>
      </c>
      <c r="HB9" s="85">
        <v>3906</v>
      </c>
      <c r="HC9" s="70">
        <v>11</v>
      </c>
      <c r="HD9" s="71">
        <v>10</v>
      </c>
      <c r="HE9" s="72">
        <v>21</v>
      </c>
      <c r="HF9" s="276"/>
      <c r="HG9" s="71">
        <v>18</v>
      </c>
      <c r="HH9" s="71">
        <v>16</v>
      </c>
      <c r="HI9" s="71">
        <v>8</v>
      </c>
      <c r="HJ9" s="71">
        <v>15</v>
      </c>
      <c r="HK9" s="71">
        <v>10</v>
      </c>
      <c r="HL9" s="72">
        <v>67</v>
      </c>
      <c r="HM9" s="73">
        <v>88</v>
      </c>
      <c r="HN9" s="70">
        <v>28</v>
      </c>
      <c r="HO9" s="71">
        <v>26</v>
      </c>
      <c r="HP9" s="72">
        <v>54</v>
      </c>
      <c r="HQ9" s="276"/>
      <c r="HR9" s="71">
        <v>44</v>
      </c>
      <c r="HS9" s="71">
        <v>35</v>
      </c>
      <c r="HT9" s="71">
        <v>22</v>
      </c>
      <c r="HU9" s="71">
        <v>25</v>
      </c>
      <c r="HV9" s="71">
        <v>23</v>
      </c>
      <c r="HW9" s="72">
        <v>149</v>
      </c>
      <c r="HX9" s="73">
        <v>203</v>
      </c>
      <c r="HY9" s="70">
        <v>56</v>
      </c>
      <c r="HZ9" s="71">
        <v>39</v>
      </c>
      <c r="IA9" s="72">
        <v>95</v>
      </c>
      <c r="IB9" s="276"/>
      <c r="IC9" s="71">
        <v>64</v>
      </c>
      <c r="ID9" s="71">
        <v>51</v>
      </c>
      <c r="IE9" s="71">
        <v>32</v>
      </c>
      <c r="IF9" s="71">
        <v>26</v>
      </c>
      <c r="IG9" s="71">
        <v>18</v>
      </c>
      <c r="IH9" s="72">
        <v>191</v>
      </c>
      <c r="II9" s="73">
        <v>286</v>
      </c>
      <c r="IJ9" s="70">
        <v>138</v>
      </c>
      <c r="IK9" s="71">
        <v>83</v>
      </c>
      <c r="IL9" s="72">
        <v>221</v>
      </c>
      <c r="IM9" s="276"/>
      <c r="IN9" s="71">
        <v>152</v>
      </c>
      <c r="IO9" s="71">
        <v>111</v>
      </c>
      <c r="IP9" s="71">
        <v>85</v>
      </c>
      <c r="IQ9" s="71">
        <v>51</v>
      </c>
      <c r="IR9" s="71">
        <v>47</v>
      </c>
      <c r="IS9" s="72">
        <v>446</v>
      </c>
      <c r="IT9" s="73">
        <v>667</v>
      </c>
      <c r="IU9" s="70">
        <v>233</v>
      </c>
      <c r="IV9" s="71">
        <v>174</v>
      </c>
      <c r="IW9" s="72">
        <v>407</v>
      </c>
      <c r="IX9" s="276"/>
      <c r="IY9" s="71">
        <v>302</v>
      </c>
      <c r="IZ9" s="71">
        <v>212</v>
      </c>
      <c r="JA9" s="71">
        <v>143</v>
      </c>
      <c r="JB9" s="71">
        <v>126</v>
      </c>
      <c r="JC9" s="71">
        <v>87</v>
      </c>
      <c r="JD9" s="72">
        <v>870</v>
      </c>
      <c r="JE9" s="73">
        <v>1277</v>
      </c>
      <c r="JF9" s="70">
        <v>180</v>
      </c>
      <c r="JG9" s="71">
        <v>149</v>
      </c>
      <c r="JH9" s="72">
        <v>329</v>
      </c>
      <c r="JI9" s="276"/>
      <c r="JJ9" s="71">
        <v>322</v>
      </c>
      <c r="JK9" s="71">
        <v>249</v>
      </c>
      <c r="JL9" s="71">
        <v>186</v>
      </c>
      <c r="JM9" s="71">
        <v>196</v>
      </c>
      <c r="JN9" s="71">
        <v>103</v>
      </c>
      <c r="JO9" s="72">
        <v>1056</v>
      </c>
      <c r="JP9" s="73">
        <v>1385</v>
      </c>
      <c r="JQ9" s="70">
        <v>0</v>
      </c>
      <c r="JR9" s="71">
        <v>0</v>
      </c>
      <c r="JS9" s="72">
        <v>0</v>
      </c>
      <c r="JT9" s="276"/>
      <c r="JU9" s="71">
        <v>0</v>
      </c>
      <c r="JV9" s="71">
        <v>0</v>
      </c>
      <c r="JW9" s="71">
        <v>0</v>
      </c>
      <c r="JX9" s="71">
        <v>0</v>
      </c>
      <c r="JY9" s="71">
        <v>0</v>
      </c>
      <c r="JZ9" s="72">
        <v>0</v>
      </c>
      <c r="KA9" s="73">
        <v>0</v>
      </c>
      <c r="KB9" s="70">
        <v>646</v>
      </c>
      <c r="KC9" s="71">
        <v>481</v>
      </c>
      <c r="KD9" s="72">
        <v>1127</v>
      </c>
      <c r="KE9" s="276"/>
      <c r="KF9" s="71">
        <v>902</v>
      </c>
      <c r="KG9" s="71">
        <v>674</v>
      </c>
      <c r="KH9" s="71">
        <v>476</v>
      </c>
      <c r="KI9" s="71">
        <v>439</v>
      </c>
      <c r="KJ9" s="71">
        <v>288</v>
      </c>
      <c r="KK9" s="72">
        <v>2779</v>
      </c>
      <c r="KL9" s="73">
        <v>3906</v>
      </c>
    </row>
    <row r="10" spans="1:298" ht="19.5" customHeight="1" x14ac:dyDescent="0.2">
      <c r="A10" s="129" t="s">
        <v>14</v>
      </c>
      <c r="B10" s="350">
        <v>297</v>
      </c>
      <c r="C10" s="82">
        <v>322</v>
      </c>
      <c r="D10" s="83">
        <v>619</v>
      </c>
      <c r="E10" s="273"/>
      <c r="F10" s="82">
        <v>425</v>
      </c>
      <c r="G10" s="82">
        <v>371</v>
      </c>
      <c r="H10" s="82">
        <v>277</v>
      </c>
      <c r="I10" s="82">
        <v>213</v>
      </c>
      <c r="J10" s="82">
        <v>132</v>
      </c>
      <c r="K10" s="84">
        <v>1418</v>
      </c>
      <c r="L10" s="85">
        <v>2037</v>
      </c>
      <c r="M10" s="70">
        <v>5</v>
      </c>
      <c r="N10" s="71">
        <v>6</v>
      </c>
      <c r="O10" s="72">
        <v>11</v>
      </c>
      <c r="P10" s="276"/>
      <c r="Q10" s="71">
        <v>4</v>
      </c>
      <c r="R10" s="71">
        <v>4</v>
      </c>
      <c r="S10" s="71">
        <v>7</v>
      </c>
      <c r="T10" s="71">
        <v>3</v>
      </c>
      <c r="U10" s="71">
        <v>4</v>
      </c>
      <c r="V10" s="72">
        <v>22</v>
      </c>
      <c r="W10" s="73">
        <v>33</v>
      </c>
      <c r="X10" s="70">
        <v>14</v>
      </c>
      <c r="Y10" s="71">
        <v>16</v>
      </c>
      <c r="Z10" s="72">
        <v>30</v>
      </c>
      <c r="AA10" s="276"/>
      <c r="AB10" s="71">
        <v>19</v>
      </c>
      <c r="AC10" s="71">
        <v>11</v>
      </c>
      <c r="AD10" s="71">
        <v>19</v>
      </c>
      <c r="AE10" s="71">
        <v>16</v>
      </c>
      <c r="AF10" s="71">
        <v>12</v>
      </c>
      <c r="AG10" s="72">
        <v>77</v>
      </c>
      <c r="AH10" s="73">
        <v>107</v>
      </c>
      <c r="AI10" s="70">
        <v>29</v>
      </c>
      <c r="AJ10" s="71">
        <v>34</v>
      </c>
      <c r="AK10" s="72">
        <v>63</v>
      </c>
      <c r="AL10" s="276"/>
      <c r="AM10" s="71">
        <v>43</v>
      </c>
      <c r="AN10" s="71">
        <v>42</v>
      </c>
      <c r="AO10" s="71">
        <v>20</v>
      </c>
      <c r="AP10" s="71">
        <v>19</v>
      </c>
      <c r="AQ10" s="71">
        <v>14</v>
      </c>
      <c r="AR10" s="72">
        <v>138</v>
      </c>
      <c r="AS10" s="73">
        <v>201</v>
      </c>
      <c r="AT10" s="70">
        <v>66</v>
      </c>
      <c r="AU10" s="71">
        <v>80</v>
      </c>
      <c r="AV10" s="72">
        <v>146</v>
      </c>
      <c r="AW10" s="276"/>
      <c r="AX10" s="71">
        <v>96</v>
      </c>
      <c r="AY10" s="71">
        <v>77</v>
      </c>
      <c r="AZ10" s="71">
        <v>52</v>
      </c>
      <c r="BA10" s="71">
        <v>45</v>
      </c>
      <c r="BB10" s="71">
        <v>20</v>
      </c>
      <c r="BC10" s="72">
        <v>290</v>
      </c>
      <c r="BD10" s="73">
        <v>436</v>
      </c>
      <c r="BE10" s="70">
        <v>103</v>
      </c>
      <c r="BF10" s="71">
        <v>94</v>
      </c>
      <c r="BG10" s="72">
        <v>197</v>
      </c>
      <c r="BH10" s="276"/>
      <c r="BI10" s="71">
        <v>131</v>
      </c>
      <c r="BJ10" s="71">
        <v>127</v>
      </c>
      <c r="BK10" s="71">
        <v>86</v>
      </c>
      <c r="BL10" s="71">
        <v>56</v>
      </c>
      <c r="BM10" s="71">
        <v>40</v>
      </c>
      <c r="BN10" s="72">
        <v>440</v>
      </c>
      <c r="BO10" s="73">
        <v>637</v>
      </c>
      <c r="BP10" s="70">
        <v>80</v>
      </c>
      <c r="BQ10" s="71">
        <v>92</v>
      </c>
      <c r="BR10" s="72">
        <v>172</v>
      </c>
      <c r="BS10" s="276"/>
      <c r="BT10" s="71">
        <v>132</v>
      </c>
      <c r="BU10" s="71">
        <v>110</v>
      </c>
      <c r="BV10" s="71">
        <v>93</v>
      </c>
      <c r="BW10" s="71">
        <v>74</v>
      </c>
      <c r="BX10" s="71">
        <v>42</v>
      </c>
      <c r="BY10" s="72">
        <v>451</v>
      </c>
      <c r="BZ10" s="73">
        <v>623</v>
      </c>
      <c r="CA10" s="70">
        <v>0</v>
      </c>
      <c r="CB10" s="71">
        <v>0</v>
      </c>
      <c r="CC10" s="72">
        <v>0</v>
      </c>
      <c r="CD10" s="276"/>
      <c r="CE10" s="71">
        <v>0</v>
      </c>
      <c r="CF10" s="71">
        <v>0</v>
      </c>
      <c r="CG10" s="71">
        <v>0</v>
      </c>
      <c r="CH10" s="71">
        <v>0</v>
      </c>
      <c r="CI10" s="71">
        <v>0</v>
      </c>
      <c r="CJ10" s="72">
        <v>0</v>
      </c>
      <c r="CK10" s="73">
        <v>0</v>
      </c>
      <c r="CL10" s="70">
        <v>297</v>
      </c>
      <c r="CM10" s="71">
        <v>322</v>
      </c>
      <c r="CN10" s="72">
        <v>619</v>
      </c>
      <c r="CO10" s="276"/>
      <c r="CP10" s="71">
        <v>425</v>
      </c>
      <c r="CQ10" s="71">
        <v>371</v>
      </c>
      <c r="CR10" s="71">
        <v>277</v>
      </c>
      <c r="CS10" s="71">
        <v>213</v>
      </c>
      <c r="CT10" s="71">
        <v>132</v>
      </c>
      <c r="CU10" s="72">
        <v>1418</v>
      </c>
      <c r="CV10" s="73">
        <v>2037</v>
      </c>
      <c r="CW10" s="126">
        <v>36</v>
      </c>
      <c r="CX10" s="82">
        <v>38</v>
      </c>
      <c r="CY10" s="83">
        <v>74</v>
      </c>
      <c r="CZ10" s="273"/>
      <c r="DA10" s="82">
        <v>50</v>
      </c>
      <c r="DB10" s="82">
        <v>43</v>
      </c>
      <c r="DC10" s="82">
        <v>30</v>
      </c>
      <c r="DD10" s="82">
        <v>30</v>
      </c>
      <c r="DE10" s="82">
        <v>16</v>
      </c>
      <c r="DF10" s="84">
        <v>169</v>
      </c>
      <c r="DG10" s="85">
        <v>243</v>
      </c>
      <c r="DH10" s="70">
        <v>0</v>
      </c>
      <c r="DI10" s="71">
        <v>2</v>
      </c>
      <c r="DJ10" s="72">
        <v>2</v>
      </c>
      <c r="DK10" s="276"/>
      <c r="DL10" s="71">
        <v>1</v>
      </c>
      <c r="DM10" s="71">
        <v>0</v>
      </c>
      <c r="DN10" s="71">
        <v>0</v>
      </c>
      <c r="DO10" s="71">
        <v>0</v>
      </c>
      <c r="DP10" s="71">
        <v>0</v>
      </c>
      <c r="DQ10" s="72">
        <v>1</v>
      </c>
      <c r="DR10" s="73">
        <v>3</v>
      </c>
      <c r="DS10" s="70">
        <v>6</v>
      </c>
      <c r="DT10" s="71">
        <v>4</v>
      </c>
      <c r="DU10" s="72">
        <v>10</v>
      </c>
      <c r="DV10" s="276"/>
      <c r="DW10" s="71">
        <v>1</v>
      </c>
      <c r="DX10" s="71">
        <v>1</v>
      </c>
      <c r="DY10" s="71">
        <v>3</v>
      </c>
      <c r="DZ10" s="71">
        <v>1</v>
      </c>
      <c r="EA10" s="71">
        <v>3</v>
      </c>
      <c r="EB10" s="72">
        <v>9</v>
      </c>
      <c r="EC10" s="73">
        <v>19</v>
      </c>
      <c r="ED10" s="70">
        <v>4</v>
      </c>
      <c r="EE10" s="71">
        <v>4</v>
      </c>
      <c r="EF10" s="72">
        <v>8</v>
      </c>
      <c r="EG10" s="276"/>
      <c r="EH10" s="71">
        <v>9</v>
      </c>
      <c r="EI10" s="71">
        <v>3</v>
      </c>
      <c r="EJ10" s="71">
        <v>2</v>
      </c>
      <c r="EK10" s="71">
        <v>4</v>
      </c>
      <c r="EL10" s="71">
        <v>0</v>
      </c>
      <c r="EM10" s="72">
        <v>18</v>
      </c>
      <c r="EN10" s="73">
        <v>26</v>
      </c>
      <c r="EO10" s="70">
        <v>9</v>
      </c>
      <c r="EP10" s="71">
        <v>9</v>
      </c>
      <c r="EQ10" s="72">
        <v>18</v>
      </c>
      <c r="ER10" s="276"/>
      <c r="ES10" s="71">
        <v>6</v>
      </c>
      <c r="ET10" s="71">
        <v>9</v>
      </c>
      <c r="EU10" s="71">
        <v>9</v>
      </c>
      <c r="EV10" s="71">
        <v>4</v>
      </c>
      <c r="EW10" s="71">
        <v>1</v>
      </c>
      <c r="EX10" s="72">
        <v>29</v>
      </c>
      <c r="EY10" s="73">
        <v>47</v>
      </c>
      <c r="EZ10" s="70">
        <v>12</v>
      </c>
      <c r="FA10" s="71">
        <v>8</v>
      </c>
      <c r="FB10" s="72">
        <v>20</v>
      </c>
      <c r="FC10" s="276"/>
      <c r="FD10" s="71">
        <v>13</v>
      </c>
      <c r="FE10" s="71">
        <v>13</v>
      </c>
      <c r="FF10" s="71">
        <v>4</v>
      </c>
      <c r="FG10" s="71">
        <v>8</v>
      </c>
      <c r="FH10" s="71">
        <v>2</v>
      </c>
      <c r="FI10" s="72">
        <v>40</v>
      </c>
      <c r="FJ10" s="73">
        <v>60</v>
      </c>
      <c r="FK10" s="70">
        <v>5</v>
      </c>
      <c r="FL10" s="71">
        <v>11</v>
      </c>
      <c r="FM10" s="72">
        <v>16</v>
      </c>
      <c r="FN10" s="276"/>
      <c r="FO10" s="71">
        <v>20</v>
      </c>
      <c r="FP10" s="71">
        <v>17</v>
      </c>
      <c r="FQ10" s="71">
        <v>12</v>
      </c>
      <c r="FR10" s="71">
        <v>13</v>
      </c>
      <c r="FS10" s="71">
        <v>10</v>
      </c>
      <c r="FT10" s="72">
        <v>72</v>
      </c>
      <c r="FU10" s="73">
        <v>88</v>
      </c>
      <c r="FV10" s="70">
        <v>0</v>
      </c>
      <c r="FW10" s="71">
        <v>0</v>
      </c>
      <c r="FX10" s="72">
        <v>0</v>
      </c>
      <c r="FY10" s="276"/>
      <c r="FZ10" s="71">
        <v>0</v>
      </c>
      <c r="GA10" s="71">
        <v>0</v>
      </c>
      <c r="GB10" s="71">
        <v>0</v>
      </c>
      <c r="GC10" s="71">
        <v>0</v>
      </c>
      <c r="GD10" s="71">
        <v>0</v>
      </c>
      <c r="GE10" s="72">
        <v>0</v>
      </c>
      <c r="GF10" s="73">
        <v>0</v>
      </c>
      <c r="GG10" s="70">
        <v>36</v>
      </c>
      <c r="GH10" s="71">
        <v>38</v>
      </c>
      <c r="GI10" s="72">
        <v>74</v>
      </c>
      <c r="GJ10" s="276"/>
      <c r="GK10" s="71">
        <v>50</v>
      </c>
      <c r="GL10" s="71">
        <v>43</v>
      </c>
      <c r="GM10" s="71">
        <v>30</v>
      </c>
      <c r="GN10" s="71">
        <v>30</v>
      </c>
      <c r="GO10" s="71">
        <v>16</v>
      </c>
      <c r="GP10" s="72">
        <v>169</v>
      </c>
      <c r="GQ10" s="73">
        <v>243</v>
      </c>
      <c r="GR10" s="126">
        <v>333</v>
      </c>
      <c r="GS10" s="82">
        <v>360</v>
      </c>
      <c r="GT10" s="83">
        <v>693</v>
      </c>
      <c r="GU10" s="273"/>
      <c r="GV10" s="82">
        <v>475</v>
      </c>
      <c r="GW10" s="82">
        <v>414</v>
      </c>
      <c r="GX10" s="82">
        <v>307</v>
      </c>
      <c r="GY10" s="82">
        <v>243</v>
      </c>
      <c r="GZ10" s="82">
        <v>148</v>
      </c>
      <c r="HA10" s="84">
        <v>1587</v>
      </c>
      <c r="HB10" s="85">
        <v>2280</v>
      </c>
      <c r="HC10" s="70">
        <v>5</v>
      </c>
      <c r="HD10" s="71">
        <v>8</v>
      </c>
      <c r="HE10" s="72">
        <v>13</v>
      </c>
      <c r="HF10" s="276"/>
      <c r="HG10" s="71">
        <v>5</v>
      </c>
      <c r="HH10" s="71">
        <v>4</v>
      </c>
      <c r="HI10" s="71">
        <v>7</v>
      </c>
      <c r="HJ10" s="71">
        <v>3</v>
      </c>
      <c r="HK10" s="71">
        <v>4</v>
      </c>
      <c r="HL10" s="72">
        <v>23</v>
      </c>
      <c r="HM10" s="73">
        <v>36</v>
      </c>
      <c r="HN10" s="70">
        <v>20</v>
      </c>
      <c r="HO10" s="71">
        <v>20</v>
      </c>
      <c r="HP10" s="72">
        <v>40</v>
      </c>
      <c r="HQ10" s="276"/>
      <c r="HR10" s="71">
        <v>20</v>
      </c>
      <c r="HS10" s="71">
        <v>12</v>
      </c>
      <c r="HT10" s="71">
        <v>22</v>
      </c>
      <c r="HU10" s="71">
        <v>17</v>
      </c>
      <c r="HV10" s="71">
        <v>15</v>
      </c>
      <c r="HW10" s="72">
        <v>86</v>
      </c>
      <c r="HX10" s="73">
        <v>126</v>
      </c>
      <c r="HY10" s="70">
        <v>33</v>
      </c>
      <c r="HZ10" s="71">
        <v>38</v>
      </c>
      <c r="IA10" s="72">
        <v>71</v>
      </c>
      <c r="IB10" s="276"/>
      <c r="IC10" s="71">
        <v>52</v>
      </c>
      <c r="ID10" s="71">
        <v>45</v>
      </c>
      <c r="IE10" s="71">
        <v>22</v>
      </c>
      <c r="IF10" s="71">
        <v>23</v>
      </c>
      <c r="IG10" s="71">
        <v>14</v>
      </c>
      <c r="IH10" s="72">
        <v>156</v>
      </c>
      <c r="II10" s="73">
        <v>227</v>
      </c>
      <c r="IJ10" s="70">
        <v>75</v>
      </c>
      <c r="IK10" s="71">
        <v>89</v>
      </c>
      <c r="IL10" s="72">
        <v>164</v>
      </c>
      <c r="IM10" s="276"/>
      <c r="IN10" s="71">
        <v>102</v>
      </c>
      <c r="IO10" s="71">
        <v>86</v>
      </c>
      <c r="IP10" s="71">
        <v>61</v>
      </c>
      <c r="IQ10" s="71">
        <v>49</v>
      </c>
      <c r="IR10" s="71">
        <v>21</v>
      </c>
      <c r="IS10" s="72">
        <v>319</v>
      </c>
      <c r="IT10" s="73">
        <v>483</v>
      </c>
      <c r="IU10" s="70">
        <v>115</v>
      </c>
      <c r="IV10" s="71">
        <v>102</v>
      </c>
      <c r="IW10" s="72">
        <v>217</v>
      </c>
      <c r="IX10" s="276"/>
      <c r="IY10" s="71">
        <v>144</v>
      </c>
      <c r="IZ10" s="71">
        <v>140</v>
      </c>
      <c r="JA10" s="71">
        <v>90</v>
      </c>
      <c r="JB10" s="71">
        <v>64</v>
      </c>
      <c r="JC10" s="71">
        <v>42</v>
      </c>
      <c r="JD10" s="72">
        <v>480</v>
      </c>
      <c r="JE10" s="73">
        <v>697</v>
      </c>
      <c r="JF10" s="70">
        <v>85</v>
      </c>
      <c r="JG10" s="71">
        <v>103</v>
      </c>
      <c r="JH10" s="72">
        <v>188</v>
      </c>
      <c r="JI10" s="276"/>
      <c r="JJ10" s="71">
        <v>152</v>
      </c>
      <c r="JK10" s="71">
        <v>127</v>
      </c>
      <c r="JL10" s="71">
        <v>105</v>
      </c>
      <c r="JM10" s="71">
        <v>87</v>
      </c>
      <c r="JN10" s="71">
        <v>52</v>
      </c>
      <c r="JO10" s="72">
        <v>523</v>
      </c>
      <c r="JP10" s="73">
        <v>711</v>
      </c>
      <c r="JQ10" s="70">
        <v>0</v>
      </c>
      <c r="JR10" s="71">
        <v>0</v>
      </c>
      <c r="JS10" s="72">
        <v>0</v>
      </c>
      <c r="JT10" s="276"/>
      <c r="JU10" s="71">
        <v>0</v>
      </c>
      <c r="JV10" s="71">
        <v>0</v>
      </c>
      <c r="JW10" s="71">
        <v>0</v>
      </c>
      <c r="JX10" s="71">
        <v>0</v>
      </c>
      <c r="JY10" s="71">
        <v>0</v>
      </c>
      <c r="JZ10" s="72">
        <v>0</v>
      </c>
      <c r="KA10" s="73">
        <v>0</v>
      </c>
      <c r="KB10" s="70">
        <v>333</v>
      </c>
      <c r="KC10" s="71">
        <v>360</v>
      </c>
      <c r="KD10" s="72">
        <v>693</v>
      </c>
      <c r="KE10" s="276"/>
      <c r="KF10" s="71">
        <v>475</v>
      </c>
      <c r="KG10" s="71">
        <v>414</v>
      </c>
      <c r="KH10" s="71">
        <v>307</v>
      </c>
      <c r="KI10" s="71">
        <v>243</v>
      </c>
      <c r="KJ10" s="71">
        <v>148</v>
      </c>
      <c r="KK10" s="72">
        <v>1587</v>
      </c>
      <c r="KL10" s="73">
        <v>2280</v>
      </c>
    </row>
    <row r="11" spans="1:298" ht="19.5" customHeight="1" x14ac:dyDescent="0.2">
      <c r="A11" s="129" t="s">
        <v>7</v>
      </c>
      <c r="B11" s="350">
        <v>251</v>
      </c>
      <c r="C11" s="82">
        <v>167</v>
      </c>
      <c r="D11" s="83">
        <v>418</v>
      </c>
      <c r="E11" s="273"/>
      <c r="F11" s="82">
        <v>520</v>
      </c>
      <c r="G11" s="82">
        <v>343</v>
      </c>
      <c r="H11" s="82">
        <v>233</v>
      </c>
      <c r="I11" s="82">
        <v>193</v>
      </c>
      <c r="J11" s="82">
        <v>84</v>
      </c>
      <c r="K11" s="84">
        <v>1373</v>
      </c>
      <c r="L11" s="85">
        <v>1791</v>
      </c>
      <c r="M11" s="70">
        <v>2</v>
      </c>
      <c r="N11" s="71">
        <v>3</v>
      </c>
      <c r="O11" s="72">
        <v>5</v>
      </c>
      <c r="P11" s="276"/>
      <c r="Q11" s="71">
        <v>2</v>
      </c>
      <c r="R11" s="71">
        <v>10</v>
      </c>
      <c r="S11" s="71">
        <v>7</v>
      </c>
      <c r="T11" s="71">
        <v>4</v>
      </c>
      <c r="U11" s="71">
        <v>1</v>
      </c>
      <c r="V11" s="72">
        <v>24</v>
      </c>
      <c r="W11" s="73">
        <v>29</v>
      </c>
      <c r="X11" s="70">
        <v>12</v>
      </c>
      <c r="Y11" s="71">
        <v>7</v>
      </c>
      <c r="Z11" s="72">
        <v>19</v>
      </c>
      <c r="AA11" s="276"/>
      <c r="AB11" s="71">
        <v>16</v>
      </c>
      <c r="AC11" s="71">
        <v>13</v>
      </c>
      <c r="AD11" s="71">
        <v>14</v>
      </c>
      <c r="AE11" s="71">
        <v>8</v>
      </c>
      <c r="AF11" s="71">
        <v>2</v>
      </c>
      <c r="AG11" s="72">
        <v>53</v>
      </c>
      <c r="AH11" s="73">
        <v>72</v>
      </c>
      <c r="AI11" s="70">
        <v>22</v>
      </c>
      <c r="AJ11" s="71">
        <v>17</v>
      </c>
      <c r="AK11" s="72">
        <v>39</v>
      </c>
      <c r="AL11" s="276"/>
      <c r="AM11" s="71">
        <v>55</v>
      </c>
      <c r="AN11" s="71">
        <v>30</v>
      </c>
      <c r="AO11" s="71">
        <v>19</v>
      </c>
      <c r="AP11" s="71">
        <v>13</v>
      </c>
      <c r="AQ11" s="71">
        <v>11</v>
      </c>
      <c r="AR11" s="72">
        <v>128</v>
      </c>
      <c r="AS11" s="73">
        <v>167</v>
      </c>
      <c r="AT11" s="70">
        <v>56</v>
      </c>
      <c r="AU11" s="71">
        <v>36</v>
      </c>
      <c r="AV11" s="72">
        <v>92</v>
      </c>
      <c r="AW11" s="276"/>
      <c r="AX11" s="71">
        <v>100</v>
      </c>
      <c r="AY11" s="71">
        <v>70</v>
      </c>
      <c r="AZ11" s="71">
        <v>39</v>
      </c>
      <c r="BA11" s="71">
        <v>29</v>
      </c>
      <c r="BB11" s="71">
        <v>20</v>
      </c>
      <c r="BC11" s="72">
        <v>258</v>
      </c>
      <c r="BD11" s="73">
        <v>350</v>
      </c>
      <c r="BE11" s="70">
        <v>93</v>
      </c>
      <c r="BF11" s="71">
        <v>57</v>
      </c>
      <c r="BG11" s="72">
        <v>150</v>
      </c>
      <c r="BH11" s="276"/>
      <c r="BI11" s="71">
        <v>157</v>
      </c>
      <c r="BJ11" s="71">
        <v>97</v>
      </c>
      <c r="BK11" s="71">
        <v>85</v>
      </c>
      <c r="BL11" s="71">
        <v>62</v>
      </c>
      <c r="BM11" s="71">
        <v>27</v>
      </c>
      <c r="BN11" s="72">
        <v>428</v>
      </c>
      <c r="BO11" s="73">
        <v>578</v>
      </c>
      <c r="BP11" s="70">
        <v>66</v>
      </c>
      <c r="BQ11" s="71">
        <v>47</v>
      </c>
      <c r="BR11" s="72">
        <v>113</v>
      </c>
      <c r="BS11" s="276"/>
      <c r="BT11" s="71">
        <v>190</v>
      </c>
      <c r="BU11" s="71">
        <v>123</v>
      </c>
      <c r="BV11" s="71">
        <v>69</v>
      </c>
      <c r="BW11" s="71">
        <v>77</v>
      </c>
      <c r="BX11" s="71">
        <v>23</v>
      </c>
      <c r="BY11" s="72">
        <v>482</v>
      </c>
      <c r="BZ11" s="73">
        <v>595</v>
      </c>
      <c r="CA11" s="70">
        <v>0</v>
      </c>
      <c r="CB11" s="71">
        <v>0</v>
      </c>
      <c r="CC11" s="72">
        <v>0</v>
      </c>
      <c r="CD11" s="276"/>
      <c r="CE11" s="71">
        <v>0</v>
      </c>
      <c r="CF11" s="71">
        <v>0</v>
      </c>
      <c r="CG11" s="71">
        <v>0</v>
      </c>
      <c r="CH11" s="71">
        <v>0</v>
      </c>
      <c r="CI11" s="71">
        <v>0</v>
      </c>
      <c r="CJ11" s="72">
        <v>0</v>
      </c>
      <c r="CK11" s="73">
        <v>0</v>
      </c>
      <c r="CL11" s="70">
        <v>251</v>
      </c>
      <c r="CM11" s="71">
        <v>167</v>
      </c>
      <c r="CN11" s="72">
        <v>418</v>
      </c>
      <c r="CO11" s="276"/>
      <c r="CP11" s="71">
        <v>520</v>
      </c>
      <c r="CQ11" s="71">
        <v>343</v>
      </c>
      <c r="CR11" s="71">
        <v>233</v>
      </c>
      <c r="CS11" s="71">
        <v>193</v>
      </c>
      <c r="CT11" s="71">
        <v>84</v>
      </c>
      <c r="CU11" s="72">
        <v>1373</v>
      </c>
      <c r="CV11" s="73">
        <v>1791</v>
      </c>
      <c r="CW11" s="126">
        <v>33</v>
      </c>
      <c r="CX11" s="82">
        <v>28</v>
      </c>
      <c r="CY11" s="83">
        <v>61</v>
      </c>
      <c r="CZ11" s="273"/>
      <c r="DA11" s="82">
        <v>64</v>
      </c>
      <c r="DB11" s="82">
        <v>45</v>
      </c>
      <c r="DC11" s="82">
        <v>28</v>
      </c>
      <c r="DD11" s="82">
        <v>26</v>
      </c>
      <c r="DE11" s="82">
        <v>17</v>
      </c>
      <c r="DF11" s="84">
        <v>180</v>
      </c>
      <c r="DG11" s="85">
        <v>241</v>
      </c>
      <c r="DH11" s="70">
        <v>0</v>
      </c>
      <c r="DI11" s="71">
        <v>1</v>
      </c>
      <c r="DJ11" s="72">
        <v>1</v>
      </c>
      <c r="DK11" s="276"/>
      <c r="DL11" s="71">
        <v>2</v>
      </c>
      <c r="DM11" s="71">
        <v>0</v>
      </c>
      <c r="DN11" s="71">
        <v>1</v>
      </c>
      <c r="DO11" s="71">
        <v>0</v>
      </c>
      <c r="DP11" s="71">
        <v>0</v>
      </c>
      <c r="DQ11" s="72">
        <v>3</v>
      </c>
      <c r="DR11" s="73">
        <v>4</v>
      </c>
      <c r="DS11" s="70">
        <v>5</v>
      </c>
      <c r="DT11" s="71">
        <v>0</v>
      </c>
      <c r="DU11" s="72">
        <v>5</v>
      </c>
      <c r="DV11" s="276"/>
      <c r="DW11" s="71">
        <v>2</v>
      </c>
      <c r="DX11" s="71">
        <v>4</v>
      </c>
      <c r="DY11" s="71">
        <v>0</v>
      </c>
      <c r="DZ11" s="71">
        <v>4</v>
      </c>
      <c r="EA11" s="71">
        <v>2</v>
      </c>
      <c r="EB11" s="72">
        <v>12</v>
      </c>
      <c r="EC11" s="73">
        <v>17</v>
      </c>
      <c r="ED11" s="70">
        <v>3</v>
      </c>
      <c r="EE11" s="71">
        <v>4</v>
      </c>
      <c r="EF11" s="72">
        <v>7</v>
      </c>
      <c r="EG11" s="276"/>
      <c r="EH11" s="71">
        <v>4</v>
      </c>
      <c r="EI11" s="71">
        <v>4</v>
      </c>
      <c r="EJ11" s="71">
        <v>3</v>
      </c>
      <c r="EK11" s="71">
        <v>1</v>
      </c>
      <c r="EL11" s="71">
        <v>2</v>
      </c>
      <c r="EM11" s="72">
        <v>14</v>
      </c>
      <c r="EN11" s="73">
        <v>21</v>
      </c>
      <c r="EO11" s="70">
        <v>11</v>
      </c>
      <c r="EP11" s="71">
        <v>8</v>
      </c>
      <c r="EQ11" s="72">
        <v>19</v>
      </c>
      <c r="ER11" s="276"/>
      <c r="ES11" s="71">
        <v>10</v>
      </c>
      <c r="ET11" s="71">
        <v>4</v>
      </c>
      <c r="EU11" s="71">
        <v>5</v>
      </c>
      <c r="EV11" s="71">
        <v>2</v>
      </c>
      <c r="EW11" s="71">
        <v>2</v>
      </c>
      <c r="EX11" s="72">
        <v>23</v>
      </c>
      <c r="EY11" s="73">
        <v>42</v>
      </c>
      <c r="EZ11" s="70">
        <v>7</v>
      </c>
      <c r="FA11" s="71">
        <v>7</v>
      </c>
      <c r="FB11" s="72">
        <v>14</v>
      </c>
      <c r="FC11" s="276"/>
      <c r="FD11" s="71">
        <v>19</v>
      </c>
      <c r="FE11" s="71">
        <v>10</v>
      </c>
      <c r="FF11" s="71">
        <v>6</v>
      </c>
      <c r="FG11" s="71">
        <v>7</v>
      </c>
      <c r="FH11" s="71">
        <v>4</v>
      </c>
      <c r="FI11" s="72">
        <v>46</v>
      </c>
      <c r="FJ11" s="73">
        <v>60</v>
      </c>
      <c r="FK11" s="70">
        <v>7</v>
      </c>
      <c r="FL11" s="71">
        <v>8</v>
      </c>
      <c r="FM11" s="72">
        <v>15</v>
      </c>
      <c r="FN11" s="276"/>
      <c r="FO11" s="71">
        <v>27</v>
      </c>
      <c r="FP11" s="71">
        <v>23</v>
      </c>
      <c r="FQ11" s="71">
        <v>13</v>
      </c>
      <c r="FR11" s="71">
        <v>12</v>
      </c>
      <c r="FS11" s="71">
        <v>7</v>
      </c>
      <c r="FT11" s="72">
        <v>82</v>
      </c>
      <c r="FU11" s="73">
        <v>97</v>
      </c>
      <c r="FV11" s="70">
        <v>0</v>
      </c>
      <c r="FW11" s="71">
        <v>0</v>
      </c>
      <c r="FX11" s="72">
        <v>0</v>
      </c>
      <c r="FY11" s="276"/>
      <c r="FZ11" s="71">
        <v>0</v>
      </c>
      <c r="GA11" s="71">
        <v>0</v>
      </c>
      <c r="GB11" s="71">
        <v>0</v>
      </c>
      <c r="GC11" s="71">
        <v>0</v>
      </c>
      <c r="GD11" s="71">
        <v>0</v>
      </c>
      <c r="GE11" s="72">
        <v>0</v>
      </c>
      <c r="GF11" s="73">
        <v>0</v>
      </c>
      <c r="GG11" s="70">
        <v>33</v>
      </c>
      <c r="GH11" s="71">
        <v>28</v>
      </c>
      <c r="GI11" s="72">
        <v>61</v>
      </c>
      <c r="GJ11" s="276"/>
      <c r="GK11" s="71">
        <v>64</v>
      </c>
      <c r="GL11" s="71">
        <v>45</v>
      </c>
      <c r="GM11" s="71">
        <v>28</v>
      </c>
      <c r="GN11" s="71">
        <v>26</v>
      </c>
      <c r="GO11" s="71">
        <v>17</v>
      </c>
      <c r="GP11" s="72">
        <v>180</v>
      </c>
      <c r="GQ11" s="73">
        <v>241</v>
      </c>
      <c r="GR11" s="126">
        <v>284</v>
      </c>
      <c r="GS11" s="82">
        <v>195</v>
      </c>
      <c r="GT11" s="83">
        <v>479</v>
      </c>
      <c r="GU11" s="273"/>
      <c r="GV11" s="82">
        <v>584</v>
      </c>
      <c r="GW11" s="82">
        <v>388</v>
      </c>
      <c r="GX11" s="82">
        <v>261</v>
      </c>
      <c r="GY11" s="82">
        <v>219</v>
      </c>
      <c r="GZ11" s="82">
        <v>101</v>
      </c>
      <c r="HA11" s="84">
        <v>1553</v>
      </c>
      <c r="HB11" s="85">
        <v>2032</v>
      </c>
      <c r="HC11" s="70">
        <v>2</v>
      </c>
      <c r="HD11" s="71">
        <v>4</v>
      </c>
      <c r="HE11" s="72">
        <v>6</v>
      </c>
      <c r="HF11" s="276"/>
      <c r="HG11" s="71">
        <v>4</v>
      </c>
      <c r="HH11" s="71">
        <v>10</v>
      </c>
      <c r="HI11" s="71">
        <v>8</v>
      </c>
      <c r="HJ11" s="71">
        <v>4</v>
      </c>
      <c r="HK11" s="71">
        <v>1</v>
      </c>
      <c r="HL11" s="72">
        <v>27</v>
      </c>
      <c r="HM11" s="73">
        <v>33</v>
      </c>
      <c r="HN11" s="70">
        <v>17</v>
      </c>
      <c r="HO11" s="71">
        <v>7</v>
      </c>
      <c r="HP11" s="72">
        <v>24</v>
      </c>
      <c r="HQ11" s="276"/>
      <c r="HR11" s="71">
        <v>18</v>
      </c>
      <c r="HS11" s="71">
        <v>17</v>
      </c>
      <c r="HT11" s="71">
        <v>14</v>
      </c>
      <c r="HU11" s="71">
        <v>12</v>
      </c>
      <c r="HV11" s="71">
        <v>4</v>
      </c>
      <c r="HW11" s="72">
        <v>65</v>
      </c>
      <c r="HX11" s="73">
        <v>89</v>
      </c>
      <c r="HY11" s="70">
        <v>25</v>
      </c>
      <c r="HZ11" s="71">
        <v>21</v>
      </c>
      <c r="IA11" s="72">
        <v>46</v>
      </c>
      <c r="IB11" s="276"/>
      <c r="IC11" s="71">
        <v>59</v>
      </c>
      <c r="ID11" s="71">
        <v>34</v>
      </c>
      <c r="IE11" s="71">
        <v>22</v>
      </c>
      <c r="IF11" s="71">
        <v>14</v>
      </c>
      <c r="IG11" s="71">
        <v>13</v>
      </c>
      <c r="IH11" s="72">
        <v>142</v>
      </c>
      <c r="II11" s="73">
        <v>188</v>
      </c>
      <c r="IJ11" s="70">
        <v>67</v>
      </c>
      <c r="IK11" s="71">
        <v>44</v>
      </c>
      <c r="IL11" s="72">
        <v>111</v>
      </c>
      <c r="IM11" s="276"/>
      <c r="IN11" s="71">
        <v>110</v>
      </c>
      <c r="IO11" s="71">
        <v>74</v>
      </c>
      <c r="IP11" s="71">
        <v>44</v>
      </c>
      <c r="IQ11" s="71">
        <v>31</v>
      </c>
      <c r="IR11" s="71">
        <v>22</v>
      </c>
      <c r="IS11" s="72">
        <v>281</v>
      </c>
      <c r="IT11" s="73">
        <v>392</v>
      </c>
      <c r="IU11" s="70">
        <v>100</v>
      </c>
      <c r="IV11" s="71">
        <v>64</v>
      </c>
      <c r="IW11" s="72">
        <v>164</v>
      </c>
      <c r="IX11" s="276"/>
      <c r="IY11" s="71">
        <v>176</v>
      </c>
      <c r="IZ11" s="71">
        <v>107</v>
      </c>
      <c r="JA11" s="71">
        <v>91</v>
      </c>
      <c r="JB11" s="71">
        <v>69</v>
      </c>
      <c r="JC11" s="71">
        <v>31</v>
      </c>
      <c r="JD11" s="72">
        <v>474</v>
      </c>
      <c r="JE11" s="73">
        <v>638</v>
      </c>
      <c r="JF11" s="70">
        <v>73</v>
      </c>
      <c r="JG11" s="71">
        <v>55</v>
      </c>
      <c r="JH11" s="72">
        <v>128</v>
      </c>
      <c r="JI11" s="276"/>
      <c r="JJ11" s="71">
        <v>217</v>
      </c>
      <c r="JK11" s="71">
        <v>146</v>
      </c>
      <c r="JL11" s="71">
        <v>82</v>
      </c>
      <c r="JM11" s="71">
        <v>89</v>
      </c>
      <c r="JN11" s="71">
        <v>30</v>
      </c>
      <c r="JO11" s="72">
        <v>564</v>
      </c>
      <c r="JP11" s="73">
        <v>692</v>
      </c>
      <c r="JQ11" s="70">
        <v>0</v>
      </c>
      <c r="JR11" s="71">
        <v>0</v>
      </c>
      <c r="JS11" s="72">
        <v>0</v>
      </c>
      <c r="JT11" s="276"/>
      <c r="JU11" s="71">
        <v>0</v>
      </c>
      <c r="JV11" s="71">
        <v>0</v>
      </c>
      <c r="JW11" s="71">
        <v>0</v>
      </c>
      <c r="JX11" s="71">
        <v>0</v>
      </c>
      <c r="JY11" s="71">
        <v>0</v>
      </c>
      <c r="JZ11" s="72">
        <v>0</v>
      </c>
      <c r="KA11" s="73">
        <v>0</v>
      </c>
      <c r="KB11" s="70">
        <v>284</v>
      </c>
      <c r="KC11" s="71">
        <v>195</v>
      </c>
      <c r="KD11" s="72">
        <v>479</v>
      </c>
      <c r="KE11" s="276"/>
      <c r="KF11" s="71">
        <v>584</v>
      </c>
      <c r="KG11" s="71">
        <v>388</v>
      </c>
      <c r="KH11" s="71">
        <v>261</v>
      </c>
      <c r="KI11" s="71">
        <v>219</v>
      </c>
      <c r="KJ11" s="71">
        <v>101</v>
      </c>
      <c r="KK11" s="72">
        <v>1553</v>
      </c>
      <c r="KL11" s="73">
        <v>2032</v>
      </c>
    </row>
    <row r="12" spans="1:298" ht="19.5" customHeight="1" x14ac:dyDescent="0.2">
      <c r="A12" s="129" t="s">
        <v>8</v>
      </c>
      <c r="B12" s="350">
        <v>105</v>
      </c>
      <c r="C12" s="82">
        <v>57</v>
      </c>
      <c r="D12" s="83">
        <v>162</v>
      </c>
      <c r="E12" s="273"/>
      <c r="F12" s="82">
        <v>147</v>
      </c>
      <c r="G12" s="82">
        <v>124</v>
      </c>
      <c r="H12" s="82">
        <v>91</v>
      </c>
      <c r="I12" s="82">
        <v>62</v>
      </c>
      <c r="J12" s="82">
        <v>34</v>
      </c>
      <c r="K12" s="84">
        <v>458</v>
      </c>
      <c r="L12" s="85">
        <v>620</v>
      </c>
      <c r="M12" s="70">
        <v>2</v>
      </c>
      <c r="N12" s="71">
        <v>3</v>
      </c>
      <c r="O12" s="72">
        <v>5</v>
      </c>
      <c r="P12" s="276"/>
      <c r="Q12" s="71">
        <v>0</v>
      </c>
      <c r="R12" s="71">
        <v>1</v>
      </c>
      <c r="S12" s="71">
        <v>1</v>
      </c>
      <c r="T12" s="71">
        <v>2</v>
      </c>
      <c r="U12" s="71">
        <v>1</v>
      </c>
      <c r="V12" s="72">
        <v>5</v>
      </c>
      <c r="W12" s="73">
        <v>10</v>
      </c>
      <c r="X12" s="70">
        <v>6</v>
      </c>
      <c r="Y12" s="71">
        <v>5</v>
      </c>
      <c r="Z12" s="72">
        <v>11</v>
      </c>
      <c r="AA12" s="276"/>
      <c r="AB12" s="71">
        <v>6</v>
      </c>
      <c r="AC12" s="71">
        <v>8</v>
      </c>
      <c r="AD12" s="71">
        <v>2</v>
      </c>
      <c r="AE12" s="71">
        <v>6</v>
      </c>
      <c r="AF12" s="71">
        <v>1</v>
      </c>
      <c r="AG12" s="72">
        <v>23</v>
      </c>
      <c r="AH12" s="73">
        <v>34</v>
      </c>
      <c r="AI12" s="70">
        <v>7</v>
      </c>
      <c r="AJ12" s="71">
        <v>4</v>
      </c>
      <c r="AK12" s="72">
        <v>11</v>
      </c>
      <c r="AL12" s="276"/>
      <c r="AM12" s="71">
        <v>10</v>
      </c>
      <c r="AN12" s="71">
        <v>16</v>
      </c>
      <c r="AO12" s="71">
        <v>6</v>
      </c>
      <c r="AP12" s="71">
        <v>3</v>
      </c>
      <c r="AQ12" s="71">
        <v>5</v>
      </c>
      <c r="AR12" s="72">
        <v>40</v>
      </c>
      <c r="AS12" s="73">
        <v>51</v>
      </c>
      <c r="AT12" s="70">
        <v>26</v>
      </c>
      <c r="AU12" s="71">
        <v>5</v>
      </c>
      <c r="AV12" s="72">
        <v>31</v>
      </c>
      <c r="AW12" s="276"/>
      <c r="AX12" s="71">
        <v>23</v>
      </c>
      <c r="AY12" s="71">
        <v>22</v>
      </c>
      <c r="AZ12" s="71">
        <v>10</v>
      </c>
      <c r="BA12" s="71">
        <v>17</v>
      </c>
      <c r="BB12" s="71">
        <v>8</v>
      </c>
      <c r="BC12" s="72">
        <v>80</v>
      </c>
      <c r="BD12" s="73">
        <v>111</v>
      </c>
      <c r="BE12" s="70">
        <v>27</v>
      </c>
      <c r="BF12" s="71">
        <v>22</v>
      </c>
      <c r="BG12" s="72">
        <v>49</v>
      </c>
      <c r="BH12" s="276"/>
      <c r="BI12" s="71">
        <v>53</v>
      </c>
      <c r="BJ12" s="71">
        <v>35</v>
      </c>
      <c r="BK12" s="71">
        <v>28</v>
      </c>
      <c r="BL12" s="71">
        <v>16</v>
      </c>
      <c r="BM12" s="71">
        <v>9</v>
      </c>
      <c r="BN12" s="72">
        <v>141</v>
      </c>
      <c r="BO12" s="73">
        <v>190</v>
      </c>
      <c r="BP12" s="70">
        <v>37</v>
      </c>
      <c r="BQ12" s="71">
        <v>18</v>
      </c>
      <c r="BR12" s="72">
        <v>55</v>
      </c>
      <c r="BS12" s="276"/>
      <c r="BT12" s="71">
        <v>55</v>
      </c>
      <c r="BU12" s="71">
        <v>42</v>
      </c>
      <c r="BV12" s="71">
        <v>44</v>
      </c>
      <c r="BW12" s="71">
        <v>18</v>
      </c>
      <c r="BX12" s="71">
        <v>10</v>
      </c>
      <c r="BY12" s="72">
        <v>169</v>
      </c>
      <c r="BZ12" s="73">
        <v>224</v>
      </c>
      <c r="CA12" s="70">
        <v>0</v>
      </c>
      <c r="CB12" s="71">
        <v>0</v>
      </c>
      <c r="CC12" s="72">
        <v>0</v>
      </c>
      <c r="CD12" s="276"/>
      <c r="CE12" s="71">
        <v>0</v>
      </c>
      <c r="CF12" s="71">
        <v>0</v>
      </c>
      <c r="CG12" s="71">
        <v>0</v>
      </c>
      <c r="CH12" s="71">
        <v>0</v>
      </c>
      <c r="CI12" s="71">
        <v>0</v>
      </c>
      <c r="CJ12" s="72">
        <v>0</v>
      </c>
      <c r="CK12" s="73">
        <v>0</v>
      </c>
      <c r="CL12" s="70">
        <v>105</v>
      </c>
      <c r="CM12" s="71">
        <v>57</v>
      </c>
      <c r="CN12" s="72">
        <v>162</v>
      </c>
      <c r="CO12" s="276"/>
      <c r="CP12" s="71">
        <v>147</v>
      </c>
      <c r="CQ12" s="71">
        <v>124</v>
      </c>
      <c r="CR12" s="71">
        <v>91</v>
      </c>
      <c r="CS12" s="71">
        <v>62</v>
      </c>
      <c r="CT12" s="71">
        <v>34</v>
      </c>
      <c r="CU12" s="72">
        <v>458</v>
      </c>
      <c r="CV12" s="73">
        <v>620</v>
      </c>
      <c r="CW12" s="126">
        <v>14</v>
      </c>
      <c r="CX12" s="82">
        <v>14</v>
      </c>
      <c r="CY12" s="83">
        <v>28</v>
      </c>
      <c r="CZ12" s="273"/>
      <c r="DA12" s="82">
        <v>20</v>
      </c>
      <c r="DB12" s="82">
        <v>27</v>
      </c>
      <c r="DC12" s="82">
        <v>13</v>
      </c>
      <c r="DD12" s="82">
        <v>6</v>
      </c>
      <c r="DE12" s="82">
        <v>7</v>
      </c>
      <c r="DF12" s="84">
        <v>73</v>
      </c>
      <c r="DG12" s="85">
        <v>101</v>
      </c>
      <c r="DH12" s="70">
        <v>1</v>
      </c>
      <c r="DI12" s="71">
        <v>0</v>
      </c>
      <c r="DJ12" s="72">
        <v>1</v>
      </c>
      <c r="DK12" s="276"/>
      <c r="DL12" s="71">
        <v>0</v>
      </c>
      <c r="DM12" s="71">
        <v>0</v>
      </c>
      <c r="DN12" s="71">
        <v>0</v>
      </c>
      <c r="DO12" s="71">
        <v>0</v>
      </c>
      <c r="DP12" s="71">
        <v>0</v>
      </c>
      <c r="DQ12" s="72">
        <v>0</v>
      </c>
      <c r="DR12" s="73">
        <v>1</v>
      </c>
      <c r="DS12" s="70">
        <v>0</v>
      </c>
      <c r="DT12" s="71">
        <v>1</v>
      </c>
      <c r="DU12" s="72">
        <v>1</v>
      </c>
      <c r="DV12" s="276"/>
      <c r="DW12" s="71">
        <v>1</v>
      </c>
      <c r="DX12" s="71">
        <v>1</v>
      </c>
      <c r="DY12" s="71">
        <v>1</v>
      </c>
      <c r="DZ12" s="71">
        <v>1</v>
      </c>
      <c r="EA12" s="71">
        <v>0</v>
      </c>
      <c r="EB12" s="72">
        <v>4</v>
      </c>
      <c r="EC12" s="73">
        <v>5</v>
      </c>
      <c r="ED12" s="70">
        <v>3</v>
      </c>
      <c r="EE12" s="71">
        <v>2</v>
      </c>
      <c r="EF12" s="72">
        <v>5</v>
      </c>
      <c r="EG12" s="276"/>
      <c r="EH12" s="71">
        <v>1</v>
      </c>
      <c r="EI12" s="71">
        <v>2</v>
      </c>
      <c r="EJ12" s="71">
        <v>0</v>
      </c>
      <c r="EK12" s="71">
        <v>1</v>
      </c>
      <c r="EL12" s="71">
        <v>0</v>
      </c>
      <c r="EM12" s="72">
        <v>4</v>
      </c>
      <c r="EN12" s="73">
        <v>9</v>
      </c>
      <c r="EO12" s="70">
        <v>3</v>
      </c>
      <c r="EP12" s="71">
        <v>2</v>
      </c>
      <c r="EQ12" s="72">
        <v>5</v>
      </c>
      <c r="ER12" s="276"/>
      <c r="ES12" s="71">
        <v>4</v>
      </c>
      <c r="ET12" s="71">
        <v>6</v>
      </c>
      <c r="EU12" s="71">
        <v>3</v>
      </c>
      <c r="EV12" s="71">
        <v>0</v>
      </c>
      <c r="EW12" s="71">
        <v>1</v>
      </c>
      <c r="EX12" s="72">
        <v>14</v>
      </c>
      <c r="EY12" s="73">
        <v>19</v>
      </c>
      <c r="EZ12" s="70">
        <v>3</v>
      </c>
      <c r="FA12" s="71">
        <v>2</v>
      </c>
      <c r="FB12" s="72">
        <v>5</v>
      </c>
      <c r="FC12" s="276"/>
      <c r="FD12" s="71">
        <v>6</v>
      </c>
      <c r="FE12" s="71">
        <v>6</v>
      </c>
      <c r="FF12" s="71">
        <v>1</v>
      </c>
      <c r="FG12" s="71">
        <v>1</v>
      </c>
      <c r="FH12" s="71">
        <v>2</v>
      </c>
      <c r="FI12" s="72">
        <v>16</v>
      </c>
      <c r="FJ12" s="73">
        <v>21</v>
      </c>
      <c r="FK12" s="70">
        <v>4</v>
      </c>
      <c r="FL12" s="71">
        <v>7</v>
      </c>
      <c r="FM12" s="72">
        <v>11</v>
      </c>
      <c r="FN12" s="276"/>
      <c r="FO12" s="71">
        <v>8</v>
      </c>
      <c r="FP12" s="71">
        <v>12</v>
      </c>
      <c r="FQ12" s="71">
        <v>8</v>
      </c>
      <c r="FR12" s="71">
        <v>3</v>
      </c>
      <c r="FS12" s="71">
        <v>4</v>
      </c>
      <c r="FT12" s="72">
        <v>35</v>
      </c>
      <c r="FU12" s="73">
        <v>46</v>
      </c>
      <c r="FV12" s="70">
        <v>0</v>
      </c>
      <c r="FW12" s="71">
        <v>0</v>
      </c>
      <c r="FX12" s="72">
        <v>0</v>
      </c>
      <c r="FY12" s="276"/>
      <c r="FZ12" s="71">
        <v>0</v>
      </c>
      <c r="GA12" s="71">
        <v>0</v>
      </c>
      <c r="GB12" s="71">
        <v>0</v>
      </c>
      <c r="GC12" s="71">
        <v>0</v>
      </c>
      <c r="GD12" s="71">
        <v>0</v>
      </c>
      <c r="GE12" s="72">
        <v>0</v>
      </c>
      <c r="GF12" s="73">
        <v>0</v>
      </c>
      <c r="GG12" s="70">
        <v>14</v>
      </c>
      <c r="GH12" s="71">
        <v>14</v>
      </c>
      <c r="GI12" s="72">
        <v>28</v>
      </c>
      <c r="GJ12" s="276"/>
      <c r="GK12" s="71">
        <v>20</v>
      </c>
      <c r="GL12" s="71">
        <v>27</v>
      </c>
      <c r="GM12" s="71">
        <v>13</v>
      </c>
      <c r="GN12" s="71">
        <v>6</v>
      </c>
      <c r="GO12" s="71">
        <v>7</v>
      </c>
      <c r="GP12" s="72">
        <v>73</v>
      </c>
      <c r="GQ12" s="73">
        <v>101</v>
      </c>
      <c r="GR12" s="126">
        <v>119</v>
      </c>
      <c r="GS12" s="82">
        <v>71</v>
      </c>
      <c r="GT12" s="83">
        <v>190</v>
      </c>
      <c r="GU12" s="273"/>
      <c r="GV12" s="82">
        <v>167</v>
      </c>
      <c r="GW12" s="82">
        <v>151</v>
      </c>
      <c r="GX12" s="82">
        <v>104</v>
      </c>
      <c r="GY12" s="82">
        <v>68</v>
      </c>
      <c r="GZ12" s="82">
        <v>41</v>
      </c>
      <c r="HA12" s="84">
        <v>531</v>
      </c>
      <c r="HB12" s="85">
        <v>721</v>
      </c>
      <c r="HC12" s="70">
        <v>3</v>
      </c>
      <c r="HD12" s="71">
        <v>3</v>
      </c>
      <c r="HE12" s="72">
        <v>6</v>
      </c>
      <c r="HF12" s="276"/>
      <c r="HG12" s="71">
        <v>0</v>
      </c>
      <c r="HH12" s="71">
        <v>1</v>
      </c>
      <c r="HI12" s="71">
        <v>1</v>
      </c>
      <c r="HJ12" s="71">
        <v>2</v>
      </c>
      <c r="HK12" s="71">
        <v>1</v>
      </c>
      <c r="HL12" s="72">
        <v>5</v>
      </c>
      <c r="HM12" s="73">
        <v>11</v>
      </c>
      <c r="HN12" s="70">
        <v>6</v>
      </c>
      <c r="HO12" s="71">
        <v>6</v>
      </c>
      <c r="HP12" s="72">
        <v>12</v>
      </c>
      <c r="HQ12" s="276"/>
      <c r="HR12" s="71">
        <v>7</v>
      </c>
      <c r="HS12" s="71">
        <v>9</v>
      </c>
      <c r="HT12" s="71">
        <v>3</v>
      </c>
      <c r="HU12" s="71">
        <v>7</v>
      </c>
      <c r="HV12" s="71">
        <v>1</v>
      </c>
      <c r="HW12" s="72">
        <v>27</v>
      </c>
      <c r="HX12" s="73">
        <v>39</v>
      </c>
      <c r="HY12" s="70">
        <v>10</v>
      </c>
      <c r="HZ12" s="71">
        <v>6</v>
      </c>
      <c r="IA12" s="72">
        <v>16</v>
      </c>
      <c r="IB12" s="276"/>
      <c r="IC12" s="71">
        <v>11</v>
      </c>
      <c r="ID12" s="71">
        <v>18</v>
      </c>
      <c r="IE12" s="71">
        <v>6</v>
      </c>
      <c r="IF12" s="71">
        <v>4</v>
      </c>
      <c r="IG12" s="71">
        <v>5</v>
      </c>
      <c r="IH12" s="72">
        <v>44</v>
      </c>
      <c r="II12" s="73">
        <v>60</v>
      </c>
      <c r="IJ12" s="70">
        <v>29</v>
      </c>
      <c r="IK12" s="71">
        <v>7</v>
      </c>
      <c r="IL12" s="72">
        <v>36</v>
      </c>
      <c r="IM12" s="276"/>
      <c r="IN12" s="71">
        <v>27</v>
      </c>
      <c r="IO12" s="71">
        <v>28</v>
      </c>
      <c r="IP12" s="71">
        <v>13</v>
      </c>
      <c r="IQ12" s="71">
        <v>17</v>
      </c>
      <c r="IR12" s="71">
        <v>9</v>
      </c>
      <c r="IS12" s="72">
        <v>94</v>
      </c>
      <c r="IT12" s="73">
        <v>130</v>
      </c>
      <c r="IU12" s="70">
        <v>30</v>
      </c>
      <c r="IV12" s="71">
        <v>24</v>
      </c>
      <c r="IW12" s="72">
        <v>54</v>
      </c>
      <c r="IX12" s="276"/>
      <c r="IY12" s="71">
        <v>59</v>
      </c>
      <c r="IZ12" s="71">
        <v>41</v>
      </c>
      <c r="JA12" s="71">
        <v>29</v>
      </c>
      <c r="JB12" s="71">
        <v>17</v>
      </c>
      <c r="JC12" s="71">
        <v>11</v>
      </c>
      <c r="JD12" s="72">
        <v>157</v>
      </c>
      <c r="JE12" s="73">
        <v>211</v>
      </c>
      <c r="JF12" s="70">
        <v>41</v>
      </c>
      <c r="JG12" s="71">
        <v>25</v>
      </c>
      <c r="JH12" s="72">
        <v>66</v>
      </c>
      <c r="JI12" s="276"/>
      <c r="JJ12" s="71">
        <v>63</v>
      </c>
      <c r="JK12" s="71">
        <v>54</v>
      </c>
      <c r="JL12" s="71">
        <v>52</v>
      </c>
      <c r="JM12" s="71">
        <v>21</v>
      </c>
      <c r="JN12" s="71">
        <v>14</v>
      </c>
      <c r="JO12" s="72">
        <v>204</v>
      </c>
      <c r="JP12" s="73">
        <v>270</v>
      </c>
      <c r="JQ12" s="70">
        <v>0</v>
      </c>
      <c r="JR12" s="71">
        <v>0</v>
      </c>
      <c r="JS12" s="72">
        <v>0</v>
      </c>
      <c r="JT12" s="276"/>
      <c r="JU12" s="71">
        <v>0</v>
      </c>
      <c r="JV12" s="71">
        <v>0</v>
      </c>
      <c r="JW12" s="71">
        <v>0</v>
      </c>
      <c r="JX12" s="71">
        <v>0</v>
      </c>
      <c r="JY12" s="71">
        <v>0</v>
      </c>
      <c r="JZ12" s="72">
        <v>0</v>
      </c>
      <c r="KA12" s="73">
        <v>0</v>
      </c>
      <c r="KB12" s="70">
        <v>119</v>
      </c>
      <c r="KC12" s="71">
        <v>71</v>
      </c>
      <c r="KD12" s="72">
        <v>190</v>
      </c>
      <c r="KE12" s="276"/>
      <c r="KF12" s="71">
        <v>167</v>
      </c>
      <c r="KG12" s="71">
        <v>151</v>
      </c>
      <c r="KH12" s="71">
        <v>104</v>
      </c>
      <c r="KI12" s="71">
        <v>68</v>
      </c>
      <c r="KJ12" s="71">
        <v>41</v>
      </c>
      <c r="KK12" s="72">
        <v>531</v>
      </c>
      <c r="KL12" s="73">
        <v>721</v>
      </c>
    </row>
    <row r="13" spans="1:298" ht="19.5" customHeight="1" x14ac:dyDescent="0.2">
      <c r="A13" s="129" t="s">
        <v>9</v>
      </c>
      <c r="B13" s="350">
        <v>167</v>
      </c>
      <c r="C13" s="82">
        <v>123</v>
      </c>
      <c r="D13" s="83">
        <v>290</v>
      </c>
      <c r="E13" s="273"/>
      <c r="F13" s="82">
        <v>216</v>
      </c>
      <c r="G13" s="82">
        <v>156</v>
      </c>
      <c r="H13" s="82">
        <v>117</v>
      </c>
      <c r="I13" s="82">
        <v>104</v>
      </c>
      <c r="J13" s="82">
        <v>48</v>
      </c>
      <c r="K13" s="84">
        <v>641</v>
      </c>
      <c r="L13" s="85">
        <v>931</v>
      </c>
      <c r="M13" s="70">
        <v>3</v>
      </c>
      <c r="N13" s="71">
        <v>1</v>
      </c>
      <c r="O13" s="72">
        <v>4</v>
      </c>
      <c r="P13" s="276"/>
      <c r="Q13" s="71">
        <v>0</v>
      </c>
      <c r="R13" s="71">
        <v>0</v>
      </c>
      <c r="S13" s="71">
        <v>0</v>
      </c>
      <c r="T13" s="71">
        <v>0</v>
      </c>
      <c r="U13" s="71">
        <v>0</v>
      </c>
      <c r="V13" s="72">
        <v>0</v>
      </c>
      <c r="W13" s="73">
        <v>4</v>
      </c>
      <c r="X13" s="70">
        <v>6</v>
      </c>
      <c r="Y13" s="71">
        <v>3</v>
      </c>
      <c r="Z13" s="72">
        <v>9</v>
      </c>
      <c r="AA13" s="276"/>
      <c r="AB13" s="71">
        <v>5</v>
      </c>
      <c r="AC13" s="71">
        <v>5</v>
      </c>
      <c r="AD13" s="71">
        <v>2</v>
      </c>
      <c r="AE13" s="71">
        <v>3</v>
      </c>
      <c r="AF13" s="71">
        <v>1</v>
      </c>
      <c r="AG13" s="72">
        <v>16</v>
      </c>
      <c r="AH13" s="73">
        <v>25</v>
      </c>
      <c r="AI13" s="70">
        <v>10</v>
      </c>
      <c r="AJ13" s="71">
        <v>4</v>
      </c>
      <c r="AK13" s="72">
        <v>14</v>
      </c>
      <c r="AL13" s="276"/>
      <c r="AM13" s="71">
        <v>11</v>
      </c>
      <c r="AN13" s="71">
        <v>6</v>
      </c>
      <c r="AO13" s="71">
        <v>7</v>
      </c>
      <c r="AP13" s="71">
        <v>3</v>
      </c>
      <c r="AQ13" s="71">
        <v>3</v>
      </c>
      <c r="AR13" s="72">
        <v>30</v>
      </c>
      <c r="AS13" s="73">
        <v>44</v>
      </c>
      <c r="AT13" s="70">
        <v>26</v>
      </c>
      <c r="AU13" s="71">
        <v>28</v>
      </c>
      <c r="AV13" s="72">
        <v>54</v>
      </c>
      <c r="AW13" s="276"/>
      <c r="AX13" s="71">
        <v>31</v>
      </c>
      <c r="AY13" s="71">
        <v>27</v>
      </c>
      <c r="AZ13" s="71">
        <v>13</v>
      </c>
      <c r="BA13" s="71">
        <v>11</v>
      </c>
      <c r="BB13" s="71">
        <v>8</v>
      </c>
      <c r="BC13" s="72">
        <v>90</v>
      </c>
      <c r="BD13" s="73">
        <v>144</v>
      </c>
      <c r="BE13" s="70">
        <v>69</v>
      </c>
      <c r="BF13" s="71">
        <v>38</v>
      </c>
      <c r="BG13" s="72">
        <v>107</v>
      </c>
      <c r="BH13" s="276"/>
      <c r="BI13" s="71">
        <v>87</v>
      </c>
      <c r="BJ13" s="71">
        <v>47</v>
      </c>
      <c r="BK13" s="71">
        <v>43</v>
      </c>
      <c r="BL13" s="71">
        <v>46</v>
      </c>
      <c r="BM13" s="71">
        <v>13</v>
      </c>
      <c r="BN13" s="72">
        <v>236</v>
      </c>
      <c r="BO13" s="73">
        <v>343</v>
      </c>
      <c r="BP13" s="70">
        <v>53</v>
      </c>
      <c r="BQ13" s="71">
        <v>49</v>
      </c>
      <c r="BR13" s="72">
        <v>102</v>
      </c>
      <c r="BS13" s="276"/>
      <c r="BT13" s="71">
        <v>82</v>
      </c>
      <c r="BU13" s="71">
        <v>71</v>
      </c>
      <c r="BV13" s="71">
        <v>52</v>
      </c>
      <c r="BW13" s="71">
        <v>41</v>
      </c>
      <c r="BX13" s="71">
        <v>23</v>
      </c>
      <c r="BY13" s="72">
        <v>269</v>
      </c>
      <c r="BZ13" s="73">
        <v>371</v>
      </c>
      <c r="CA13" s="70">
        <v>0</v>
      </c>
      <c r="CB13" s="71">
        <v>0</v>
      </c>
      <c r="CC13" s="72">
        <v>0</v>
      </c>
      <c r="CD13" s="276"/>
      <c r="CE13" s="71">
        <v>0</v>
      </c>
      <c r="CF13" s="71">
        <v>0</v>
      </c>
      <c r="CG13" s="71">
        <v>0</v>
      </c>
      <c r="CH13" s="71">
        <v>0</v>
      </c>
      <c r="CI13" s="71">
        <v>0</v>
      </c>
      <c r="CJ13" s="72">
        <v>0</v>
      </c>
      <c r="CK13" s="73">
        <v>0</v>
      </c>
      <c r="CL13" s="70">
        <v>167</v>
      </c>
      <c r="CM13" s="71">
        <v>123</v>
      </c>
      <c r="CN13" s="72">
        <v>290</v>
      </c>
      <c r="CO13" s="276"/>
      <c r="CP13" s="71">
        <v>216</v>
      </c>
      <c r="CQ13" s="71">
        <v>156</v>
      </c>
      <c r="CR13" s="71">
        <v>117</v>
      </c>
      <c r="CS13" s="71">
        <v>104</v>
      </c>
      <c r="CT13" s="71">
        <v>48</v>
      </c>
      <c r="CU13" s="72">
        <v>641</v>
      </c>
      <c r="CV13" s="73">
        <v>931</v>
      </c>
      <c r="CW13" s="126">
        <v>36</v>
      </c>
      <c r="CX13" s="82">
        <v>22</v>
      </c>
      <c r="CY13" s="83">
        <v>58</v>
      </c>
      <c r="CZ13" s="273"/>
      <c r="DA13" s="82">
        <v>34</v>
      </c>
      <c r="DB13" s="82">
        <v>26</v>
      </c>
      <c r="DC13" s="82">
        <v>21</v>
      </c>
      <c r="DD13" s="82">
        <v>10</v>
      </c>
      <c r="DE13" s="82">
        <v>15</v>
      </c>
      <c r="DF13" s="84">
        <v>106</v>
      </c>
      <c r="DG13" s="85">
        <v>164</v>
      </c>
      <c r="DH13" s="70">
        <v>2</v>
      </c>
      <c r="DI13" s="71">
        <v>0</v>
      </c>
      <c r="DJ13" s="72">
        <v>2</v>
      </c>
      <c r="DK13" s="276"/>
      <c r="DL13" s="71">
        <v>0</v>
      </c>
      <c r="DM13" s="71">
        <v>0</v>
      </c>
      <c r="DN13" s="71">
        <v>0</v>
      </c>
      <c r="DO13" s="71">
        <v>0</v>
      </c>
      <c r="DP13" s="71">
        <v>0</v>
      </c>
      <c r="DQ13" s="72">
        <v>0</v>
      </c>
      <c r="DR13" s="73">
        <v>2</v>
      </c>
      <c r="DS13" s="70">
        <v>2</v>
      </c>
      <c r="DT13" s="71">
        <v>3</v>
      </c>
      <c r="DU13" s="72">
        <v>5</v>
      </c>
      <c r="DV13" s="276"/>
      <c r="DW13" s="71">
        <v>0</v>
      </c>
      <c r="DX13" s="71">
        <v>0</v>
      </c>
      <c r="DY13" s="71">
        <v>0</v>
      </c>
      <c r="DZ13" s="71">
        <v>0</v>
      </c>
      <c r="EA13" s="71">
        <v>0</v>
      </c>
      <c r="EB13" s="72">
        <v>0</v>
      </c>
      <c r="EC13" s="73">
        <v>5</v>
      </c>
      <c r="ED13" s="70">
        <v>6</v>
      </c>
      <c r="EE13" s="71">
        <v>3</v>
      </c>
      <c r="EF13" s="72">
        <v>9</v>
      </c>
      <c r="EG13" s="276"/>
      <c r="EH13" s="71">
        <v>3</v>
      </c>
      <c r="EI13" s="71">
        <v>3</v>
      </c>
      <c r="EJ13" s="71">
        <v>4</v>
      </c>
      <c r="EK13" s="71">
        <v>0</v>
      </c>
      <c r="EL13" s="71">
        <v>1</v>
      </c>
      <c r="EM13" s="72">
        <v>11</v>
      </c>
      <c r="EN13" s="73">
        <v>20</v>
      </c>
      <c r="EO13" s="70">
        <v>5</v>
      </c>
      <c r="EP13" s="71">
        <v>6</v>
      </c>
      <c r="EQ13" s="72">
        <v>11</v>
      </c>
      <c r="ER13" s="276"/>
      <c r="ES13" s="71">
        <v>6</v>
      </c>
      <c r="ET13" s="71">
        <v>2</v>
      </c>
      <c r="EU13" s="71">
        <v>0</v>
      </c>
      <c r="EV13" s="71">
        <v>1</v>
      </c>
      <c r="EW13" s="71">
        <v>3</v>
      </c>
      <c r="EX13" s="72">
        <v>12</v>
      </c>
      <c r="EY13" s="73">
        <v>23</v>
      </c>
      <c r="EZ13" s="70">
        <v>10</v>
      </c>
      <c r="FA13" s="71">
        <v>5</v>
      </c>
      <c r="FB13" s="72">
        <v>15</v>
      </c>
      <c r="FC13" s="276"/>
      <c r="FD13" s="71">
        <v>11</v>
      </c>
      <c r="FE13" s="71">
        <v>8</v>
      </c>
      <c r="FF13" s="71">
        <v>5</v>
      </c>
      <c r="FG13" s="71">
        <v>3</v>
      </c>
      <c r="FH13" s="71">
        <v>2</v>
      </c>
      <c r="FI13" s="72">
        <v>29</v>
      </c>
      <c r="FJ13" s="73">
        <v>44</v>
      </c>
      <c r="FK13" s="70">
        <v>11</v>
      </c>
      <c r="FL13" s="71">
        <v>5</v>
      </c>
      <c r="FM13" s="72">
        <v>16</v>
      </c>
      <c r="FN13" s="276"/>
      <c r="FO13" s="71">
        <v>14</v>
      </c>
      <c r="FP13" s="71">
        <v>13</v>
      </c>
      <c r="FQ13" s="71">
        <v>12</v>
      </c>
      <c r="FR13" s="71">
        <v>6</v>
      </c>
      <c r="FS13" s="71">
        <v>9</v>
      </c>
      <c r="FT13" s="72">
        <v>54</v>
      </c>
      <c r="FU13" s="73">
        <v>70</v>
      </c>
      <c r="FV13" s="70">
        <v>0</v>
      </c>
      <c r="FW13" s="71">
        <v>0</v>
      </c>
      <c r="FX13" s="72">
        <v>0</v>
      </c>
      <c r="FY13" s="276"/>
      <c r="FZ13" s="71">
        <v>0</v>
      </c>
      <c r="GA13" s="71">
        <v>0</v>
      </c>
      <c r="GB13" s="71">
        <v>0</v>
      </c>
      <c r="GC13" s="71">
        <v>0</v>
      </c>
      <c r="GD13" s="71">
        <v>0</v>
      </c>
      <c r="GE13" s="72">
        <v>0</v>
      </c>
      <c r="GF13" s="73">
        <v>0</v>
      </c>
      <c r="GG13" s="70">
        <v>36</v>
      </c>
      <c r="GH13" s="71">
        <v>22</v>
      </c>
      <c r="GI13" s="72">
        <v>58</v>
      </c>
      <c r="GJ13" s="276"/>
      <c r="GK13" s="71">
        <v>34</v>
      </c>
      <c r="GL13" s="71">
        <v>26</v>
      </c>
      <c r="GM13" s="71">
        <v>21</v>
      </c>
      <c r="GN13" s="71">
        <v>10</v>
      </c>
      <c r="GO13" s="71">
        <v>15</v>
      </c>
      <c r="GP13" s="72">
        <v>106</v>
      </c>
      <c r="GQ13" s="73">
        <v>164</v>
      </c>
      <c r="GR13" s="126">
        <v>203</v>
      </c>
      <c r="GS13" s="82">
        <v>145</v>
      </c>
      <c r="GT13" s="83">
        <v>348</v>
      </c>
      <c r="GU13" s="273"/>
      <c r="GV13" s="82">
        <v>250</v>
      </c>
      <c r="GW13" s="82">
        <v>182</v>
      </c>
      <c r="GX13" s="82">
        <v>138</v>
      </c>
      <c r="GY13" s="82">
        <v>114</v>
      </c>
      <c r="GZ13" s="82">
        <v>63</v>
      </c>
      <c r="HA13" s="84">
        <v>747</v>
      </c>
      <c r="HB13" s="85">
        <v>1095</v>
      </c>
      <c r="HC13" s="70">
        <v>5</v>
      </c>
      <c r="HD13" s="71">
        <v>1</v>
      </c>
      <c r="HE13" s="72">
        <v>6</v>
      </c>
      <c r="HF13" s="276"/>
      <c r="HG13" s="71">
        <v>0</v>
      </c>
      <c r="HH13" s="71">
        <v>0</v>
      </c>
      <c r="HI13" s="71">
        <v>0</v>
      </c>
      <c r="HJ13" s="71">
        <v>0</v>
      </c>
      <c r="HK13" s="71">
        <v>0</v>
      </c>
      <c r="HL13" s="72">
        <v>0</v>
      </c>
      <c r="HM13" s="73">
        <v>6</v>
      </c>
      <c r="HN13" s="70">
        <v>8</v>
      </c>
      <c r="HO13" s="71">
        <v>6</v>
      </c>
      <c r="HP13" s="72">
        <v>14</v>
      </c>
      <c r="HQ13" s="276"/>
      <c r="HR13" s="71">
        <v>5</v>
      </c>
      <c r="HS13" s="71">
        <v>5</v>
      </c>
      <c r="HT13" s="71">
        <v>2</v>
      </c>
      <c r="HU13" s="71">
        <v>3</v>
      </c>
      <c r="HV13" s="71">
        <v>1</v>
      </c>
      <c r="HW13" s="72">
        <v>16</v>
      </c>
      <c r="HX13" s="73">
        <v>30</v>
      </c>
      <c r="HY13" s="70">
        <v>16</v>
      </c>
      <c r="HZ13" s="71">
        <v>7</v>
      </c>
      <c r="IA13" s="72">
        <v>23</v>
      </c>
      <c r="IB13" s="276"/>
      <c r="IC13" s="71">
        <v>14</v>
      </c>
      <c r="ID13" s="71">
        <v>9</v>
      </c>
      <c r="IE13" s="71">
        <v>11</v>
      </c>
      <c r="IF13" s="71">
        <v>3</v>
      </c>
      <c r="IG13" s="71">
        <v>4</v>
      </c>
      <c r="IH13" s="72">
        <v>41</v>
      </c>
      <c r="II13" s="73">
        <v>64</v>
      </c>
      <c r="IJ13" s="70">
        <v>31</v>
      </c>
      <c r="IK13" s="71">
        <v>34</v>
      </c>
      <c r="IL13" s="72">
        <v>65</v>
      </c>
      <c r="IM13" s="276"/>
      <c r="IN13" s="71">
        <v>37</v>
      </c>
      <c r="IO13" s="71">
        <v>29</v>
      </c>
      <c r="IP13" s="71">
        <v>13</v>
      </c>
      <c r="IQ13" s="71">
        <v>12</v>
      </c>
      <c r="IR13" s="71">
        <v>11</v>
      </c>
      <c r="IS13" s="72">
        <v>102</v>
      </c>
      <c r="IT13" s="73">
        <v>167</v>
      </c>
      <c r="IU13" s="70">
        <v>79</v>
      </c>
      <c r="IV13" s="71">
        <v>43</v>
      </c>
      <c r="IW13" s="72">
        <v>122</v>
      </c>
      <c r="IX13" s="276"/>
      <c r="IY13" s="71">
        <v>98</v>
      </c>
      <c r="IZ13" s="71">
        <v>55</v>
      </c>
      <c r="JA13" s="71">
        <v>48</v>
      </c>
      <c r="JB13" s="71">
        <v>49</v>
      </c>
      <c r="JC13" s="71">
        <v>15</v>
      </c>
      <c r="JD13" s="72">
        <v>265</v>
      </c>
      <c r="JE13" s="73">
        <v>387</v>
      </c>
      <c r="JF13" s="70">
        <v>64</v>
      </c>
      <c r="JG13" s="71">
        <v>54</v>
      </c>
      <c r="JH13" s="72">
        <v>118</v>
      </c>
      <c r="JI13" s="276"/>
      <c r="JJ13" s="71">
        <v>96</v>
      </c>
      <c r="JK13" s="71">
        <v>84</v>
      </c>
      <c r="JL13" s="71">
        <v>64</v>
      </c>
      <c r="JM13" s="71">
        <v>47</v>
      </c>
      <c r="JN13" s="71">
        <v>32</v>
      </c>
      <c r="JO13" s="72">
        <v>323</v>
      </c>
      <c r="JP13" s="73">
        <v>441</v>
      </c>
      <c r="JQ13" s="70">
        <v>0</v>
      </c>
      <c r="JR13" s="71">
        <v>0</v>
      </c>
      <c r="JS13" s="72">
        <v>0</v>
      </c>
      <c r="JT13" s="276"/>
      <c r="JU13" s="71">
        <v>0</v>
      </c>
      <c r="JV13" s="71">
        <v>0</v>
      </c>
      <c r="JW13" s="71">
        <v>0</v>
      </c>
      <c r="JX13" s="71">
        <v>0</v>
      </c>
      <c r="JY13" s="71">
        <v>0</v>
      </c>
      <c r="JZ13" s="72">
        <v>0</v>
      </c>
      <c r="KA13" s="73">
        <v>0</v>
      </c>
      <c r="KB13" s="70">
        <v>203</v>
      </c>
      <c r="KC13" s="71">
        <v>145</v>
      </c>
      <c r="KD13" s="72">
        <v>348</v>
      </c>
      <c r="KE13" s="276"/>
      <c r="KF13" s="71">
        <v>250</v>
      </c>
      <c r="KG13" s="71">
        <v>182</v>
      </c>
      <c r="KH13" s="71">
        <v>138</v>
      </c>
      <c r="KI13" s="71">
        <v>114</v>
      </c>
      <c r="KJ13" s="71">
        <v>63</v>
      </c>
      <c r="KK13" s="72">
        <v>747</v>
      </c>
      <c r="KL13" s="73">
        <v>1095</v>
      </c>
    </row>
    <row r="14" spans="1:298" ht="19.5" customHeight="1" x14ac:dyDescent="0.2">
      <c r="A14" s="129" t="s">
        <v>10</v>
      </c>
      <c r="B14" s="350">
        <v>347</v>
      </c>
      <c r="C14" s="82">
        <v>232</v>
      </c>
      <c r="D14" s="83">
        <v>579</v>
      </c>
      <c r="E14" s="273"/>
      <c r="F14" s="82">
        <v>345</v>
      </c>
      <c r="G14" s="82">
        <v>199</v>
      </c>
      <c r="H14" s="82">
        <v>141</v>
      </c>
      <c r="I14" s="82">
        <v>123</v>
      </c>
      <c r="J14" s="82">
        <v>76</v>
      </c>
      <c r="K14" s="84">
        <v>884</v>
      </c>
      <c r="L14" s="85">
        <v>1463</v>
      </c>
      <c r="M14" s="70">
        <v>5</v>
      </c>
      <c r="N14" s="71">
        <v>1</v>
      </c>
      <c r="O14" s="72">
        <v>6</v>
      </c>
      <c r="P14" s="276"/>
      <c r="Q14" s="71">
        <v>7</v>
      </c>
      <c r="R14" s="71">
        <v>5</v>
      </c>
      <c r="S14" s="71">
        <v>1</v>
      </c>
      <c r="T14" s="71">
        <v>2</v>
      </c>
      <c r="U14" s="71">
        <v>3</v>
      </c>
      <c r="V14" s="72">
        <v>18</v>
      </c>
      <c r="W14" s="73">
        <v>24</v>
      </c>
      <c r="X14" s="70">
        <v>9</v>
      </c>
      <c r="Y14" s="71">
        <v>13</v>
      </c>
      <c r="Z14" s="72">
        <v>22</v>
      </c>
      <c r="AA14" s="276"/>
      <c r="AB14" s="71">
        <v>13</v>
      </c>
      <c r="AC14" s="71">
        <v>11</v>
      </c>
      <c r="AD14" s="71">
        <v>3</v>
      </c>
      <c r="AE14" s="71">
        <v>3</v>
      </c>
      <c r="AF14" s="71">
        <v>4</v>
      </c>
      <c r="AG14" s="72">
        <v>34</v>
      </c>
      <c r="AH14" s="73">
        <v>56</v>
      </c>
      <c r="AI14" s="70">
        <v>23</v>
      </c>
      <c r="AJ14" s="71">
        <v>21</v>
      </c>
      <c r="AK14" s="72">
        <v>44</v>
      </c>
      <c r="AL14" s="276"/>
      <c r="AM14" s="71">
        <v>21</v>
      </c>
      <c r="AN14" s="71">
        <v>18</v>
      </c>
      <c r="AO14" s="71">
        <v>15</v>
      </c>
      <c r="AP14" s="71">
        <v>5</v>
      </c>
      <c r="AQ14" s="71">
        <v>7</v>
      </c>
      <c r="AR14" s="72">
        <v>66</v>
      </c>
      <c r="AS14" s="73">
        <v>110</v>
      </c>
      <c r="AT14" s="70">
        <v>77</v>
      </c>
      <c r="AU14" s="71">
        <v>50</v>
      </c>
      <c r="AV14" s="72">
        <v>127</v>
      </c>
      <c r="AW14" s="276"/>
      <c r="AX14" s="71">
        <v>63</v>
      </c>
      <c r="AY14" s="71">
        <v>34</v>
      </c>
      <c r="AZ14" s="71">
        <v>24</v>
      </c>
      <c r="BA14" s="71">
        <v>17</v>
      </c>
      <c r="BB14" s="71">
        <v>17</v>
      </c>
      <c r="BC14" s="72">
        <v>155</v>
      </c>
      <c r="BD14" s="73">
        <v>282</v>
      </c>
      <c r="BE14" s="70">
        <v>126</v>
      </c>
      <c r="BF14" s="71">
        <v>78</v>
      </c>
      <c r="BG14" s="72">
        <v>204</v>
      </c>
      <c r="BH14" s="276"/>
      <c r="BI14" s="71">
        <v>106</v>
      </c>
      <c r="BJ14" s="71">
        <v>55</v>
      </c>
      <c r="BK14" s="71">
        <v>42</v>
      </c>
      <c r="BL14" s="71">
        <v>48</v>
      </c>
      <c r="BM14" s="71">
        <v>17</v>
      </c>
      <c r="BN14" s="72">
        <v>268</v>
      </c>
      <c r="BO14" s="73">
        <v>472</v>
      </c>
      <c r="BP14" s="70">
        <v>107</v>
      </c>
      <c r="BQ14" s="71">
        <v>69</v>
      </c>
      <c r="BR14" s="72">
        <v>176</v>
      </c>
      <c r="BS14" s="276"/>
      <c r="BT14" s="71">
        <v>135</v>
      </c>
      <c r="BU14" s="71">
        <v>76</v>
      </c>
      <c r="BV14" s="71">
        <v>56</v>
      </c>
      <c r="BW14" s="71">
        <v>48</v>
      </c>
      <c r="BX14" s="71">
        <v>28</v>
      </c>
      <c r="BY14" s="72">
        <v>343</v>
      </c>
      <c r="BZ14" s="73">
        <v>519</v>
      </c>
      <c r="CA14" s="70">
        <v>0</v>
      </c>
      <c r="CB14" s="71">
        <v>0</v>
      </c>
      <c r="CC14" s="72">
        <v>0</v>
      </c>
      <c r="CD14" s="276"/>
      <c r="CE14" s="71">
        <v>0</v>
      </c>
      <c r="CF14" s="71">
        <v>0</v>
      </c>
      <c r="CG14" s="71">
        <v>0</v>
      </c>
      <c r="CH14" s="71">
        <v>0</v>
      </c>
      <c r="CI14" s="71">
        <v>0</v>
      </c>
      <c r="CJ14" s="72">
        <v>0</v>
      </c>
      <c r="CK14" s="73">
        <v>0</v>
      </c>
      <c r="CL14" s="70">
        <v>347</v>
      </c>
      <c r="CM14" s="71">
        <v>232</v>
      </c>
      <c r="CN14" s="72">
        <v>579</v>
      </c>
      <c r="CO14" s="276"/>
      <c r="CP14" s="71">
        <v>345</v>
      </c>
      <c r="CQ14" s="71">
        <v>199</v>
      </c>
      <c r="CR14" s="71">
        <v>141</v>
      </c>
      <c r="CS14" s="71">
        <v>123</v>
      </c>
      <c r="CT14" s="71">
        <v>76</v>
      </c>
      <c r="CU14" s="72">
        <v>884</v>
      </c>
      <c r="CV14" s="73">
        <v>1463</v>
      </c>
      <c r="CW14" s="126">
        <v>37</v>
      </c>
      <c r="CX14" s="82">
        <v>31</v>
      </c>
      <c r="CY14" s="83">
        <v>68</v>
      </c>
      <c r="CZ14" s="273"/>
      <c r="DA14" s="82">
        <v>50</v>
      </c>
      <c r="DB14" s="82">
        <v>19</v>
      </c>
      <c r="DC14" s="82">
        <v>23</v>
      </c>
      <c r="DD14" s="82">
        <v>18</v>
      </c>
      <c r="DE14" s="82">
        <v>19</v>
      </c>
      <c r="DF14" s="84">
        <v>129</v>
      </c>
      <c r="DG14" s="85">
        <v>197</v>
      </c>
      <c r="DH14" s="70">
        <v>0</v>
      </c>
      <c r="DI14" s="71">
        <v>1</v>
      </c>
      <c r="DJ14" s="72">
        <v>1</v>
      </c>
      <c r="DK14" s="276"/>
      <c r="DL14" s="71">
        <v>1</v>
      </c>
      <c r="DM14" s="71">
        <v>0</v>
      </c>
      <c r="DN14" s="71">
        <v>0</v>
      </c>
      <c r="DO14" s="71">
        <v>0</v>
      </c>
      <c r="DP14" s="71">
        <v>0</v>
      </c>
      <c r="DQ14" s="72">
        <v>1</v>
      </c>
      <c r="DR14" s="73">
        <v>2</v>
      </c>
      <c r="DS14" s="70">
        <v>2</v>
      </c>
      <c r="DT14" s="71">
        <v>2</v>
      </c>
      <c r="DU14" s="72">
        <v>4</v>
      </c>
      <c r="DV14" s="276"/>
      <c r="DW14" s="71">
        <v>2</v>
      </c>
      <c r="DX14" s="71">
        <v>2</v>
      </c>
      <c r="DY14" s="71">
        <v>0</v>
      </c>
      <c r="DZ14" s="71">
        <v>0</v>
      </c>
      <c r="EA14" s="71">
        <v>1</v>
      </c>
      <c r="EB14" s="72">
        <v>5</v>
      </c>
      <c r="EC14" s="73">
        <v>9</v>
      </c>
      <c r="ED14" s="70">
        <v>4</v>
      </c>
      <c r="EE14" s="71">
        <v>6</v>
      </c>
      <c r="EF14" s="72">
        <v>10</v>
      </c>
      <c r="EG14" s="276"/>
      <c r="EH14" s="71">
        <v>2</v>
      </c>
      <c r="EI14" s="71">
        <v>1</v>
      </c>
      <c r="EJ14" s="71">
        <v>0</v>
      </c>
      <c r="EK14" s="71">
        <v>0</v>
      </c>
      <c r="EL14" s="71">
        <v>0</v>
      </c>
      <c r="EM14" s="72">
        <v>3</v>
      </c>
      <c r="EN14" s="73">
        <v>13</v>
      </c>
      <c r="EO14" s="70">
        <v>11</v>
      </c>
      <c r="EP14" s="71">
        <v>6</v>
      </c>
      <c r="EQ14" s="72">
        <v>17</v>
      </c>
      <c r="ER14" s="276"/>
      <c r="ES14" s="71">
        <v>6</v>
      </c>
      <c r="ET14" s="71">
        <v>0</v>
      </c>
      <c r="EU14" s="71">
        <v>6</v>
      </c>
      <c r="EV14" s="71">
        <v>1</v>
      </c>
      <c r="EW14" s="71">
        <v>1</v>
      </c>
      <c r="EX14" s="72">
        <v>14</v>
      </c>
      <c r="EY14" s="73">
        <v>31</v>
      </c>
      <c r="EZ14" s="70">
        <v>11</v>
      </c>
      <c r="FA14" s="71">
        <v>8</v>
      </c>
      <c r="FB14" s="72">
        <v>19</v>
      </c>
      <c r="FC14" s="276"/>
      <c r="FD14" s="71">
        <v>14</v>
      </c>
      <c r="FE14" s="71">
        <v>5</v>
      </c>
      <c r="FF14" s="71">
        <v>5</v>
      </c>
      <c r="FG14" s="71">
        <v>6</v>
      </c>
      <c r="FH14" s="71">
        <v>5</v>
      </c>
      <c r="FI14" s="72">
        <v>35</v>
      </c>
      <c r="FJ14" s="73">
        <v>54</v>
      </c>
      <c r="FK14" s="70">
        <v>9</v>
      </c>
      <c r="FL14" s="71">
        <v>8</v>
      </c>
      <c r="FM14" s="72">
        <v>17</v>
      </c>
      <c r="FN14" s="276"/>
      <c r="FO14" s="71">
        <v>25</v>
      </c>
      <c r="FP14" s="71">
        <v>11</v>
      </c>
      <c r="FQ14" s="71">
        <v>12</v>
      </c>
      <c r="FR14" s="71">
        <v>11</v>
      </c>
      <c r="FS14" s="71">
        <v>12</v>
      </c>
      <c r="FT14" s="72">
        <v>71</v>
      </c>
      <c r="FU14" s="73">
        <v>88</v>
      </c>
      <c r="FV14" s="70">
        <v>0</v>
      </c>
      <c r="FW14" s="71">
        <v>0</v>
      </c>
      <c r="FX14" s="72">
        <v>0</v>
      </c>
      <c r="FY14" s="276"/>
      <c r="FZ14" s="71">
        <v>0</v>
      </c>
      <c r="GA14" s="71">
        <v>0</v>
      </c>
      <c r="GB14" s="71">
        <v>0</v>
      </c>
      <c r="GC14" s="71">
        <v>0</v>
      </c>
      <c r="GD14" s="71">
        <v>0</v>
      </c>
      <c r="GE14" s="72">
        <v>0</v>
      </c>
      <c r="GF14" s="73">
        <v>0</v>
      </c>
      <c r="GG14" s="70">
        <v>37</v>
      </c>
      <c r="GH14" s="71">
        <v>31</v>
      </c>
      <c r="GI14" s="72">
        <v>68</v>
      </c>
      <c r="GJ14" s="276"/>
      <c r="GK14" s="71">
        <v>50</v>
      </c>
      <c r="GL14" s="71">
        <v>19</v>
      </c>
      <c r="GM14" s="71">
        <v>23</v>
      </c>
      <c r="GN14" s="71">
        <v>18</v>
      </c>
      <c r="GO14" s="71">
        <v>19</v>
      </c>
      <c r="GP14" s="72">
        <v>129</v>
      </c>
      <c r="GQ14" s="73">
        <v>197</v>
      </c>
      <c r="GR14" s="126">
        <v>384</v>
      </c>
      <c r="GS14" s="82">
        <v>263</v>
      </c>
      <c r="GT14" s="83">
        <v>647</v>
      </c>
      <c r="GU14" s="273"/>
      <c r="GV14" s="82">
        <v>395</v>
      </c>
      <c r="GW14" s="82">
        <v>218</v>
      </c>
      <c r="GX14" s="82">
        <v>164</v>
      </c>
      <c r="GY14" s="82">
        <v>141</v>
      </c>
      <c r="GZ14" s="82">
        <v>95</v>
      </c>
      <c r="HA14" s="84">
        <v>1013</v>
      </c>
      <c r="HB14" s="85">
        <v>1660</v>
      </c>
      <c r="HC14" s="70">
        <v>5</v>
      </c>
      <c r="HD14" s="71">
        <v>2</v>
      </c>
      <c r="HE14" s="72">
        <v>7</v>
      </c>
      <c r="HF14" s="276"/>
      <c r="HG14" s="71">
        <v>8</v>
      </c>
      <c r="HH14" s="71">
        <v>5</v>
      </c>
      <c r="HI14" s="71">
        <v>1</v>
      </c>
      <c r="HJ14" s="71">
        <v>2</v>
      </c>
      <c r="HK14" s="71">
        <v>3</v>
      </c>
      <c r="HL14" s="72">
        <v>19</v>
      </c>
      <c r="HM14" s="73">
        <v>26</v>
      </c>
      <c r="HN14" s="70">
        <v>11</v>
      </c>
      <c r="HO14" s="71">
        <v>15</v>
      </c>
      <c r="HP14" s="72">
        <v>26</v>
      </c>
      <c r="HQ14" s="276"/>
      <c r="HR14" s="71">
        <v>15</v>
      </c>
      <c r="HS14" s="71">
        <v>13</v>
      </c>
      <c r="HT14" s="71">
        <v>3</v>
      </c>
      <c r="HU14" s="71">
        <v>3</v>
      </c>
      <c r="HV14" s="71">
        <v>5</v>
      </c>
      <c r="HW14" s="72">
        <v>39</v>
      </c>
      <c r="HX14" s="73">
        <v>65</v>
      </c>
      <c r="HY14" s="70">
        <v>27</v>
      </c>
      <c r="HZ14" s="71">
        <v>27</v>
      </c>
      <c r="IA14" s="72">
        <v>54</v>
      </c>
      <c r="IB14" s="276"/>
      <c r="IC14" s="71">
        <v>23</v>
      </c>
      <c r="ID14" s="71">
        <v>19</v>
      </c>
      <c r="IE14" s="71">
        <v>15</v>
      </c>
      <c r="IF14" s="71">
        <v>5</v>
      </c>
      <c r="IG14" s="71">
        <v>7</v>
      </c>
      <c r="IH14" s="72">
        <v>69</v>
      </c>
      <c r="II14" s="73">
        <v>123</v>
      </c>
      <c r="IJ14" s="70">
        <v>88</v>
      </c>
      <c r="IK14" s="71">
        <v>56</v>
      </c>
      <c r="IL14" s="72">
        <v>144</v>
      </c>
      <c r="IM14" s="276"/>
      <c r="IN14" s="71">
        <v>69</v>
      </c>
      <c r="IO14" s="71">
        <v>34</v>
      </c>
      <c r="IP14" s="71">
        <v>30</v>
      </c>
      <c r="IQ14" s="71">
        <v>18</v>
      </c>
      <c r="IR14" s="71">
        <v>18</v>
      </c>
      <c r="IS14" s="72">
        <v>169</v>
      </c>
      <c r="IT14" s="73">
        <v>313</v>
      </c>
      <c r="IU14" s="70">
        <v>137</v>
      </c>
      <c r="IV14" s="71">
        <v>86</v>
      </c>
      <c r="IW14" s="72">
        <v>223</v>
      </c>
      <c r="IX14" s="276"/>
      <c r="IY14" s="71">
        <v>120</v>
      </c>
      <c r="IZ14" s="71">
        <v>60</v>
      </c>
      <c r="JA14" s="71">
        <v>47</v>
      </c>
      <c r="JB14" s="71">
        <v>54</v>
      </c>
      <c r="JC14" s="71">
        <v>22</v>
      </c>
      <c r="JD14" s="72">
        <v>303</v>
      </c>
      <c r="JE14" s="73">
        <v>526</v>
      </c>
      <c r="JF14" s="70">
        <v>116</v>
      </c>
      <c r="JG14" s="71">
        <v>77</v>
      </c>
      <c r="JH14" s="72">
        <v>193</v>
      </c>
      <c r="JI14" s="276"/>
      <c r="JJ14" s="71">
        <v>160</v>
      </c>
      <c r="JK14" s="71">
        <v>87</v>
      </c>
      <c r="JL14" s="71">
        <v>68</v>
      </c>
      <c r="JM14" s="71">
        <v>59</v>
      </c>
      <c r="JN14" s="71">
        <v>40</v>
      </c>
      <c r="JO14" s="72">
        <v>414</v>
      </c>
      <c r="JP14" s="73">
        <v>607</v>
      </c>
      <c r="JQ14" s="70">
        <v>0</v>
      </c>
      <c r="JR14" s="71">
        <v>0</v>
      </c>
      <c r="JS14" s="72">
        <v>0</v>
      </c>
      <c r="JT14" s="276"/>
      <c r="JU14" s="71">
        <v>0</v>
      </c>
      <c r="JV14" s="71">
        <v>0</v>
      </c>
      <c r="JW14" s="71">
        <v>0</v>
      </c>
      <c r="JX14" s="71">
        <v>0</v>
      </c>
      <c r="JY14" s="71">
        <v>0</v>
      </c>
      <c r="JZ14" s="72">
        <v>0</v>
      </c>
      <c r="KA14" s="73">
        <v>0</v>
      </c>
      <c r="KB14" s="70">
        <v>384</v>
      </c>
      <c r="KC14" s="71">
        <v>263</v>
      </c>
      <c r="KD14" s="72">
        <v>647</v>
      </c>
      <c r="KE14" s="276"/>
      <c r="KF14" s="71">
        <v>395</v>
      </c>
      <c r="KG14" s="71">
        <v>218</v>
      </c>
      <c r="KH14" s="71">
        <v>164</v>
      </c>
      <c r="KI14" s="71">
        <v>141</v>
      </c>
      <c r="KJ14" s="71">
        <v>95</v>
      </c>
      <c r="KK14" s="72">
        <v>1013</v>
      </c>
      <c r="KL14" s="73">
        <v>1660</v>
      </c>
    </row>
    <row r="15" spans="1:298" ht="19.5" customHeight="1" x14ac:dyDescent="0.2">
      <c r="A15" s="129" t="s">
        <v>11</v>
      </c>
      <c r="B15" s="350">
        <v>79</v>
      </c>
      <c r="C15" s="82">
        <v>49</v>
      </c>
      <c r="D15" s="83">
        <v>128</v>
      </c>
      <c r="E15" s="273"/>
      <c r="F15" s="82">
        <v>152</v>
      </c>
      <c r="G15" s="82">
        <v>86</v>
      </c>
      <c r="H15" s="82">
        <v>63</v>
      </c>
      <c r="I15" s="82">
        <v>58</v>
      </c>
      <c r="J15" s="82">
        <v>27</v>
      </c>
      <c r="K15" s="84">
        <v>386</v>
      </c>
      <c r="L15" s="85">
        <v>514</v>
      </c>
      <c r="M15" s="70">
        <v>3</v>
      </c>
      <c r="N15" s="71">
        <v>0</v>
      </c>
      <c r="O15" s="72">
        <v>3</v>
      </c>
      <c r="P15" s="276"/>
      <c r="Q15" s="71">
        <v>5</v>
      </c>
      <c r="R15" s="71">
        <v>2</v>
      </c>
      <c r="S15" s="71">
        <v>0</v>
      </c>
      <c r="T15" s="71">
        <v>0</v>
      </c>
      <c r="U15" s="71">
        <v>0</v>
      </c>
      <c r="V15" s="72">
        <v>7</v>
      </c>
      <c r="W15" s="73">
        <v>10</v>
      </c>
      <c r="X15" s="70">
        <v>2</v>
      </c>
      <c r="Y15" s="71">
        <v>6</v>
      </c>
      <c r="Z15" s="72">
        <v>8</v>
      </c>
      <c r="AA15" s="276"/>
      <c r="AB15" s="71">
        <v>9</v>
      </c>
      <c r="AC15" s="71">
        <v>2</v>
      </c>
      <c r="AD15" s="71">
        <v>4</v>
      </c>
      <c r="AE15" s="71">
        <v>3</v>
      </c>
      <c r="AF15" s="71">
        <v>3</v>
      </c>
      <c r="AG15" s="72">
        <v>21</v>
      </c>
      <c r="AH15" s="73">
        <v>29</v>
      </c>
      <c r="AI15" s="70">
        <v>7</v>
      </c>
      <c r="AJ15" s="71">
        <v>3</v>
      </c>
      <c r="AK15" s="72">
        <v>10</v>
      </c>
      <c r="AL15" s="276"/>
      <c r="AM15" s="71">
        <v>9</v>
      </c>
      <c r="AN15" s="71">
        <v>7</v>
      </c>
      <c r="AO15" s="71">
        <v>7</v>
      </c>
      <c r="AP15" s="71">
        <v>5</v>
      </c>
      <c r="AQ15" s="71">
        <v>6</v>
      </c>
      <c r="AR15" s="72">
        <v>34</v>
      </c>
      <c r="AS15" s="73">
        <v>44</v>
      </c>
      <c r="AT15" s="70">
        <v>17</v>
      </c>
      <c r="AU15" s="71">
        <v>11</v>
      </c>
      <c r="AV15" s="72">
        <v>28</v>
      </c>
      <c r="AW15" s="276"/>
      <c r="AX15" s="71">
        <v>26</v>
      </c>
      <c r="AY15" s="71">
        <v>16</v>
      </c>
      <c r="AZ15" s="71">
        <v>9</v>
      </c>
      <c r="BA15" s="71">
        <v>6</v>
      </c>
      <c r="BB15" s="71">
        <v>4</v>
      </c>
      <c r="BC15" s="72">
        <v>61</v>
      </c>
      <c r="BD15" s="73">
        <v>89</v>
      </c>
      <c r="BE15" s="70">
        <v>29</v>
      </c>
      <c r="BF15" s="71">
        <v>16</v>
      </c>
      <c r="BG15" s="72">
        <v>45</v>
      </c>
      <c r="BH15" s="276"/>
      <c r="BI15" s="71">
        <v>49</v>
      </c>
      <c r="BJ15" s="71">
        <v>26</v>
      </c>
      <c r="BK15" s="71">
        <v>13</v>
      </c>
      <c r="BL15" s="71">
        <v>21</v>
      </c>
      <c r="BM15" s="71">
        <v>7</v>
      </c>
      <c r="BN15" s="72">
        <v>116</v>
      </c>
      <c r="BO15" s="73">
        <v>161</v>
      </c>
      <c r="BP15" s="70">
        <v>21</v>
      </c>
      <c r="BQ15" s="71">
        <v>13</v>
      </c>
      <c r="BR15" s="72">
        <v>34</v>
      </c>
      <c r="BS15" s="276"/>
      <c r="BT15" s="71">
        <v>54</v>
      </c>
      <c r="BU15" s="71">
        <v>33</v>
      </c>
      <c r="BV15" s="71">
        <v>30</v>
      </c>
      <c r="BW15" s="71">
        <v>23</v>
      </c>
      <c r="BX15" s="71">
        <v>7</v>
      </c>
      <c r="BY15" s="72">
        <v>147</v>
      </c>
      <c r="BZ15" s="73">
        <v>181</v>
      </c>
      <c r="CA15" s="70">
        <v>0</v>
      </c>
      <c r="CB15" s="71">
        <v>0</v>
      </c>
      <c r="CC15" s="72">
        <v>0</v>
      </c>
      <c r="CD15" s="276"/>
      <c r="CE15" s="71">
        <v>0</v>
      </c>
      <c r="CF15" s="71">
        <v>0</v>
      </c>
      <c r="CG15" s="71">
        <v>0</v>
      </c>
      <c r="CH15" s="71">
        <v>0</v>
      </c>
      <c r="CI15" s="71">
        <v>0</v>
      </c>
      <c r="CJ15" s="72">
        <v>0</v>
      </c>
      <c r="CK15" s="73">
        <v>0</v>
      </c>
      <c r="CL15" s="70">
        <v>79</v>
      </c>
      <c r="CM15" s="71">
        <v>49</v>
      </c>
      <c r="CN15" s="72">
        <v>128</v>
      </c>
      <c r="CO15" s="276"/>
      <c r="CP15" s="71">
        <v>152</v>
      </c>
      <c r="CQ15" s="71">
        <v>86</v>
      </c>
      <c r="CR15" s="71">
        <v>63</v>
      </c>
      <c r="CS15" s="71">
        <v>58</v>
      </c>
      <c r="CT15" s="71">
        <v>27</v>
      </c>
      <c r="CU15" s="72">
        <v>386</v>
      </c>
      <c r="CV15" s="73">
        <v>514</v>
      </c>
      <c r="CW15" s="126">
        <v>17</v>
      </c>
      <c r="CX15" s="82">
        <v>12</v>
      </c>
      <c r="CY15" s="83">
        <v>29</v>
      </c>
      <c r="CZ15" s="273"/>
      <c r="DA15" s="82">
        <v>19</v>
      </c>
      <c r="DB15" s="82">
        <v>20</v>
      </c>
      <c r="DC15" s="82">
        <v>13</v>
      </c>
      <c r="DD15" s="82">
        <v>17</v>
      </c>
      <c r="DE15" s="82">
        <v>6</v>
      </c>
      <c r="DF15" s="84">
        <v>75</v>
      </c>
      <c r="DG15" s="85">
        <v>104</v>
      </c>
      <c r="DH15" s="70">
        <v>1</v>
      </c>
      <c r="DI15" s="71">
        <v>0</v>
      </c>
      <c r="DJ15" s="72">
        <v>1</v>
      </c>
      <c r="DK15" s="276"/>
      <c r="DL15" s="71">
        <v>1</v>
      </c>
      <c r="DM15" s="71">
        <v>0</v>
      </c>
      <c r="DN15" s="71">
        <v>1</v>
      </c>
      <c r="DO15" s="71">
        <v>0</v>
      </c>
      <c r="DP15" s="71">
        <v>0</v>
      </c>
      <c r="DQ15" s="72">
        <v>2</v>
      </c>
      <c r="DR15" s="73">
        <v>3</v>
      </c>
      <c r="DS15" s="70">
        <v>1</v>
      </c>
      <c r="DT15" s="71">
        <v>1</v>
      </c>
      <c r="DU15" s="72">
        <v>2</v>
      </c>
      <c r="DV15" s="276"/>
      <c r="DW15" s="71">
        <v>1</v>
      </c>
      <c r="DX15" s="71">
        <v>0</v>
      </c>
      <c r="DY15" s="71">
        <v>0</v>
      </c>
      <c r="DZ15" s="71">
        <v>1</v>
      </c>
      <c r="EA15" s="71">
        <v>1</v>
      </c>
      <c r="EB15" s="72">
        <v>3</v>
      </c>
      <c r="EC15" s="73">
        <v>5</v>
      </c>
      <c r="ED15" s="70">
        <v>0</v>
      </c>
      <c r="EE15" s="71">
        <v>0</v>
      </c>
      <c r="EF15" s="72">
        <v>0</v>
      </c>
      <c r="EG15" s="276"/>
      <c r="EH15" s="71">
        <v>0</v>
      </c>
      <c r="EI15" s="71">
        <v>1</v>
      </c>
      <c r="EJ15" s="71">
        <v>1</v>
      </c>
      <c r="EK15" s="71">
        <v>0</v>
      </c>
      <c r="EL15" s="71">
        <v>0</v>
      </c>
      <c r="EM15" s="72">
        <v>2</v>
      </c>
      <c r="EN15" s="73">
        <v>2</v>
      </c>
      <c r="EO15" s="70">
        <v>5</v>
      </c>
      <c r="EP15" s="71">
        <v>2</v>
      </c>
      <c r="EQ15" s="72">
        <v>7</v>
      </c>
      <c r="ER15" s="276"/>
      <c r="ES15" s="71">
        <v>3</v>
      </c>
      <c r="ET15" s="71">
        <v>2</v>
      </c>
      <c r="EU15" s="71">
        <v>0</v>
      </c>
      <c r="EV15" s="71">
        <v>2</v>
      </c>
      <c r="EW15" s="71">
        <v>0</v>
      </c>
      <c r="EX15" s="72">
        <v>7</v>
      </c>
      <c r="EY15" s="73">
        <v>14</v>
      </c>
      <c r="EZ15" s="70">
        <v>7</v>
      </c>
      <c r="FA15" s="71">
        <v>8</v>
      </c>
      <c r="FB15" s="72">
        <v>15</v>
      </c>
      <c r="FC15" s="276"/>
      <c r="FD15" s="71">
        <v>9</v>
      </c>
      <c r="FE15" s="71">
        <v>9</v>
      </c>
      <c r="FF15" s="71">
        <v>2</v>
      </c>
      <c r="FG15" s="71">
        <v>4</v>
      </c>
      <c r="FH15" s="71">
        <v>3</v>
      </c>
      <c r="FI15" s="72">
        <v>27</v>
      </c>
      <c r="FJ15" s="73">
        <v>42</v>
      </c>
      <c r="FK15" s="70">
        <v>3</v>
      </c>
      <c r="FL15" s="71">
        <v>1</v>
      </c>
      <c r="FM15" s="72">
        <v>4</v>
      </c>
      <c r="FN15" s="276"/>
      <c r="FO15" s="71">
        <v>5</v>
      </c>
      <c r="FP15" s="71">
        <v>8</v>
      </c>
      <c r="FQ15" s="71">
        <v>9</v>
      </c>
      <c r="FR15" s="71">
        <v>10</v>
      </c>
      <c r="FS15" s="71">
        <v>2</v>
      </c>
      <c r="FT15" s="72">
        <v>34</v>
      </c>
      <c r="FU15" s="73">
        <v>38</v>
      </c>
      <c r="FV15" s="70">
        <v>0</v>
      </c>
      <c r="FW15" s="71">
        <v>0</v>
      </c>
      <c r="FX15" s="72">
        <v>0</v>
      </c>
      <c r="FY15" s="276"/>
      <c r="FZ15" s="71">
        <v>0</v>
      </c>
      <c r="GA15" s="71">
        <v>0</v>
      </c>
      <c r="GB15" s="71">
        <v>0</v>
      </c>
      <c r="GC15" s="71">
        <v>0</v>
      </c>
      <c r="GD15" s="71">
        <v>0</v>
      </c>
      <c r="GE15" s="72">
        <v>0</v>
      </c>
      <c r="GF15" s="73">
        <v>0</v>
      </c>
      <c r="GG15" s="70">
        <v>17</v>
      </c>
      <c r="GH15" s="71">
        <v>12</v>
      </c>
      <c r="GI15" s="72">
        <v>29</v>
      </c>
      <c r="GJ15" s="276"/>
      <c r="GK15" s="71">
        <v>19</v>
      </c>
      <c r="GL15" s="71">
        <v>20</v>
      </c>
      <c r="GM15" s="71">
        <v>13</v>
      </c>
      <c r="GN15" s="71">
        <v>17</v>
      </c>
      <c r="GO15" s="71">
        <v>6</v>
      </c>
      <c r="GP15" s="72">
        <v>75</v>
      </c>
      <c r="GQ15" s="73">
        <v>104</v>
      </c>
      <c r="GR15" s="126">
        <v>96</v>
      </c>
      <c r="GS15" s="82">
        <v>61</v>
      </c>
      <c r="GT15" s="83">
        <v>157</v>
      </c>
      <c r="GU15" s="273"/>
      <c r="GV15" s="82">
        <v>171</v>
      </c>
      <c r="GW15" s="82">
        <v>106</v>
      </c>
      <c r="GX15" s="82">
        <v>76</v>
      </c>
      <c r="GY15" s="82">
        <v>75</v>
      </c>
      <c r="GZ15" s="82">
        <v>33</v>
      </c>
      <c r="HA15" s="84">
        <v>461</v>
      </c>
      <c r="HB15" s="85">
        <v>618</v>
      </c>
      <c r="HC15" s="70">
        <v>4</v>
      </c>
      <c r="HD15" s="71">
        <v>0</v>
      </c>
      <c r="HE15" s="72">
        <v>4</v>
      </c>
      <c r="HF15" s="276"/>
      <c r="HG15" s="71">
        <v>6</v>
      </c>
      <c r="HH15" s="71">
        <v>2</v>
      </c>
      <c r="HI15" s="71">
        <v>1</v>
      </c>
      <c r="HJ15" s="71">
        <v>0</v>
      </c>
      <c r="HK15" s="71">
        <v>0</v>
      </c>
      <c r="HL15" s="72">
        <v>9</v>
      </c>
      <c r="HM15" s="73">
        <v>13</v>
      </c>
      <c r="HN15" s="70">
        <v>3</v>
      </c>
      <c r="HO15" s="71">
        <v>7</v>
      </c>
      <c r="HP15" s="72">
        <v>10</v>
      </c>
      <c r="HQ15" s="276"/>
      <c r="HR15" s="71">
        <v>10</v>
      </c>
      <c r="HS15" s="71">
        <v>2</v>
      </c>
      <c r="HT15" s="71">
        <v>4</v>
      </c>
      <c r="HU15" s="71">
        <v>4</v>
      </c>
      <c r="HV15" s="71">
        <v>4</v>
      </c>
      <c r="HW15" s="72">
        <v>24</v>
      </c>
      <c r="HX15" s="73">
        <v>34</v>
      </c>
      <c r="HY15" s="70">
        <v>7</v>
      </c>
      <c r="HZ15" s="71">
        <v>3</v>
      </c>
      <c r="IA15" s="72">
        <v>10</v>
      </c>
      <c r="IB15" s="276"/>
      <c r="IC15" s="71">
        <v>9</v>
      </c>
      <c r="ID15" s="71">
        <v>8</v>
      </c>
      <c r="IE15" s="71">
        <v>8</v>
      </c>
      <c r="IF15" s="71">
        <v>5</v>
      </c>
      <c r="IG15" s="71">
        <v>6</v>
      </c>
      <c r="IH15" s="72">
        <v>36</v>
      </c>
      <c r="II15" s="73">
        <v>46</v>
      </c>
      <c r="IJ15" s="70">
        <v>22</v>
      </c>
      <c r="IK15" s="71">
        <v>13</v>
      </c>
      <c r="IL15" s="72">
        <v>35</v>
      </c>
      <c r="IM15" s="276"/>
      <c r="IN15" s="71">
        <v>29</v>
      </c>
      <c r="IO15" s="71">
        <v>18</v>
      </c>
      <c r="IP15" s="71">
        <v>9</v>
      </c>
      <c r="IQ15" s="71">
        <v>8</v>
      </c>
      <c r="IR15" s="71">
        <v>4</v>
      </c>
      <c r="IS15" s="72">
        <v>68</v>
      </c>
      <c r="IT15" s="73">
        <v>103</v>
      </c>
      <c r="IU15" s="70">
        <v>36</v>
      </c>
      <c r="IV15" s="71">
        <v>24</v>
      </c>
      <c r="IW15" s="72">
        <v>60</v>
      </c>
      <c r="IX15" s="276"/>
      <c r="IY15" s="71">
        <v>58</v>
      </c>
      <c r="IZ15" s="71">
        <v>35</v>
      </c>
      <c r="JA15" s="71">
        <v>15</v>
      </c>
      <c r="JB15" s="71">
        <v>25</v>
      </c>
      <c r="JC15" s="71">
        <v>10</v>
      </c>
      <c r="JD15" s="72">
        <v>143</v>
      </c>
      <c r="JE15" s="73">
        <v>203</v>
      </c>
      <c r="JF15" s="70">
        <v>24</v>
      </c>
      <c r="JG15" s="71">
        <v>14</v>
      </c>
      <c r="JH15" s="72">
        <v>38</v>
      </c>
      <c r="JI15" s="276"/>
      <c r="JJ15" s="71">
        <v>59</v>
      </c>
      <c r="JK15" s="71">
        <v>41</v>
      </c>
      <c r="JL15" s="71">
        <v>39</v>
      </c>
      <c r="JM15" s="71">
        <v>33</v>
      </c>
      <c r="JN15" s="71">
        <v>9</v>
      </c>
      <c r="JO15" s="72">
        <v>181</v>
      </c>
      <c r="JP15" s="73">
        <v>219</v>
      </c>
      <c r="JQ15" s="70">
        <v>0</v>
      </c>
      <c r="JR15" s="71">
        <v>0</v>
      </c>
      <c r="JS15" s="72">
        <v>0</v>
      </c>
      <c r="JT15" s="276"/>
      <c r="JU15" s="71">
        <v>0</v>
      </c>
      <c r="JV15" s="71">
        <v>0</v>
      </c>
      <c r="JW15" s="71">
        <v>0</v>
      </c>
      <c r="JX15" s="71">
        <v>0</v>
      </c>
      <c r="JY15" s="71">
        <v>0</v>
      </c>
      <c r="JZ15" s="72">
        <v>0</v>
      </c>
      <c r="KA15" s="73">
        <v>0</v>
      </c>
      <c r="KB15" s="70">
        <v>96</v>
      </c>
      <c r="KC15" s="71">
        <v>61</v>
      </c>
      <c r="KD15" s="72">
        <v>157</v>
      </c>
      <c r="KE15" s="276"/>
      <c r="KF15" s="71">
        <v>171</v>
      </c>
      <c r="KG15" s="71">
        <v>106</v>
      </c>
      <c r="KH15" s="71">
        <v>76</v>
      </c>
      <c r="KI15" s="71">
        <v>75</v>
      </c>
      <c r="KJ15" s="71">
        <v>33</v>
      </c>
      <c r="KK15" s="72">
        <v>461</v>
      </c>
      <c r="KL15" s="73">
        <v>618</v>
      </c>
    </row>
    <row r="16" spans="1:298" ht="19.5" customHeight="1" x14ac:dyDescent="0.2">
      <c r="A16" s="129" t="s">
        <v>12</v>
      </c>
      <c r="B16" s="350">
        <v>164</v>
      </c>
      <c r="C16" s="82">
        <v>121</v>
      </c>
      <c r="D16" s="83">
        <v>285</v>
      </c>
      <c r="E16" s="273"/>
      <c r="F16" s="82">
        <v>171</v>
      </c>
      <c r="G16" s="82">
        <v>110</v>
      </c>
      <c r="H16" s="82">
        <v>99</v>
      </c>
      <c r="I16" s="82">
        <v>88</v>
      </c>
      <c r="J16" s="82">
        <v>45</v>
      </c>
      <c r="K16" s="84">
        <v>513</v>
      </c>
      <c r="L16" s="85">
        <v>798</v>
      </c>
      <c r="M16" s="86">
        <v>3</v>
      </c>
      <c r="N16" s="71">
        <v>2</v>
      </c>
      <c r="O16" s="72">
        <v>5</v>
      </c>
      <c r="P16" s="276"/>
      <c r="Q16" s="71">
        <v>1</v>
      </c>
      <c r="R16" s="71">
        <v>1</v>
      </c>
      <c r="S16" s="71">
        <v>2</v>
      </c>
      <c r="T16" s="71">
        <v>1</v>
      </c>
      <c r="U16" s="71">
        <v>1</v>
      </c>
      <c r="V16" s="72">
        <v>6</v>
      </c>
      <c r="W16" s="73">
        <v>11</v>
      </c>
      <c r="X16" s="70">
        <v>7</v>
      </c>
      <c r="Y16" s="71">
        <v>8</v>
      </c>
      <c r="Z16" s="72">
        <v>15</v>
      </c>
      <c r="AA16" s="276"/>
      <c r="AB16" s="71">
        <v>6</v>
      </c>
      <c r="AC16" s="71">
        <v>1</v>
      </c>
      <c r="AD16" s="71">
        <v>2</v>
      </c>
      <c r="AE16" s="71">
        <v>5</v>
      </c>
      <c r="AF16" s="71">
        <v>4</v>
      </c>
      <c r="AG16" s="72">
        <v>18</v>
      </c>
      <c r="AH16" s="73">
        <v>33</v>
      </c>
      <c r="AI16" s="86">
        <v>14</v>
      </c>
      <c r="AJ16" s="71">
        <v>7</v>
      </c>
      <c r="AK16" s="72">
        <v>21</v>
      </c>
      <c r="AL16" s="276"/>
      <c r="AM16" s="71">
        <v>10</v>
      </c>
      <c r="AN16" s="71">
        <v>10</v>
      </c>
      <c r="AO16" s="71">
        <v>12</v>
      </c>
      <c r="AP16" s="71">
        <v>8</v>
      </c>
      <c r="AQ16" s="71">
        <v>5</v>
      </c>
      <c r="AR16" s="72">
        <v>45</v>
      </c>
      <c r="AS16" s="73">
        <v>66</v>
      </c>
      <c r="AT16" s="70">
        <v>30</v>
      </c>
      <c r="AU16" s="71">
        <v>25</v>
      </c>
      <c r="AV16" s="72">
        <v>55</v>
      </c>
      <c r="AW16" s="276"/>
      <c r="AX16" s="71">
        <v>38</v>
      </c>
      <c r="AY16" s="71">
        <v>22</v>
      </c>
      <c r="AZ16" s="71">
        <v>15</v>
      </c>
      <c r="BA16" s="71">
        <v>10</v>
      </c>
      <c r="BB16" s="71">
        <v>12</v>
      </c>
      <c r="BC16" s="72">
        <v>97</v>
      </c>
      <c r="BD16" s="73">
        <v>152</v>
      </c>
      <c r="BE16" s="86">
        <v>58</v>
      </c>
      <c r="BF16" s="71">
        <v>38</v>
      </c>
      <c r="BG16" s="72">
        <v>96</v>
      </c>
      <c r="BH16" s="276"/>
      <c r="BI16" s="71">
        <v>66</v>
      </c>
      <c r="BJ16" s="71">
        <v>31</v>
      </c>
      <c r="BK16" s="71">
        <v>30</v>
      </c>
      <c r="BL16" s="71">
        <v>25</v>
      </c>
      <c r="BM16" s="71">
        <v>10</v>
      </c>
      <c r="BN16" s="72">
        <v>162</v>
      </c>
      <c r="BO16" s="73">
        <v>258</v>
      </c>
      <c r="BP16" s="70">
        <v>52</v>
      </c>
      <c r="BQ16" s="71">
        <v>41</v>
      </c>
      <c r="BR16" s="72">
        <v>93</v>
      </c>
      <c r="BS16" s="276"/>
      <c r="BT16" s="71">
        <v>50</v>
      </c>
      <c r="BU16" s="71">
        <v>45</v>
      </c>
      <c r="BV16" s="71">
        <v>38</v>
      </c>
      <c r="BW16" s="71">
        <v>39</v>
      </c>
      <c r="BX16" s="71">
        <v>13</v>
      </c>
      <c r="BY16" s="72">
        <v>185</v>
      </c>
      <c r="BZ16" s="73">
        <v>278</v>
      </c>
      <c r="CA16" s="70">
        <v>0</v>
      </c>
      <c r="CB16" s="71">
        <v>0</v>
      </c>
      <c r="CC16" s="72">
        <v>0</v>
      </c>
      <c r="CD16" s="276"/>
      <c r="CE16" s="71">
        <v>0</v>
      </c>
      <c r="CF16" s="71">
        <v>0</v>
      </c>
      <c r="CG16" s="71">
        <v>0</v>
      </c>
      <c r="CH16" s="71">
        <v>0</v>
      </c>
      <c r="CI16" s="71">
        <v>0</v>
      </c>
      <c r="CJ16" s="72">
        <v>0</v>
      </c>
      <c r="CK16" s="73">
        <v>0</v>
      </c>
      <c r="CL16" s="70">
        <v>164</v>
      </c>
      <c r="CM16" s="71">
        <v>121</v>
      </c>
      <c r="CN16" s="72">
        <v>285</v>
      </c>
      <c r="CO16" s="276"/>
      <c r="CP16" s="71">
        <v>171</v>
      </c>
      <c r="CQ16" s="71">
        <v>110</v>
      </c>
      <c r="CR16" s="71">
        <v>99</v>
      </c>
      <c r="CS16" s="71">
        <v>88</v>
      </c>
      <c r="CT16" s="71">
        <v>45</v>
      </c>
      <c r="CU16" s="72">
        <v>513</v>
      </c>
      <c r="CV16" s="73">
        <v>798</v>
      </c>
      <c r="CW16" s="126">
        <v>15</v>
      </c>
      <c r="CX16" s="82">
        <v>24</v>
      </c>
      <c r="CY16" s="83">
        <v>39</v>
      </c>
      <c r="CZ16" s="273"/>
      <c r="DA16" s="82">
        <v>16</v>
      </c>
      <c r="DB16" s="82">
        <v>14</v>
      </c>
      <c r="DC16" s="82">
        <v>10</v>
      </c>
      <c r="DD16" s="82">
        <v>15</v>
      </c>
      <c r="DE16" s="82">
        <v>6</v>
      </c>
      <c r="DF16" s="84">
        <v>61</v>
      </c>
      <c r="DG16" s="85">
        <v>100</v>
      </c>
      <c r="DH16" s="86">
        <v>0</v>
      </c>
      <c r="DI16" s="71">
        <v>1</v>
      </c>
      <c r="DJ16" s="72">
        <v>1</v>
      </c>
      <c r="DK16" s="276"/>
      <c r="DL16" s="71">
        <v>0</v>
      </c>
      <c r="DM16" s="71">
        <v>0</v>
      </c>
      <c r="DN16" s="71">
        <v>1</v>
      </c>
      <c r="DO16" s="71">
        <v>0</v>
      </c>
      <c r="DP16" s="71">
        <v>0</v>
      </c>
      <c r="DQ16" s="72">
        <v>1</v>
      </c>
      <c r="DR16" s="73">
        <v>2</v>
      </c>
      <c r="DS16" s="70">
        <v>1</v>
      </c>
      <c r="DT16" s="71">
        <v>1</v>
      </c>
      <c r="DU16" s="72">
        <v>2</v>
      </c>
      <c r="DV16" s="276"/>
      <c r="DW16" s="71">
        <v>2</v>
      </c>
      <c r="DX16" s="71">
        <v>0</v>
      </c>
      <c r="DY16" s="71">
        <v>0</v>
      </c>
      <c r="DZ16" s="71">
        <v>1</v>
      </c>
      <c r="EA16" s="71">
        <v>1</v>
      </c>
      <c r="EB16" s="72">
        <v>4</v>
      </c>
      <c r="EC16" s="73">
        <v>6</v>
      </c>
      <c r="ED16" s="86">
        <v>1</v>
      </c>
      <c r="EE16" s="71">
        <v>0</v>
      </c>
      <c r="EF16" s="72">
        <v>1</v>
      </c>
      <c r="EG16" s="276"/>
      <c r="EH16" s="71">
        <v>1</v>
      </c>
      <c r="EI16" s="71">
        <v>1</v>
      </c>
      <c r="EJ16" s="71">
        <v>1</v>
      </c>
      <c r="EK16" s="71">
        <v>1</v>
      </c>
      <c r="EL16" s="71">
        <v>1</v>
      </c>
      <c r="EM16" s="72">
        <v>5</v>
      </c>
      <c r="EN16" s="73">
        <v>6</v>
      </c>
      <c r="EO16" s="70">
        <v>6</v>
      </c>
      <c r="EP16" s="71">
        <v>6</v>
      </c>
      <c r="EQ16" s="72">
        <v>12</v>
      </c>
      <c r="ER16" s="276"/>
      <c r="ES16" s="71">
        <v>1</v>
      </c>
      <c r="ET16" s="71">
        <v>1</v>
      </c>
      <c r="EU16" s="71">
        <v>1</v>
      </c>
      <c r="EV16" s="71">
        <v>3</v>
      </c>
      <c r="EW16" s="71">
        <v>0</v>
      </c>
      <c r="EX16" s="72">
        <v>6</v>
      </c>
      <c r="EY16" s="73">
        <v>18</v>
      </c>
      <c r="EZ16" s="86">
        <v>4</v>
      </c>
      <c r="FA16" s="71">
        <v>10</v>
      </c>
      <c r="FB16" s="72">
        <v>14</v>
      </c>
      <c r="FC16" s="276"/>
      <c r="FD16" s="71">
        <v>5</v>
      </c>
      <c r="FE16" s="71">
        <v>2</v>
      </c>
      <c r="FF16" s="71">
        <v>2</v>
      </c>
      <c r="FG16" s="71">
        <v>0</v>
      </c>
      <c r="FH16" s="71">
        <v>1</v>
      </c>
      <c r="FI16" s="72">
        <v>10</v>
      </c>
      <c r="FJ16" s="73">
        <v>24</v>
      </c>
      <c r="FK16" s="70">
        <v>3</v>
      </c>
      <c r="FL16" s="71">
        <v>6</v>
      </c>
      <c r="FM16" s="72">
        <v>9</v>
      </c>
      <c r="FN16" s="276"/>
      <c r="FO16" s="71">
        <v>7</v>
      </c>
      <c r="FP16" s="71">
        <v>10</v>
      </c>
      <c r="FQ16" s="71">
        <v>5</v>
      </c>
      <c r="FR16" s="71">
        <v>10</v>
      </c>
      <c r="FS16" s="71">
        <v>3</v>
      </c>
      <c r="FT16" s="72">
        <v>35</v>
      </c>
      <c r="FU16" s="73">
        <v>44</v>
      </c>
      <c r="FV16" s="70">
        <v>0</v>
      </c>
      <c r="FW16" s="71">
        <v>0</v>
      </c>
      <c r="FX16" s="72">
        <v>0</v>
      </c>
      <c r="FY16" s="276"/>
      <c r="FZ16" s="71">
        <v>0</v>
      </c>
      <c r="GA16" s="71">
        <v>0</v>
      </c>
      <c r="GB16" s="71">
        <v>0</v>
      </c>
      <c r="GC16" s="71">
        <v>0</v>
      </c>
      <c r="GD16" s="71">
        <v>0</v>
      </c>
      <c r="GE16" s="72">
        <v>0</v>
      </c>
      <c r="GF16" s="73">
        <v>0</v>
      </c>
      <c r="GG16" s="70">
        <v>15</v>
      </c>
      <c r="GH16" s="71">
        <v>24</v>
      </c>
      <c r="GI16" s="72">
        <v>39</v>
      </c>
      <c r="GJ16" s="276"/>
      <c r="GK16" s="71">
        <v>16</v>
      </c>
      <c r="GL16" s="71">
        <v>14</v>
      </c>
      <c r="GM16" s="71">
        <v>10</v>
      </c>
      <c r="GN16" s="71">
        <v>15</v>
      </c>
      <c r="GO16" s="71">
        <v>6</v>
      </c>
      <c r="GP16" s="72">
        <v>61</v>
      </c>
      <c r="GQ16" s="73">
        <v>100</v>
      </c>
      <c r="GR16" s="126">
        <v>179</v>
      </c>
      <c r="GS16" s="82">
        <v>145</v>
      </c>
      <c r="GT16" s="83">
        <v>324</v>
      </c>
      <c r="GU16" s="273"/>
      <c r="GV16" s="82">
        <v>187</v>
      </c>
      <c r="GW16" s="82">
        <v>124</v>
      </c>
      <c r="GX16" s="82">
        <v>109</v>
      </c>
      <c r="GY16" s="82">
        <v>103</v>
      </c>
      <c r="GZ16" s="82">
        <v>51</v>
      </c>
      <c r="HA16" s="84">
        <v>574</v>
      </c>
      <c r="HB16" s="85">
        <v>898</v>
      </c>
      <c r="HC16" s="86">
        <v>3</v>
      </c>
      <c r="HD16" s="71">
        <v>3</v>
      </c>
      <c r="HE16" s="72">
        <v>6</v>
      </c>
      <c r="HF16" s="276"/>
      <c r="HG16" s="71">
        <v>1</v>
      </c>
      <c r="HH16" s="71">
        <v>1</v>
      </c>
      <c r="HI16" s="71">
        <v>3</v>
      </c>
      <c r="HJ16" s="71">
        <v>1</v>
      </c>
      <c r="HK16" s="71">
        <v>1</v>
      </c>
      <c r="HL16" s="72">
        <v>7</v>
      </c>
      <c r="HM16" s="73">
        <v>13</v>
      </c>
      <c r="HN16" s="70">
        <v>8</v>
      </c>
      <c r="HO16" s="71">
        <v>9</v>
      </c>
      <c r="HP16" s="72">
        <v>17</v>
      </c>
      <c r="HQ16" s="276"/>
      <c r="HR16" s="71">
        <v>8</v>
      </c>
      <c r="HS16" s="71">
        <v>1</v>
      </c>
      <c r="HT16" s="71">
        <v>2</v>
      </c>
      <c r="HU16" s="71">
        <v>6</v>
      </c>
      <c r="HV16" s="71">
        <v>5</v>
      </c>
      <c r="HW16" s="72">
        <v>22</v>
      </c>
      <c r="HX16" s="73">
        <v>39</v>
      </c>
      <c r="HY16" s="86">
        <v>15</v>
      </c>
      <c r="HZ16" s="71">
        <v>7</v>
      </c>
      <c r="IA16" s="72">
        <v>22</v>
      </c>
      <c r="IB16" s="276"/>
      <c r="IC16" s="71">
        <v>11</v>
      </c>
      <c r="ID16" s="71">
        <v>11</v>
      </c>
      <c r="IE16" s="71">
        <v>13</v>
      </c>
      <c r="IF16" s="71">
        <v>9</v>
      </c>
      <c r="IG16" s="71">
        <v>6</v>
      </c>
      <c r="IH16" s="72">
        <v>50</v>
      </c>
      <c r="II16" s="73">
        <v>72</v>
      </c>
      <c r="IJ16" s="70">
        <v>36</v>
      </c>
      <c r="IK16" s="71">
        <v>31</v>
      </c>
      <c r="IL16" s="72">
        <v>67</v>
      </c>
      <c r="IM16" s="276"/>
      <c r="IN16" s="71">
        <v>39</v>
      </c>
      <c r="IO16" s="71">
        <v>23</v>
      </c>
      <c r="IP16" s="71">
        <v>16</v>
      </c>
      <c r="IQ16" s="71">
        <v>13</v>
      </c>
      <c r="IR16" s="71">
        <v>12</v>
      </c>
      <c r="IS16" s="72">
        <v>103</v>
      </c>
      <c r="IT16" s="73">
        <v>170</v>
      </c>
      <c r="IU16" s="86">
        <v>62</v>
      </c>
      <c r="IV16" s="71">
        <v>48</v>
      </c>
      <c r="IW16" s="72">
        <v>110</v>
      </c>
      <c r="IX16" s="276"/>
      <c r="IY16" s="71">
        <v>71</v>
      </c>
      <c r="IZ16" s="71">
        <v>33</v>
      </c>
      <c r="JA16" s="71">
        <v>32</v>
      </c>
      <c r="JB16" s="71">
        <v>25</v>
      </c>
      <c r="JC16" s="71">
        <v>11</v>
      </c>
      <c r="JD16" s="72">
        <v>172</v>
      </c>
      <c r="JE16" s="73">
        <v>282</v>
      </c>
      <c r="JF16" s="70">
        <v>55</v>
      </c>
      <c r="JG16" s="71">
        <v>47</v>
      </c>
      <c r="JH16" s="72">
        <v>102</v>
      </c>
      <c r="JI16" s="276"/>
      <c r="JJ16" s="71">
        <v>57</v>
      </c>
      <c r="JK16" s="71">
        <v>55</v>
      </c>
      <c r="JL16" s="71">
        <v>43</v>
      </c>
      <c r="JM16" s="71">
        <v>49</v>
      </c>
      <c r="JN16" s="71">
        <v>16</v>
      </c>
      <c r="JO16" s="72">
        <v>220</v>
      </c>
      <c r="JP16" s="73">
        <v>322</v>
      </c>
      <c r="JQ16" s="70">
        <v>0</v>
      </c>
      <c r="JR16" s="71">
        <v>0</v>
      </c>
      <c r="JS16" s="72">
        <v>0</v>
      </c>
      <c r="JT16" s="276"/>
      <c r="JU16" s="71">
        <v>0</v>
      </c>
      <c r="JV16" s="71">
        <v>0</v>
      </c>
      <c r="JW16" s="71">
        <v>0</v>
      </c>
      <c r="JX16" s="71">
        <v>0</v>
      </c>
      <c r="JY16" s="71">
        <v>0</v>
      </c>
      <c r="JZ16" s="72">
        <v>0</v>
      </c>
      <c r="KA16" s="73">
        <v>0</v>
      </c>
      <c r="KB16" s="70">
        <v>179</v>
      </c>
      <c r="KC16" s="71">
        <v>145</v>
      </c>
      <c r="KD16" s="72">
        <v>324</v>
      </c>
      <c r="KE16" s="276"/>
      <c r="KF16" s="71">
        <v>187</v>
      </c>
      <c r="KG16" s="71">
        <v>124</v>
      </c>
      <c r="KH16" s="71">
        <v>109</v>
      </c>
      <c r="KI16" s="71">
        <v>103</v>
      </c>
      <c r="KJ16" s="71">
        <v>51</v>
      </c>
      <c r="KK16" s="72">
        <v>574</v>
      </c>
      <c r="KL16" s="73">
        <v>898</v>
      </c>
    </row>
    <row r="17" spans="1:298" ht="19.5" customHeight="1" x14ac:dyDescent="0.2">
      <c r="A17" s="129" t="s">
        <v>13</v>
      </c>
      <c r="B17" s="350">
        <v>31</v>
      </c>
      <c r="C17" s="82">
        <v>47</v>
      </c>
      <c r="D17" s="83">
        <v>78</v>
      </c>
      <c r="E17" s="273"/>
      <c r="F17" s="82">
        <v>82</v>
      </c>
      <c r="G17" s="82">
        <v>65</v>
      </c>
      <c r="H17" s="82">
        <v>36</v>
      </c>
      <c r="I17" s="82">
        <v>43</v>
      </c>
      <c r="J17" s="82">
        <v>24</v>
      </c>
      <c r="K17" s="84">
        <v>250</v>
      </c>
      <c r="L17" s="85">
        <v>328</v>
      </c>
      <c r="M17" s="70">
        <v>0</v>
      </c>
      <c r="N17" s="71">
        <v>0</v>
      </c>
      <c r="O17" s="72">
        <v>0</v>
      </c>
      <c r="P17" s="276"/>
      <c r="Q17" s="71">
        <v>0</v>
      </c>
      <c r="R17" s="71">
        <v>0</v>
      </c>
      <c r="S17" s="71">
        <v>0</v>
      </c>
      <c r="T17" s="71">
        <v>0</v>
      </c>
      <c r="U17" s="71">
        <v>0</v>
      </c>
      <c r="V17" s="72">
        <v>0</v>
      </c>
      <c r="W17" s="73">
        <v>0</v>
      </c>
      <c r="X17" s="70">
        <v>0</v>
      </c>
      <c r="Y17" s="71">
        <v>2</v>
      </c>
      <c r="Z17" s="72">
        <v>2</v>
      </c>
      <c r="AA17" s="276"/>
      <c r="AB17" s="71">
        <v>1</v>
      </c>
      <c r="AC17" s="71">
        <v>3</v>
      </c>
      <c r="AD17" s="71">
        <v>0</v>
      </c>
      <c r="AE17" s="71">
        <v>1</v>
      </c>
      <c r="AF17" s="71">
        <v>1</v>
      </c>
      <c r="AG17" s="72">
        <v>6</v>
      </c>
      <c r="AH17" s="73">
        <v>8</v>
      </c>
      <c r="AI17" s="70">
        <v>3</v>
      </c>
      <c r="AJ17" s="71">
        <v>2</v>
      </c>
      <c r="AK17" s="72">
        <v>5</v>
      </c>
      <c r="AL17" s="276"/>
      <c r="AM17" s="71">
        <v>2</v>
      </c>
      <c r="AN17" s="71">
        <v>3</v>
      </c>
      <c r="AO17" s="71">
        <v>3</v>
      </c>
      <c r="AP17" s="71">
        <v>4</v>
      </c>
      <c r="AQ17" s="71">
        <v>1</v>
      </c>
      <c r="AR17" s="72">
        <v>13</v>
      </c>
      <c r="AS17" s="73">
        <v>18</v>
      </c>
      <c r="AT17" s="70">
        <v>1</v>
      </c>
      <c r="AU17" s="71">
        <v>16</v>
      </c>
      <c r="AV17" s="72">
        <v>17</v>
      </c>
      <c r="AW17" s="276"/>
      <c r="AX17" s="71">
        <v>14</v>
      </c>
      <c r="AY17" s="71">
        <v>9</v>
      </c>
      <c r="AZ17" s="71">
        <v>6</v>
      </c>
      <c r="BA17" s="71">
        <v>6</v>
      </c>
      <c r="BB17" s="71">
        <v>5</v>
      </c>
      <c r="BC17" s="72">
        <v>40</v>
      </c>
      <c r="BD17" s="73">
        <v>57</v>
      </c>
      <c r="BE17" s="70">
        <v>14</v>
      </c>
      <c r="BF17" s="71">
        <v>14</v>
      </c>
      <c r="BG17" s="72">
        <v>28</v>
      </c>
      <c r="BH17" s="276"/>
      <c r="BI17" s="71">
        <v>35</v>
      </c>
      <c r="BJ17" s="71">
        <v>24</v>
      </c>
      <c r="BK17" s="71">
        <v>13</v>
      </c>
      <c r="BL17" s="71">
        <v>13</v>
      </c>
      <c r="BM17" s="71">
        <v>6</v>
      </c>
      <c r="BN17" s="72">
        <v>91</v>
      </c>
      <c r="BO17" s="73">
        <v>119</v>
      </c>
      <c r="BP17" s="70">
        <v>13</v>
      </c>
      <c r="BQ17" s="71">
        <v>13</v>
      </c>
      <c r="BR17" s="72">
        <v>26</v>
      </c>
      <c r="BS17" s="276"/>
      <c r="BT17" s="71">
        <v>30</v>
      </c>
      <c r="BU17" s="71">
        <v>26</v>
      </c>
      <c r="BV17" s="71">
        <v>14</v>
      </c>
      <c r="BW17" s="71">
        <v>19</v>
      </c>
      <c r="BX17" s="71">
        <v>11</v>
      </c>
      <c r="BY17" s="72">
        <v>100</v>
      </c>
      <c r="BZ17" s="73">
        <v>126</v>
      </c>
      <c r="CA17" s="70">
        <v>0</v>
      </c>
      <c r="CB17" s="71">
        <v>0</v>
      </c>
      <c r="CC17" s="72">
        <v>0</v>
      </c>
      <c r="CD17" s="276"/>
      <c r="CE17" s="71">
        <v>0</v>
      </c>
      <c r="CF17" s="71">
        <v>0</v>
      </c>
      <c r="CG17" s="71">
        <v>0</v>
      </c>
      <c r="CH17" s="71">
        <v>0</v>
      </c>
      <c r="CI17" s="71">
        <v>0</v>
      </c>
      <c r="CJ17" s="72">
        <v>0</v>
      </c>
      <c r="CK17" s="73">
        <v>0</v>
      </c>
      <c r="CL17" s="70">
        <v>31</v>
      </c>
      <c r="CM17" s="71">
        <v>47</v>
      </c>
      <c r="CN17" s="72">
        <v>78</v>
      </c>
      <c r="CO17" s="276"/>
      <c r="CP17" s="71">
        <v>82</v>
      </c>
      <c r="CQ17" s="71">
        <v>65</v>
      </c>
      <c r="CR17" s="71">
        <v>36</v>
      </c>
      <c r="CS17" s="71">
        <v>43</v>
      </c>
      <c r="CT17" s="71">
        <v>24</v>
      </c>
      <c r="CU17" s="72">
        <v>250</v>
      </c>
      <c r="CV17" s="73">
        <v>328</v>
      </c>
      <c r="CW17" s="126">
        <v>5</v>
      </c>
      <c r="CX17" s="82">
        <v>3</v>
      </c>
      <c r="CY17" s="83">
        <v>8</v>
      </c>
      <c r="CZ17" s="273"/>
      <c r="DA17" s="82">
        <v>12</v>
      </c>
      <c r="DB17" s="82">
        <v>9</v>
      </c>
      <c r="DC17" s="82">
        <v>5</v>
      </c>
      <c r="DD17" s="82">
        <v>9</v>
      </c>
      <c r="DE17" s="82">
        <v>5</v>
      </c>
      <c r="DF17" s="84">
        <v>40</v>
      </c>
      <c r="DG17" s="85">
        <v>48</v>
      </c>
      <c r="DH17" s="70">
        <v>0</v>
      </c>
      <c r="DI17" s="71">
        <v>0</v>
      </c>
      <c r="DJ17" s="72">
        <v>0</v>
      </c>
      <c r="DK17" s="276"/>
      <c r="DL17" s="71">
        <v>0</v>
      </c>
      <c r="DM17" s="71">
        <v>0</v>
      </c>
      <c r="DN17" s="71">
        <v>0</v>
      </c>
      <c r="DO17" s="71">
        <v>0</v>
      </c>
      <c r="DP17" s="71">
        <v>0</v>
      </c>
      <c r="DQ17" s="72">
        <v>0</v>
      </c>
      <c r="DR17" s="73">
        <v>0</v>
      </c>
      <c r="DS17" s="70">
        <v>0</v>
      </c>
      <c r="DT17" s="71">
        <v>0</v>
      </c>
      <c r="DU17" s="72">
        <v>0</v>
      </c>
      <c r="DV17" s="276"/>
      <c r="DW17" s="71">
        <v>0</v>
      </c>
      <c r="DX17" s="71">
        <v>0</v>
      </c>
      <c r="DY17" s="71">
        <v>0</v>
      </c>
      <c r="DZ17" s="71">
        <v>0</v>
      </c>
      <c r="EA17" s="71">
        <v>0</v>
      </c>
      <c r="EB17" s="72">
        <v>0</v>
      </c>
      <c r="EC17" s="73">
        <v>0</v>
      </c>
      <c r="ED17" s="70">
        <v>0</v>
      </c>
      <c r="EE17" s="71">
        <v>0</v>
      </c>
      <c r="EF17" s="72">
        <v>0</v>
      </c>
      <c r="EG17" s="276"/>
      <c r="EH17" s="71">
        <v>1</v>
      </c>
      <c r="EI17" s="71">
        <v>1</v>
      </c>
      <c r="EJ17" s="71">
        <v>0</v>
      </c>
      <c r="EK17" s="71">
        <v>0</v>
      </c>
      <c r="EL17" s="71">
        <v>0</v>
      </c>
      <c r="EM17" s="72">
        <v>2</v>
      </c>
      <c r="EN17" s="73">
        <v>2</v>
      </c>
      <c r="EO17" s="70">
        <v>1</v>
      </c>
      <c r="EP17" s="71">
        <v>0</v>
      </c>
      <c r="EQ17" s="72">
        <v>1</v>
      </c>
      <c r="ER17" s="276"/>
      <c r="ES17" s="71">
        <v>5</v>
      </c>
      <c r="ET17" s="71">
        <v>0</v>
      </c>
      <c r="EU17" s="71">
        <v>1</v>
      </c>
      <c r="EV17" s="71">
        <v>1</v>
      </c>
      <c r="EW17" s="71">
        <v>1</v>
      </c>
      <c r="EX17" s="72">
        <v>8</v>
      </c>
      <c r="EY17" s="73">
        <v>9</v>
      </c>
      <c r="EZ17" s="70">
        <v>4</v>
      </c>
      <c r="FA17" s="71">
        <v>0</v>
      </c>
      <c r="FB17" s="72">
        <v>4</v>
      </c>
      <c r="FC17" s="276"/>
      <c r="FD17" s="71">
        <v>4</v>
      </c>
      <c r="FE17" s="71">
        <v>4</v>
      </c>
      <c r="FF17" s="71">
        <v>1</v>
      </c>
      <c r="FG17" s="71">
        <v>3</v>
      </c>
      <c r="FH17" s="71">
        <v>1</v>
      </c>
      <c r="FI17" s="72">
        <v>13</v>
      </c>
      <c r="FJ17" s="73">
        <v>17</v>
      </c>
      <c r="FK17" s="70">
        <v>0</v>
      </c>
      <c r="FL17" s="71">
        <v>3</v>
      </c>
      <c r="FM17" s="72">
        <v>3</v>
      </c>
      <c r="FN17" s="276"/>
      <c r="FO17" s="71">
        <v>2</v>
      </c>
      <c r="FP17" s="71">
        <v>4</v>
      </c>
      <c r="FQ17" s="71">
        <v>3</v>
      </c>
      <c r="FR17" s="71">
        <v>5</v>
      </c>
      <c r="FS17" s="71">
        <v>3</v>
      </c>
      <c r="FT17" s="72">
        <v>17</v>
      </c>
      <c r="FU17" s="73">
        <v>20</v>
      </c>
      <c r="FV17" s="70">
        <v>0</v>
      </c>
      <c r="FW17" s="71">
        <v>0</v>
      </c>
      <c r="FX17" s="72">
        <v>0</v>
      </c>
      <c r="FY17" s="276"/>
      <c r="FZ17" s="71">
        <v>0</v>
      </c>
      <c r="GA17" s="71">
        <v>0</v>
      </c>
      <c r="GB17" s="71">
        <v>0</v>
      </c>
      <c r="GC17" s="71">
        <v>0</v>
      </c>
      <c r="GD17" s="71">
        <v>0</v>
      </c>
      <c r="GE17" s="72">
        <v>0</v>
      </c>
      <c r="GF17" s="73">
        <v>0</v>
      </c>
      <c r="GG17" s="70">
        <v>5</v>
      </c>
      <c r="GH17" s="71">
        <v>3</v>
      </c>
      <c r="GI17" s="72">
        <v>8</v>
      </c>
      <c r="GJ17" s="276"/>
      <c r="GK17" s="71">
        <v>12</v>
      </c>
      <c r="GL17" s="71">
        <v>9</v>
      </c>
      <c r="GM17" s="71">
        <v>5</v>
      </c>
      <c r="GN17" s="71">
        <v>9</v>
      </c>
      <c r="GO17" s="71">
        <v>5</v>
      </c>
      <c r="GP17" s="72">
        <v>40</v>
      </c>
      <c r="GQ17" s="73">
        <v>48</v>
      </c>
      <c r="GR17" s="126">
        <v>36</v>
      </c>
      <c r="GS17" s="82">
        <v>50</v>
      </c>
      <c r="GT17" s="83">
        <v>86</v>
      </c>
      <c r="GU17" s="273"/>
      <c r="GV17" s="82">
        <v>94</v>
      </c>
      <c r="GW17" s="82">
        <v>74</v>
      </c>
      <c r="GX17" s="82">
        <v>41</v>
      </c>
      <c r="GY17" s="82">
        <v>52</v>
      </c>
      <c r="GZ17" s="82">
        <v>29</v>
      </c>
      <c r="HA17" s="84">
        <v>290</v>
      </c>
      <c r="HB17" s="85">
        <v>376</v>
      </c>
      <c r="HC17" s="70">
        <v>0</v>
      </c>
      <c r="HD17" s="71">
        <v>0</v>
      </c>
      <c r="HE17" s="72">
        <v>0</v>
      </c>
      <c r="HF17" s="276"/>
      <c r="HG17" s="71">
        <v>0</v>
      </c>
      <c r="HH17" s="71">
        <v>0</v>
      </c>
      <c r="HI17" s="71">
        <v>0</v>
      </c>
      <c r="HJ17" s="71">
        <v>0</v>
      </c>
      <c r="HK17" s="71">
        <v>0</v>
      </c>
      <c r="HL17" s="72">
        <v>0</v>
      </c>
      <c r="HM17" s="73">
        <v>0</v>
      </c>
      <c r="HN17" s="70">
        <v>0</v>
      </c>
      <c r="HO17" s="71">
        <v>2</v>
      </c>
      <c r="HP17" s="72">
        <v>2</v>
      </c>
      <c r="HQ17" s="276"/>
      <c r="HR17" s="71">
        <v>1</v>
      </c>
      <c r="HS17" s="71">
        <v>3</v>
      </c>
      <c r="HT17" s="71">
        <v>0</v>
      </c>
      <c r="HU17" s="71">
        <v>1</v>
      </c>
      <c r="HV17" s="71">
        <v>1</v>
      </c>
      <c r="HW17" s="72">
        <v>6</v>
      </c>
      <c r="HX17" s="73">
        <v>8</v>
      </c>
      <c r="HY17" s="70">
        <v>3</v>
      </c>
      <c r="HZ17" s="71">
        <v>2</v>
      </c>
      <c r="IA17" s="72">
        <v>5</v>
      </c>
      <c r="IB17" s="276"/>
      <c r="IC17" s="71">
        <v>3</v>
      </c>
      <c r="ID17" s="71">
        <v>4</v>
      </c>
      <c r="IE17" s="71">
        <v>3</v>
      </c>
      <c r="IF17" s="71">
        <v>4</v>
      </c>
      <c r="IG17" s="71">
        <v>1</v>
      </c>
      <c r="IH17" s="72">
        <v>15</v>
      </c>
      <c r="II17" s="73">
        <v>20</v>
      </c>
      <c r="IJ17" s="70">
        <v>2</v>
      </c>
      <c r="IK17" s="71">
        <v>16</v>
      </c>
      <c r="IL17" s="72">
        <v>18</v>
      </c>
      <c r="IM17" s="276"/>
      <c r="IN17" s="71">
        <v>19</v>
      </c>
      <c r="IO17" s="71">
        <v>9</v>
      </c>
      <c r="IP17" s="71">
        <v>7</v>
      </c>
      <c r="IQ17" s="71">
        <v>7</v>
      </c>
      <c r="IR17" s="71">
        <v>6</v>
      </c>
      <c r="IS17" s="72">
        <v>48</v>
      </c>
      <c r="IT17" s="73">
        <v>66</v>
      </c>
      <c r="IU17" s="70">
        <v>18</v>
      </c>
      <c r="IV17" s="71">
        <v>14</v>
      </c>
      <c r="IW17" s="72">
        <v>32</v>
      </c>
      <c r="IX17" s="276"/>
      <c r="IY17" s="71">
        <v>39</v>
      </c>
      <c r="IZ17" s="71">
        <v>28</v>
      </c>
      <c r="JA17" s="71">
        <v>14</v>
      </c>
      <c r="JB17" s="71">
        <v>16</v>
      </c>
      <c r="JC17" s="71">
        <v>7</v>
      </c>
      <c r="JD17" s="72">
        <v>104</v>
      </c>
      <c r="JE17" s="73">
        <v>136</v>
      </c>
      <c r="JF17" s="70">
        <v>13</v>
      </c>
      <c r="JG17" s="71">
        <v>16</v>
      </c>
      <c r="JH17" s="72">
        <v>29</v>
      </c>
      <c r="JI17" s="276"/>
      <c r="JJ17" s="71">
        <v>32</v>
      </c>
      <c r="JK17" s="71">
        <v>30</v>
      </c>
      <c r="JL17" s="71">
        <v>17</v>
      </c>
      <c r="JM17" s="71">
        <v>24</v>
      </c>
      <c r="JN17" s="71">
        <v>14</v>
      </c>
      <c r="JO17" s="72">
        <v>117</v>
      </c>
      <c r="JP17" s="73">
        <v>146</v>
      </c>
      <c r="JQ17" s="70">
        <v>0</v>
      </c>
      <c r="JR17" s="71">
        <v>0</v>
      </c>
      <c r="JS17" s="72">
        <v>0</v>
      </c>
      <c r="JT17" s="276"/>
      <c r="JU17" s="71">
        <v>0</v>
      </c>
      <c r="JV17" s="71">
        <v>0</v>
      </c>
      <c r="JW17" s="71">
        <v>0</v>
      </c>
      <c r="JX17" s="71">
        <v>0</v>
      </c>
      <c r="JY17" s="71">
        <v>0</v>
      </c>
      <c r="JZ17" s="72">
        <v>0</v>
      </c>
      <c r="KA17" s="73">
        <v>0</v>
      </c>
      <c r="KB17" s="70">
        <v>36</v>
      </c>
      <c r="KC17" s="71">
        <v>50</v>
      </c>
      <c r="KD17" s="72">
        <v>86</v>
      </c>
      <c r="KE17" s="276"/>
      <c r="KF17" s="71">
        <v>94</v>
      </c>
      <c r="KG17" s="71">
        <v>74</v>
      </c>
      <c r="KH17" s="71">
        <v>41</v>
      </c>
      <c r="KI17" s="71">
        <v>52</v>
      </c>
      <c r="KJ17" s="71">
        <v>29</v>
      </c>
      <c r="KK17" s="72">
        <v>290</v>
      </c>
      <c r="KL17" s="73">
        <v>376</v>
      </c>
    </row>
    <row r="18" spans="1:298" ht="19.5" customHeight="1" x14ac:dyDescent="0.2">
      <c r="A18" s="129" t="s">
        <v>15</v>
      </c>
      <c r="B18" s="350">
        <v>21</v>
      </c>
      <c r="C18" s="82">
        <v>19</v>
      </c>
      <c r="D18" s="83">
        <v>40</v>
      </c>
      <c r="E18" s="273"/>
      <c r="F18" s="82">
        <v>34</v>
      </c>
      <c r="G18" s="82">
        <v>26</v>
      </c>
      <c r="H18" s="82">
        <v>25</v>
      </c>
      <c r="I18" s="82">
        <v>15</v>
      </c>
      <c r="J18" s="82">
        <v>7</v>
      </c>
      <c r="K18" s="84">
        <v>107</v>
      </c>
      <c r="L18" s="85">
        <v>147</v>
      </c>
      <c r="M18" s="70">
        <v>1</v>
      </c>
      <c r="N18" s="71">
        <v>0</v>
      </c>
      <c r="O18" s="72">
        <v>1</v>
      </c>
      <c r="P18" s="276"/>
      <c r="Q18" s="71">
        <v>1</v>
      </c>
      <c r="R18" s="71">
        <v>0</v>
      </c>
      <c r="S18" s="71">
        <v>1</v>
      </c>
      <c r="T18" s="71">
        <v>0</v>
      </c>
      <c r="U18" s="71">
        <v>0</v>
      </c>
      <c r="V18" s="72">
        <v>2</v>
      </c>
      <c r="W18" s="73">
        <v>3</v>
      </c>
      <c r="X18" s="70">
        <v>2</v>
      </c>
      <c r="Y18" s="71">
        <v>2</v>
      </c>
      <c r="Z18" s="72">
        <v>4</v>
      </c>
      <c r="AA18" s="276"/>
      <c r="AB18" s="71">
        <v>3</v>
      </c>
      <c r="AC18" s="71">
        <v>1</v>
      </c>
      <c r="AD18" s="71">
        <v>4</v>
      </c>
      <c r="AE18" s="71">
        <v>1</v>
      </c>
      <c r="AF18" s="71">
        <v>3</v>
      </c>
      <c r="AG18" s="72">
        <v>12</v>
      </c>
      <c r="AH18" s="73">
        <v>16</v>
      </c>
      <c r="AI18" s="70">
        <v>3</v>
      </c>
      <c r="AJ18" s="71">
        <v>1</v>
      </c>
      <c r="AK18" s="72">
        <v>4</v>
      </c>
      <c r="AL18" s="276"/>
      <c r="AM18" s="71">
        <v>4</v>
      </c>
      <c r="AN18" s="71">
        <v>3</v>
      </c>
      <c r="AO18" s="71">
        <v>1</v>
      </c>
      <c r="AP18" s="71">
        <v>1</v>
      </c>
      <c r="AQ18" s="71">
        <v>3</v>
      </c>
      <c r="AR18" s="72">
        <v>12</v>
      </c>
      <c r="AS18" s="73">
        <v>16</v>
      </c>
      <c r="AT18" s="70">
        <v>6</v>
      </c>
      <c r="AU18" s="71">
        <v>2</v>
      </c>
      <c r="AV18" s="72">
        <v>8</v>
      </c>
      <c r="AW18" s="276"/>
      <c r="AX18" s="71">
        <v>8</v>
      </c>
      <c r="AY18" s="71">
        <v>5</v>
      </c>
      <c r="AZ18" s="71">
        <v>3</v>
      </c>
      <c r="BA18" s="71">
        <v>4</v>
      </c>
      <c r="BB18" s="71">
        <v>0</v>
      </c>
      <c r="BC18" s="72">
        <v>20</v>
      </c>
      <c r="BD18" s="73">
        <v>28</v>
      </c>
      <c r="BE18" s="70">
        <v>4</v>
      </c>
      <c r="BF18" s="71">
        <v>5</v>
      </c>
      <c r="BG18" s="72">
        <v>9</v>
      </c>
      <c r="BH18" s="276"/>
      <c r="BI18" s="71">
        <v>6</v>
      </c>
      <c r="BJ18" s="71">
        <v>6</v>
      </c>
      <c r="BK18" s="71">
        <v>4</v>
      </c>
      <c r="BL18" s="71">
        <v>3</v>
      </c>
      <c r="BM18" s="71">
        <v>0</v>
      </c>
      <c r="BN18" s="72">
        <v>19</v>
      </c>
      <c r="BO18" s="73">
        <v>28</v>
      </c>
      <c r="BP18" s="70">
        <v>5</v>
      </c>
      <c r="BQ18" s="71">
        <v>9</v>
      </c>
      <c r="BR18" s="72">
        <v>14</v>
      </c>
      <c r="BS18" s="276"/>
      <c r="BT18" s="71">
        <v>12</v>
      </c>
      <c r="BU18" s="71">
        <v>11</v>
      </c>
      <c r="BV18" s="71">
        <v>12</v>
      </c>
      <c r="BW18" s="71">
        <v>6</v>
      </c>
      <c r="BX18" s="71">
        <v>1</v>
      </c>
      <c r="BY18" s="72">
        <v>42</v>
      </c>
      <c r="BZ18" s="73">
        <v>56</v>
      </c>
      <c r="CA18" s="70">
        <v>0</v>
      </c>
      <c r="CB18" s="71">
        <v>0</v>
      </c>
      <c r="CC18" s="72">
        <v>0</v>
      </c>
      <c r="CD18" s="276"/>
      <c r="CE18" s="71">
        <v>0</v>
      </c>
      <c r="CF18" s="71">
        <v>0</v>
      </c>
      <c r="CG18" s="71">
        <v>0</v>
      </c>
      <c r="CH18" s="71">
        <v>0</v>
      </c>
      <c r="CI18" s="71">
        <v>0</v>
      </c>
      <c r="CJ18" s="72">
        <v>0</v>
      </c>
      <c r="CK18" s="73">
        <v>0</v>
      </c>
      <c r="CL18" s="70">
        <v>21</v>
      </c>
      <c r="CM18" s="71">
        <v>19</v>
      </c>
      <c r="CN18" s="72">
        <v>40</v>
      </c>
      <c r="CO18" s="276"/>
      <c r="CP18" s="71">
        <v>34</v>
      </c>
      <c r="CQ18" s="71">
        <v>26</v>
      </c>
      <c r="CR18" s="71">
        <v>25</v>
      </c>
      <c r="CS18" s="71">
        <v>15</v>
      </c>
      <c r="CT18" s="71">
        <v>7</v>
      </c>
      <c r="CU18" s="72">
        <v>107</v>
      </c>
      <c r="CV18" s="73">
        <v>147</v>
      </c>
      <c r="CW18" s="126">
        <v>2</v>
      </c>
      <c r="CX18" s="82">
        <v>1</v>
      </c>
      <c r="CY18" s="83">
        <v>3</v>
      </c>
      <c r="CZ18" s="273"/>
      <c r="DA18" s="82">
        <v>2</v>
      </c>
      <c r="DB18" s="82">
        <v>9</v>
      </c>
      <c r="DC18" s="82">
        <v>1</v>
      </c>
      <c r="DD18" s="82">
        <v>3</v>
      </c>
      <c r="DE18" s="82">
        <v>1</v>
      </c>
      <c r="DF18" s="84">
        <v>16</v>
      </c>
      <c r="DG18" s="85">
        <v>19</v>
      </c>
      <c r="DH18" s="70">
        <v>0</v>
      </c>
      <c r="DI18" s="71">
        <v>0</v>
      </c>
      <c r="DJ18" s="72">
        <v>0</v>
      </c>
      <c r="DK18" s="276"/>
      <c r="DL18" s="71">
        <v>0</v>
      </c>
      <c r="DM18" s="71">
        <v>0</v>
      </c>
      <c r="DN18" s="71">
        <v>0</v>
      </c>
      <c r="DO18" s="71">
        <v>0</v>
      </c>
      <c r="DP18" s="71">
        <v>0</v>
      </c>
      <c r="DQ18" s="72">
        <v>0</v>
      </c>
      <c r="DR18" s="73">
        <v>0</v>
      </c>
      <c r="DS18" s="70">
        <v>0</v>
      </c>
      <c r="DT18" s="71">
        <v>0</v>
      </c>
      <c r="DU18" s="72">
        <v>0</v>
      </c>
      <c r="DV18" s="276"/>
      <c r="DW18" s="71">
        <v>1</v>
      </c>
      <c r="DX18" s="71">
        <v>0</v>
      </c>
      <c r="DY18" s="71">
        <v>0</v>
      </c>
      <c r="DZ18" s="71">
        <v>0</v>
      </c>
      <c r="EA18" s="71">
        <v>0</v>
      </c>
      <c r="EB18" s="72">
        <v>1</v>
      </c>
      <c r="EC18" s="73">
        <v>1</v>
      </c>
      <c r="ED18" s="70">
        <v>0</v>
      </c>
      <c r="EE18" s="71">
        <v>0</v>
      </c>
      <c r="EF18" s="72">
        <v>0</v>
      </c>
      <c r="EG18" s="276"/>
      <c r="EH18" s="71">
        <v>0</v>
      </c>
      <c r="EI18" s="71">
        <v>0</v>
      </c>
      <c r="EJ18" s="71">
        <v>0</v>
      </c>
      <c r="EK18" s="71">
        <v>0</v>
      </c>
      <c r="EL18" s="71">
        <v>0</v>
      </c>
      <c r="EM18" s="72">
        <v>0</v>
      </c>
      <c r="EN18" s="73">
        <v>0</v>
      </c>
      <c r="EO18" s="70">
        <v>0</v>
      </c>
      <c r="EP18" s="71">
        <v>0</v>
      </c>
      <c r="EQ18" s="72">
        <v>0</v>
      </c>
      <c r="ER18" s="276"/>
      <c r="ES18" s="71">
        <v>0</v>
      </c>
      <c r="ET18" s="71">
        <v>1</v>
      </c>
      <c r="EU18" s="71">
        <v>0</v>
      </c>
      <c r="EV18" s="71">
        <v>0</v>
      </c>
      <c r="EW18" s="71">
        <v>0</v>
      </c>
      <c r="EX18" s="72">
        <v>1</v>
      </c>
      <c r="EY18" s="73">
        <v>1</v>
      </c>
      <c r="EZ18" s="70">
        <v>0</v>
      </c>
      <c r="FA18" s="71">
        <v>0</v>
      </c>
      <c r="FB18" s="72">
        <v>0</v>
      </c>
      <c r="FC18" s="276"/>
      <c r="FD18" s="71">
        <v>0</v>
      </c>
      <c r="FE18" s="71">
        <v>2</v>
      </c>
      <c r="FF18" s="71">
        <v>1</v>
      </c>
      <c r="FG18" s="71">
        <v>1</v>
      </c>
      <c r="FH18" s="71">
        <v>0</v>
      </c>
      <c r="FI18" s="72">
        <v>4</v>
      </c>
      <c r="FJ18" s="73">
        <v>4</v>
      </c>
      <c r="FK18" s="70">
        <v>2</v>
      </c>
      <c r="FL18" s="71">
        <v>1</v>
      </c>
      <c r="FM18" s="72">
        <v>3</v>
      </c>
      <c r="FN18" s="276"/>
      <c r="FO18" s="71">
        <v>1</v>
      </c>
      <c r="FP18" s="71">
        <v>6</v>
      </c>
      <c r="FQ18" s="71">
        <v>0</v>
      </c>
      <c r="FR18" s="71">
        <v>2</v>
      </c>
      <c r="FS18" s="71">
        <v>1</v>
      </c>
      <c r="FT18" s="72">
        <v>10</v>
      </c>
      <c r="FU18" s="73">
        <v>13</v>
      </c>
      <c r="FV18" s="70">
        <v>0</v>
      </c>
      <c r="FW18" s="71">
        <v>0</v>
      </c>
      <c r="FX18" s="72">
        <v>0</v>
      </c>
      <c r="FY18" s="276"/>
      <c r="FZ18" s="71">
        <v>0</v>
      </c>
      <c r="GA18" s="71">
        <v>0</v>
      </c>
      <c r="GB18" s="71">
        <v>0</v>
      </c>
      <c r="GC18" s="71">
        <v>0</v>
      </c>
      <c r="GD18" s="71">
        <v>0</v>
      </c>
      <c r="GE18" s="72">
        <v>0</v>
      </c>
      <c r="GF18" s="73">
        <v>0</v>
      </c>
      <c r="GG18" s="70">
        <v>2</v>
      </c>
      <c r="GH18" s="71">
        <v>1</v>
      </c>
      <c r="GI18" s="72">
        <v>3</v>
      </c>
      <c r="GJ18" s="276"/>
      <c r="GK18" s="71">
        <v>2</v>
      </c>
      <c r="GL18" s="71">
        <v>9</v>
      </c>
      <c r="GM18" s="71">
        <v>1</v>
      </c>
      <c r="GN18" s="71">
        <v>3</v>
      </c>
      <c r="GO18" s="71">
        <v>1</v>
      </c>
      <c r="GP18" s="72">
        <v>16</v>
      </c>
      <c r="GQ18" s="73">
        <v>19</v>
      </c>
      <c r="GR18" s="126">
        <v>23</v>
      </c>
      <c r="GS18" s="82">
        <v>20</v>
      </c>
      <c r="GT18" s="83">
        <v>43</v>
      </c>
      <c r="GU18" s="273"/>
      <c r="GV18" s="82">
        <v>36</v>
      </c>
      <c r="GW18" s="82">
        <v>35</v>
      </c>
      <c r="GX18" s="82">
        <v>26</v>
      </c>
      <c r="GY18" s="82">
        <v>18</v>
      </c>
      <c r="GZ18" s="82">
        <v>8</v>
      </c>
      <c r="HA18" s="84">
        <v>123</v>
      </c>
      <c r="HB18" s="85">
        <v>166</v>
      </c>
      <c r="HC18" s="70">
        <v>1</v>
      </c>
      <c r="HD18" s="71">
        <v>0</v>
      </c>
      <c r="HE18" s="72">
        <v>1</v>
      </c>
      <c r="HF18" s="276"/>
      <c r="HG18" s="71">
        <v>1</v>
      </c>
      <c r="HH18" s="71">
        <v>0</v>
      </c>
      <c r="HI18" s="71">
        <v>1</v>
      </c>
      <c r="HJ18" s="71">
        <v>0</v>
      </c>
      <c r="HK18" s="71">
        <v>0</v>
      </c>
      <c r="HL18" s="72">
        <v>2</v>
      </c>
      <c r="HM18" s="73">
        <v>3</v>
      </c>
      <c r="HN18" s="70">
        <v>2</v>
      </c>
      <c r="HO18" s="71">
        <v>2</v>
      </c>
      <c r="HP18" s="72">
        <v>4</v>
      </c>
      <c r="HQ18" s="276"/>
      <c r="HR18" s="71">
        <v>4</v>
      </c>
      <c r="HS18" s="71">
        <v>1</v>
      </c>
      <c r="HT18" s="71">
        <v>4</v>
      </c>
      <c r="HU18" s="71">
        <v>1</v>
      </c>
      <c r="HV18" s="71">
        <v>3</v>
      </c>
      <c r="HW18" s="72">
        <v>13</v>
      </c>
      <c r="HX18" s="73">
        <v>17</v>
      </c>
      <c r="HY18" s="70">
        <v>3</v>
      </c>
      <c r="HZ18" s="71">
        <v>1</v>
      </c>
      <c r="IA18" s="72">
        <v>4</v>
      </c>
      <c r="IB18" s="276"/>
      <c r="IC18" s="71">
        <v>4</v>
      </c>
      <c r="ID18" s="71">
        <v>3</v>
      </c>
      <c r="IE18" s="71">
        <v>1</v>
      </c>
      <c r="IF18" s="71">
        <v>1</v>
      </c>
      <c r="IG18" s="71">
        <v>3</v>
      </c>
      <c r="IH18" s="72">
        <v>12</v>
      </c>
      <c r="II18" s="73">
        <v>16</v>
      </c>
      <c r="IJ18" s="70">
        <v>6</v>
      </c>
      <c r="IK18" s="71">
        <v>2</v>
      </c>
      <c r="IL18" s="72">
        <v>8</v>
      </c>
      <c r="IM18" s="276"/>
      <c r="IN18" s="71">
        <v>8</v>
      </c>
      <c r="IO18" s="71">
        <v>6</v>
      </c>
      <c r="IP18" s="71">
        <v>3</v>
      </c>
      <c r="IQ18" s="71">
        <v>4</v>
      </c>
      <c r="IR18" s="71">
        <v>0</v>
      </c>
      <c r="IS18" s="72">
        <v>21</v>
      </c>
      <c r="IT18" s="73">
        <v>29</v>
      </c>
      <c r="IU18" s="70">
        <v>4</v>
      </c>
      <c r="IV18" s="71">
        <v>5</v>
      </c>
      <c r="IW18" s="72">
        <v>9</v>
      </c>
      <c r="IX18" s="276"/>
      <c r="IY18" s="71">
        <v>6</v>
      </c>
      <c r="IZ18" s="71">
        <v>8</v>
      </c>
      <c r="JA18" s="71">
        <v>5</v>
      </c>
      <c r="JB18" s="71">
        <v>4</v>
      </c>
      <c r="JC18" s="71">
        <v>0</v>
      </c>
      <c r="JD18" s="72">
        <v>23</v>
      </c>
      <c r="JE18" s="73">
        <v>32</v>
      </c>
      <c r="JF18" s="70">
        <v>7</v>
      </c>
      <c r="JG18" s="71">
        <v>10</v>
      </c>
      <c r="JH18" s="72">
        <v>17</v>
      </c>
      <c r="JI18" s="276"/>
      <c r="JJ18" s="71">
        <v>13</v>
      </c>
      <c r="JK18" s="71">
        <v>17</v>
      </c>
      <c r="JL18" s="71">
        <v>12</v>
      </c>
      <c r="JM18" s="71">
        <v>8</v>
      </c>
      <c r="JN18" s="71">
        <v>2</v>
      </c>
      <c r="JO18" s="72">
        <v>52</v>
      </c>
      <c r="JP18" s="73">
        <v>69</v>
      </c>
      <c r="JQ18" s="70">
        <v>0</v>
      </c>
      <c r="JR18" s="71">
        <v>0</v>
      </c>
      <c r="JS18" s="72">
        <v>0</v>
      </c>
      <c r="JT18" s="276"/>
      <c r="JU18" s="71">
        <v>0</v>
      </c>
      <c r="JV18" s="71">
        <v>0</v>
      </c>
      <c r="JW18" s="71">
        <v>0</v>
      </c>
      <c r="JX18" s="71">
        <v>0</v>
      </c>
      <c r="JY18" s="71">
        <v>0</v>
      </c>
      <c r="JZ18" s="72">
        <v>0</v>
      </c>
      <c r="KA18" s="73">
        <v>0</v>
      </c>
      <c r="KB18" s="70">
        <v>23</v>
      </c>
      <c r="KC18" s="71">
        <v>20</v>
      </c>
      <c r="KD18" s="72">
        <v>43</v>
      </c>
      <c r="KE18" s="276"/>
      <c r="KF18" s="71">
        <v>36</v>
      </c>
      <c r="KG18" s="71">
        <v>35</v>
      </c>
      <c r="KH18" s="71">
        <v>26</v>
      </c>
      <c r="KI18" s="71">
        <v>18</v>
      </c>
      <c r="KJ18" s="71">
        <v>8</v>
      </c>
      <c r="KK18" s="72">
        <v>123</v>
      </c>
      <c r="KL18" s="73">
        <v>166</v>
      </c>
    </row>
    <row r="19" spans="1:298" ht="19.5" customHeight="1" x14ac:dyDescent="0.2">
      <c r="A19" s="129" t="s">
        <v>16</v>
      </c>
      <c r="B19" s="350">
        <v>41</v>
      </c>
      <c r="C19" s="82">
        <v>34</v>
      </c>
      <c r="D19" s="83">
        <v>75</v>
      </c>
      <c r="E19" s="273"/>
      <c r="F19" s="82">
        <v>84</v>
      </c>
      <c r="G19" s="82">
        <v>95</v>
      </c>
      <c r="H19" s="82">
        <v>62</v>
      </c>
      <c r="I19" s="82">
        <v>47</v>
      </c>
      <c r="J19" s="82">
        <v>26</v>
      </c>
      <c r="K19" s="84">
        <v>314</v>
      </c>
      <c r="L19" s="85">
        <v>389</v>
      </c>
      <c r="M19" s="70">
        <v>0</v>
      </c>
      <c r="N19" s="71">
        <v>1</v>
      </c>
      <c r="O19" s="72">
        <v>1</v>
      </c>
      <c r="P19" s="276"/>
      <c r="Q19" s="71">
        <v>3</v>
      </c>
      <c r="R19" s="71">
        <v>3</v>
      </c>
      <c r="S19" s="71">
        <v>2</v>
      </c>
      <c r="T19" s="71">
        <v>1</v>
      </c>
      <c r="U19" s="71">
        <v>0</v>
      </c>
      <c r="V19" s="72">
        <v>9</v>
      </c>
      <c r="W19" s="73">
        <v>10</v>
      </c>
      <c r="X19" s="70">
        <v>6</v>
      </c>
      <c r="Y19" s="71">
        <v>3</v>
      </c>
      <c r="Z19" s="72">
        <v>9</v>
      </c>
      <c r="AA19" s="276"/>
      <c r="AB19" s="71">
        <v>4</v>
      </c>
      <c r="AC19" s="71">
        <v>9</v>
      </c>
      <c r="AD19" s="71">
        <v>2</v>
      </c>
      <c r="AE19" s="71">
        <v>0</v>
      </c>
      <c r="AF19" s="71">
        <v>3</v>
      </c>
      <c r="AG19" s="72">
        <v>18</v>
      </c>
      <c r="AH19" s="73">
        <v>27</v>
      </c>
      <c r="AI19" s="70">
        <v>7</v>
      </c>
      <c r="AJ19" s="71">
        <v>3</v>
      </c>
      <c r="AK19" s="72">
        <v>10</v>
      </c>
      <c r="AL19" s="276"/>
      <c r="AM19" s="71">
        <v>8</v>
      </c>
      <c r="AN19" s="71">
        <v>6</v>
      </c>
      <c r="AO19" s="71">
        <v>7</v>
      </c>
      <c r="AP19" s="71">
        <v>6</v>
      </c>
      <c r="AQ19" s="71">
        <v>1</v>
      </c>
      <c r="AR19" s="72">
        <v>28</v>
      </c>
      <c r="AS19" s="73">
        <v>38</v>
      </c>
      <c r="AT19" s="70">
        <v>8</v>
      </c>
      <c r="AU19" s="71">
        <v>4</v>
      </c>
      <c r="AV19" s="72">
        <v>12</v>
      </c>
      <c r="AW19" s="276"/>
      <c r="AX19" s="71">
        <v>19</v>
      </c>
      <c r="AY19" s="71">
        <v>21</v>
      </c>
      <c r="AZ19" s="71">
        <v>11</v>
      </c>
      <c r="BA19" s="71">
        <v>7</v>
      </c>
      <c r="BB19" s="71">
        <v>5</v>
      </c>
      <c r="BC19" s="72">
        <v>63</v>
      </c>
      <c r="BD19" s="73">
        <v>75</v>
      </c>
      <c r="BE19" s="70">
        <v>9</v>
      </c>
      <c r="BF19" s="71">
        <v>13</v>
      </c>
      <c r="BG19" s="72">
        <v>22</v>
      </c>
      <c r="BH19" s="276"/>
      <c r="BI19" s="71">
        <v>27</v>
      </c>
      <c r="BJ19" s="71">
        <v>29</v>
      </c>
      <c r="BK19" s="71">
        <v>18</v>
      </c>
      <c r="BL19" s="71">
        <v>13</v>
      </c>
      <c r="BM19" s="71">
        <v>10</v>
      </c>
      <c r="BN19" s="72">
        <v>97</v>
      </c>
      <c r="BO19" s="73">
        <v>119</v>
      </c>
      <c r="BP19" s="70">
        <v>11</v>
      </c>
      <c r="BQ19" s="71">
        <v>10</v>
      </c>
      <c r="BR19" s="72">
        <v>21</v>
      </c>
      <c r="BS19" s="276"/>
      <c r="BT19" s="71">
        <v>23</v>
      </c>
      <c r="BU19" s="71">
        <v>27</v>
      </c>
      <c r="BV19" s="71">
        <v>22</v>
      </c>
      <c r="BW19" s="71">
        <v>20</v>
      </c>
      <c r="BX19" s="71">
        <v>7</v>
      </c>
      <c r="BY19" s="72">
        <v>99</v>
      </c>
      <c r="BZ19" s="73">
        <v>120</v>
      </c>
      <c r="CA19" s="70">
        <v>0</v>
      </c>
      <c r="CB19" s="71">
        <v>0</v>
      </c>
      <c r="CC19" s="72">
        <v>0</v>
      </c>
      <c r="CD19" s="276"/>
      <c r="CE19" s="71">
        <v>0</v>
      </c>
      <c r="CF19" s="71">
        <v>0</v>
      </c>
      <c r="CG19" s="71">
        <v>0</v>
      </c>
      <c r="CH19" s="71">
        <v>0</v>
      </c>
      <c r="CI19" s="71">
        <v>0</v>
      </c>
      <c r="CJ19" s="72">
        <v>0</v>
      </c>
      <c r="CK19" s="73">
        <v>0</v>
      </c>
      <c r="CL19" s="70">
        <v>41</v>
      </c>
      <c r="CM19" s="71">
        <v>34</v>
      </c>
      <c r="CN19" s="72">
        <v>75</v>
      </c>
      <c r="CO19" s="276"/>
      <c r="CP19" s="71">
        <v>84</v>
      </c>
      <c r="CQ19" s="71">
        <v>95</v>
      </c>
      <c r="CR19" s="71">
        <v>62</v>
      </c>
      <c r="CS19" s="71">
        <v>47</v>
      </c>
      <c r="CT19" s="71">
        <v>26</v>
      </c>
      <c r="CU19" s="72">
        <v>314</v>
      </c>
      <c r="CV19" s="73">
        <v>389</v>
      </c>
      <c r="CW19" s="126">
        <v>8</v>
      </c>
      <c r="CX19" s="82">
        <v>5</v>
      </c>
      <c r="CY19" s="83">
        <v>13</v>
      </c>
      <c r="CZ19" s="273"/>
      <c r="DA19" s="82">
        <v>14</v>
      </c>
      <c r="DB19" s="82">
        <v>17</v>
      </c>
      <c r="DC19" s="82">
        <v>7</v>
      </c>
      <c r="DD19" s="82">
        <v>9</v>
      </c>
      <c r="DE19" s="82">
        <v>9</v>
      </c>
      <c r="DF19" s="84">
        <v>56</v>
      </c>
      <c r="DG19" s="85">
        <v>69</v>
      </c>
      <c r="DH19" s="70">
        <v>0</v>
      </c>
      <c r="DI19" s="71">
        <v>0</v>
      </c>
      <c r="DJ19" s="72">
        <v>0</v>
      </c>
      <c r="DK19" s="276"/>
      <c r="DL19" s="71">
        <v>0</v>
      </c>
      <c r="DM19" s="71">
        <v>0</v>
      </c>
      <c r="DN19" s="71">
        <v>0</v>
      </c>
      <c r="DO19" s="71">
        <v>0</v>
      </c>
      <c r="DP19" s="71">
        <v>0</v>
      </c>
      <c r="DQ19" s="72">
        <v>0</v>
      </c>
      <c r="DR19" s="73">
        <v>0</v>
      </c>
      <c r="DS19" s="70">
        <v>1</v>
      </c>
      <c r="DT19" s="71">
        <v>1</v>
      </c>
      <c r="DU19" s="72">
        <v>2</v>
      </c>
      <c r="DV19" s="276"/>
      <c r="DW19" s="71">
        <v>2</v>
      </c>
      <c r="DX19" s="71">
        <v>0</v>
      </c>
      <c r="DY19" s="71">
        <v>0</v>
      </c>
      <c r="DZ19" s="71">
        <v>0</v>
      </c>
      <c r="EA19" s="71">
        <v>0</v>
      </c>
      <c r="EB19" s="72">
        <v>2</v>
      </c>
      <c r="EC19" s="73">
        <v>4</v>
      </c>
      <c r="ED19" s="70">
        <v>2</v>
      </c>
      <c r="EE19" s="71">
        <v>0</v>
      </c>
      <c r="EF19" s="72">
        <v>2</v>
      </c>
      <c r="EG19" s="276"/>
      <c r="EH19" s="71">
        <v>1</v>
      </c>
      <c r="EI19" s="71">
        <v>1</v>
      </c>
      <c r="EJ19" s="71">
        <v>0</v>
      </c>
      <c r="EK19" s="71">
        <v>0</v>
      </c>
      <c r="EL19" s="71">
        <v>0</v>
      </c>
      <c r="EM19" s="72">
        <v>2</v>
      </c>
      <c r="EN19" s="73">
        <v>4</v>
      </c>
      <c r="EO19" s="70">
        <v>2</v>
      </c>
      <c r="EP19" s="71">
        <v>2</v>
      </c>
      <c r="EQ19" s="72">
        <v>4</v>
      </c>
      <c r="ER19" s="276"/>
      <c r="ES19" s="71">
        <v>3</v>
      </c>
      <c r="ET19" s="71">
        <v>4</v>
      </c>
      <c r="EU19" s="71">
        <v>1</v>
      </c>
      <c r="EV19" s="71">
        <v>1</v>
      </c>
      <c r="EW19" s="71">
        <v>0</v>
      </c>
      <c r="EX19" s="72">
        <v>9</v>
      </c>
      <c r="EY19" s="73">
        <v>13</v>
      </c>
      <c r="EZ19" s="70">
        <v>2</v>
      </c>
      <c r="FA19" s="71">
        <v>1</v>
      </c>
      <c r="FB19" s="72">
        <v>3</v>
      </c>
      <c r="FC19" s="276"/>
      <c r="FD19" s="71">
        <v>1</v>
      </c>
      <c r="FE19" s="71">
        <v>3</v>
      </c>
      <c r="FF19" s="71">
        <v>2</v>
      </c>
      <c r="FG19" s="71">
        <v>1</v>
      </c>
      <c r="FH19" s="71">
        <v>3</v>
      </c>
      <c r="FI19" s="72">
        <v>10</v>
      </c>
      <c r="FJ19" s="73">
        <v>13</v>
      </c>
      <c r="FK19" s="70">
        <v>1</v>
      </c>
      <c r="FL19" s="71">
        <v>1</v>
      </c>
      <c r="FM19" s="72">
        <v>2</v>
      </c>
      <c r="FN19" s="276"/>
      <c r="FO19" s="71">
        <v>7</v>
      </c>
      <c r="FP19" s="71">
        <v>9</v>
      </c>
      <c r="FQ19" s="71">
        <v>4</v>
      </c>
      <c r="FR19" s="71">
        <v>7</v>
      </c>
      <c r="FS19" s="71">
        <v>6</v>
      </c>
      <c r="FT19" s="72">
        <v>33</v>
      </c>
      <c r="FU19" s="73">
        <v>35</v>
      </c>
      <c r="FV19" s="70">
        <v>0</v>
      </c>
      <c r="FW19" s="71">
        <v>0</v>
      </c>
      <c r="FX19" s="72">
        <v>0</v>
      </c>
      <c r="FY19" s="276"/>
      <c r="FZ19" s="71">
        <v>0</v>
      </c>
      <c r="GA19" s="71">
        <v>0</v>
      </c>
      <c r="GB19" s="71">
        <v>0</v>
      </c>
      <c r="GC19" s="71">
        <v>0</v>
      </c>
      <c r="GD19" s="71">
        <v>0</v>
      </c>
      <c r="GE19" s="72">
        <v>0</v>
      </c>
      <c r="GF19" s="73">
        <v>0</v>
      </c>
      <c r="GG19" s="70">
        <v>8</v>
      </c>
      <c r="GH19" s="71">
        <v>5</v>
      </c>
      <c r="GI19" s="72">
        <v>13</v>
      </c>
      <c r="GJ19" s="276"/>
      <c r="GK19" s="71">
        <v>14</v>
      </c>
      <c r="GL19" s="71">
        <v>17</v>
      </c>
      <c r="GM19" s="71">
        <v>7</v>
      </c>
      <c r="GN19" s="71">
        <v>9</v>
      </c>
      <c r="GO19" s="71">
        <v>9</v>
      </c>
      <c r="GP19" s="72">
        <v>56</v>
      </c>
      <c r="GQ19" s="73">
        <v>69</v>
      </c>
      <c r="GR19" s="126">
        <v>49</v>
      </c>
      <c r="GS19" s="82">
        <v>39</v>
      </c>
      <c r="GT19" s="83">
        <v>88</v>
      </c>
      <c r="GU19" s="273"/>
      <c r="GV19" s="82">
        <v>98</v>
      </c>
      <c r="GW19" s="82">
        <v>112</v>
      </c>
      <c r="GX19" s="82">
        <v>69</v>
      </c>
      <c r="GY19" s="82">
        <v>56</v>
      </c>
      <c r="GZ19" s="82">
        <v>35</v>
      </c>
      <c r="HA19" s="84">
        <v>370</v>
      </c>
      <c r="HB19" s="85">
        <v>458</v>
      </c>
      <c r="HC19" s="70">
        <v>0</v>
      </c>
      <c r="HD19" s="71">
        <v>1</v>
      </c>
      <c r="HE19" s="72">
        <v>1</v>
      </c>
      <c r="HF19" s="276"/>
      <c r="HG19" s="71">
        <v>3</v>
      </c>
      <c r="HH19" s="71">
        <v>3</v>
      </c>
      <c r="HI19" s="71">
        <v>2</v>
      </c>
      <c r="HJ19" s="71">
        <v>1</v>
      </c>
      <c r="HK19" s="71">
        <v>0</v>
      </c>
      <c r="HL19" s="72">
        <v>9</v>
      </c>
      <c r="HM19" s="73">
        <v>10</v>
      </c>
      <c r="HN19" s="70">
        <v>7</v>
      </c>
      <c r="HO19" s="71">
        <v>4</v>
      </c>
      <c r="HP19" s="72">
        <v>11</v>
      </c>
      <c r="HQ19" s="276"/>
      <c r="HR19" s="71">
        <v>6</v>
      </c>
      <c r="HS19" s="71">
        <v>9</v>
      </c>
      <c r="HT19" s="71">
        <v>2</v>
      </c>
      <c r="HU19" s="71">
        <v>0</v>
      </c>
      <c r="HV19" s="71">
        <v>3</v>
      </c>
      <c r="HW19" s="72">
        <v>20</v>
      </c>
      <c r="HX19" s="73">
        <v>31</v>
      </c>
      <c r="HY19" s="70">
        <v>9</v>
      </c>
      <c r="HZ19" s="71">
        <v>3</v>
      </c>
      <c r="IA19" s="72">
        <v>12</v>
      </c>
      <c r="IB19" s="276"/>
      <c r="IC19" s="71">
        <v>9</v>
      </c>
      <c r="ID19" s="71">
        <v>7</v>
      </c>
      <c r="IE19" s="71">
        <v>7</v>
      </c>
      <c r="IF19" s="71">
        <v>6</v>
      </c>
      <c r="IG19" s="71">
        <v>1</v>
      </c>
      <c r="IH19" s="72">
        <v>30</v>
      </c>
      <c r="II19" s="73">
        <v>42</v>
      </c>
      <c r="IJ19" s="70">
        <v>10</v>
      </c>
      <c r="IK19" s="71">
        <v>6</v>
      </c>
      <c r="IL19" s="72">
        <v>16</v>
      </c>
      <c r="IM19" s="276"/>
      <c r="IN19" s="71">
        <v>22</v>
      </c>
      <c r="IO19" s="71">
        <v>25</v>
      </c>
      <c r="IP19" s="71">
        <v>12</v>
      </c>
      <c r="IQ19" s="71">
        <v>8</v>
      </c>
      <c r="IR19" s="71">
        <v>5</v>
      </c>
      <c r="IS19" s="72">
        <v>72</v>
      </c>
      <c r="IT19" s="73">
        <v>88</v>
      </c>
      <c r="IU19" s="70">
        <v>11</v>
      </c>
      <c r="IV19" s="71">
        <v>14</v>
      </c>
      <c r="IW19" s="72">
        <v>25</v>
      </c>
      <c r="IX19" s="276"/>
      <c r="IY19" s="71">
        <v>28</v>
      </c>
      <c r="IZ19" s="71">
        <v>32</v>
      </c>
      <c r="JA19" s="71">
        <v>20</v>
      </c>
      <c r="JB19" s="71">
        <v>14</v>
      </c>
      <c r="JC19" s="71">
        <v>13</v>
      </c>
      <c r="JD19" s="72">
        <v>107</v>
      </c>
      <c r="JE19" s="73">
        <v>132</v>
      </c>
      <c r="JF19" s="70">
        <v>12</v>
      </c>
      <c r="JG19" s="71">
        <v>11</v>
      </c>
      <c r="JH19" s="72">
        <v>23</v>
      </c>
      <c r="JI19" s="276"/>
      <c r="JJ19" s="71">
        <v>30</v>
      </c>
      <c r="JK19" s="71">
        <v>36</v>
      </c>
      <c r="JL19" s="71">
        <v>26</v>
      </c>
      <c r="JM19" s="71">
        <v>27</v>
      </c>
      <c r="JN19" s="71">
        <v>13</v>
      </c>
      <c r="JO19" s="72">
        <v>132</v>
      </c>
      <c r="JP19" s="73">
        <v>155</v>
      </c>
      <c r="JQ19" s="70">
        <v>0</v>
      </c>
      <c r="JR19" s="71">
        <v>0</v>
      </c>
      <c r="JS19" s="72">
        <v>0</v>
      </c>
      <c r="JT19" s="276"/>
      <c r="JU19" s="71">
        <v>0</v>
      </c>
      <c r="JV19" s="71">
        <v>0</v>
      </c>
      <c r="JW19" s="71">
        <v>0</v>
      </c>
      <c r="JX19" s="71">
        <v>0</v>
      </c>
      <c r="JY19" s="71">
        <v>0</v>
      </c>
      <c r="JZ19" s="72">
        <v>0</v>
      </c>
      <c r="KA19" s="73">
        <v>0</v>
      </c>
      <c r="KB19" s="70">
        <v>49</v>
      </c>
      <c r="KC19" s="71">
        <v>39</v>
      </c>
      <c r="KD19" s="72">
        <v>88</v>
      </c>
      <c r="KE19" s="276"/>
      <c r="KF19" s="71">
        <v>98</v>
      </c>
      <c r="KG19" s="71">
        <v>112</v>
      </c>
      <c r="KH19" s="71">
        <v>69</v>
      </c>
      <c r="KI19" s="71">
        <v>56</v>
      </c>
      <c r="KJ19" s="71">
        <v>35</v>
      </c>
      <c r="KK19" s="72">
        <v>370</v>
      </c>
      <c r="KL19" s="73">
        <v>458</v>
      </c>
    </row>
    <row r="20" spans="1:298" ht="19.5" customHeight="1" x14ac:dyDescent="0.2">
      <c r="A20" s="129" t="s">
        <v>17</v>
      </c>
      <c r="B20" s="350">
        <v>55</v>
      </c>
      <c r="C20" s="82">
        <v>51</v>
      </c>
      <c r="D20" s="83">
        <v>106</v>
      </c>
      <c r="E20" s="273"/>
      <c r="F20" s="82">
        <v>93</v>
      </c>
      <c r="G20" s="82">
        <v>95</v>
      </c>
      <c r="H20" s="82">
        <v>69</v>
      </c>
      <c r="I20" s="82">
        <v>49</v>
      </c>
      <c r="J20" s="82">
        <v>27</v>
      </c>
      <c r="K20" s="84">
        <v>333</v>
      </c>
      <c r="L20" s="85">
        <v>439</v>
      </c>
      <c r="M20" s="70">
        <v>0</v>
      </c>
      <c r="N20" s="71">
        <v>1</v>
      </c>
      <c r="O20" s="72">
        <v>1</v>
      </c>
      <c r="P20" s="276"/>
      <c r="Q20" s="71">
        <v>0</v>
      </c>
      <c r="R20" s="71">
        <v>4</v>
      </c>
      <c r="S20" s="71">
        <v>3</v>
      </c>
      <c r="T20" s="71">
        <v>0</v>
      </c>
      <c r="U20" s="71">
        <v>4</v>
      </c>
      <c r="V20" s="72">
        <v>11</v>
      </c>
      <c r="W20" s="73">
        <v>12</v>
      </c>
      <c r="X20" s="70">
        <v>2</v>
      </c>
      <c r="Y20" s="71">
        <v>5</v>
      </c>
      <c r="Z20" s="72">
        <v>7</v>
      </c>
      <c r="AA20" s="276"/>
      <c r="AB20" s="71">
        <v>1</v>
      </c>
      <c r="AC20" s="71">
        <v>11</v>
      </c>
      <c r="AD20" s="71">
        <v>3</v>
      </c>
      <c r="AE20" s="71">
        <v>3</v>
      </c>
      <c r="AF20" s="71">
        <v>1</v>
      </c>
      <c r="AG20" s="72">
        <v>19</v>
      </c>
      <c r="AH20" s="73">
        <v>26</v>
      </c>
      <c r="AI20" s="70">
        <v>10</v>
      </c>
      <c r="AJ20" s="71">
        <v>4</v>
      </c>
      <c r="AK20" s="72">
        <v>14</v>
      </c>
      <c r="AL20" s="276"/>
      <c r="AM20" s="71">
        <v>6</v>
      </c>
      <c r="AN20" s="71">
        <v>8</v>
      </c>
      <c r="AO20" s="71">
        <v>3</v>
      </c>
      <c r="AP20" s="71">
        <v>6</v>
      </c>
      <c r="AQ20" s="71">
        <v>1</v>
      </c>
      <c r="AR20" s="72">
        <v>24</v>
      </c>
      <c r="AS20" s="73">
        <v>38</v>
      </c>
      <c r="AT20" s="70">
        <v>13</v>
      </c>
      <c r="AU20" s="71">
        <v>12</v>
      </c>
      <c r="AV20" s="72">
        <v>25</v>
      </c>
      <c r="AW20" s="276"/>
      <c r="AX20" s="71">
        <v>28</v>
      </c>
      <c r="AY20" s="71">
        <v>19</v>
      </c>
      <c r="AZ20" s="71">
        <v>13</v>
      </c>
      <c r="BA20" s="71">
        <v>12</v>
      </c>
      <c r="BB20" s="71">
        <v>7</v>
      </c>
      <c r="BC20" s="72">
        <v>79</v>
      </c>
      <c r="BD20" s="73">
        <v>104</v>
      </c>
      <c r="BE20" s="70">
        <v>20</v>
      </c>
      <c r="BF20" s="71">
        <v>14</v>
      </c>
      <c r="BG20" s="72">
        <v>34</v>
      </c>
      <c r="BH20" s="276"/>
      <c r="BI20" s="71">
        <v>31</v>
      </c>
      <c r="BJ20" s="71">
        <v>32</v>
      </c>
      <c r="BK20" s="71">
        <v>26</v>
      </c>
      <c r="BL20" s="71">
        <v>15</v>
      </c>
      <c r="BM20" s="71">
        <v>7</v>
      </c>
      <c r="BN20" s="72">
        <v>111</v>
      </c>
      <c r="BO20" s="73">
        <v>145</v>
      </c>
      <c r="BP20" s="70">
        <v>10</v>
      </c>
      <c r="BQ20" s="71">
        <v>15</v>
      </c>
      <c r="BR20" s="72">
        <v>25</v>
      </c>
      <c r="BS20" s="276"/>
      <c r="BT20" s="71">
        <v>27</v>
      </c>
      <c r="BU20" s="71">
        <v>21</v>
      </c>
      <c r="BV20" s="71">
        <v>21</v>
      </c>
      <c r="BW20" s="71">
        <v>13</v>
      </c>
      <c r="BX20" s="71">
        <v>7</v>
      </c>
      <c r="BY20" s="72">
        <v>89</v>
      </c>
      <c r="BZ20" s="73">
        <v>114</v>
      </c>
      <c r="CA20" s="70">
        <v>0</v>
      </c>
      <c r="CB20" s="71">
        <v>0</v>
      </c>
      <c r="CC20" s="72">
        <v>0</v>
      </c>
      <c r="CD20" s="276"/>
      <c r="CE20" s="71">
        <v>0</v>
      </c>
      <c r="CF20" s="71">
        <v>0</v>
      </c>
      <c r="CG20" s="71">
        <v>0</v>
      </c>
      <c r="CH20" s="71">
        <v>0</v>
      </c>
      <c r="CI20" s="71">
        <v>0</v>
      </c>
      <c r="CJ20" s="72">
        <v>0</v>
      </c>
      <c r="CK20" s="73">
        <v>0</v>
      </c>
      <c r="CL20" s="70">
        <v>55</v>
      </c>
      <c r="CM20" s="71">
        <v>51</v>
      </c>
      <c r="CN20" s="72">
        <v>106</v>
      </c>
      <c r="CO20" s="276"/>
      <c r="CP20" s="71">
        <v>93</v>
      </c>
      <c r="CQ20" s="71">
        <v>95</v>
      </c>
      <c r="CR20" s="71">
        <v>69</v>
      </c>
      <c r="CS20" s="71">
        <v>49</v>
      </c>
      <c r="CT20" s="71">
        <v>27</v>
      </c>
      <c r="CU20" s="72">
        <v>333</v>
      </c>
      <c r="CV20" s="73">
        <v>439</v>
      </c>
      <c r="CW20" s="126">
        <v>5</v>
      </c>
      <c r="CX20" s="82">
        <v>16</v>
      </c>
      <c r="CY20" s="83">
        <v>21</v>
      </c>
      <c r="CZ20" s="273"/>
      <c r="DA20" s="82">
        <v>9</v>
      </c>
      <c r="DB20" s="82">
        <v>16</v>
      </c>
      <c r="DC20" s="82">
        <v>14</v>
      </c>
      <c r="DD20" s="82">
        <v>6</v>
      </c>
      <c r="DE20" s="82">
        <v>5</v>
      </c>
      <c r="DF20" s="84">
        <v>50</v>
      </c>
      <c r="DG20" s="85">
        <v>71</v>
      </c>
      <c r="DH20" s="70">
        <v>0</v>
      </c>
      <c r="DI20" s="71">
        <v>1</v>
      </c>
      <c r="DJ20" s="72">
        <v>1</v>
      </c>
      <c r="DK20" s="276"/>
      <c r="DL20" s="71">
        <v>0</v>
      </c>
      <c r="DM20" s="71">
        <v>1</v>
      </c>
      <c r="DN20" s="71">
        <v>1</v>
      </c>
      <c r="DO20" s="71">
        <v>0</v>
      </c>
      <c r="DP20" s="71">
        <v>1</v>
      </c>
      <c r="DQ20" s="72">
        <v>3</v>
      </c>
      <c r="DR20" s="73">
        <v>4</v>
      </c>
      <c r="DS20" s="70">
        <v>0</v>
      </c>
      <c r="DT20" s="71">
        <v>3</v>
      </c>
      <c r="DU20" s="72">
        <v>3</v>
      </c>
      <c r="DV20" s="276"/>
      <c r="DW20" s="71">
        <v>0</v>
      </c>
      <c r="DX20" s="71">
        <v>1</v>
      </c>
      <c r="DY20" s="71">
        <v>1</v>
      </c>
      <c r="DZ20" s="71">
        <v>0</v>
      </c>
      <c r="EA20" s="71">
        <v>0</v>
      </c>
      <c r="EB20" s="72">
        <v>2</v>
      </c>
      <c r="EC20" s="73">
        <v>5</v>
      </c>
      <c r="ED20" s="70">
        <v>0</v>
      </c>
      <c r="EE20" s="71">
        <v>1</v>
      </c>
      <c r="EF20" s="72">
        <v>1</v>
      </c>
      <c r="EG20" s="276"/>
      <c r="EH20" s="71">
        <v>1</v>
      </c>
      <c r="EI20" s="71">
        <v>1</v>
      </c>
      <c r="EJ20" s="71">
        <v>0</v>
      </c>
      <c r="EK20" s="71">
        <v>0</v>
      </c>
      <c r="EL20" s="71">
        <v>1</v>
      </c>
      <c r="EM20" s="72">
        <v>3</v>
      </c>
      <c r="EN20" s="73">
        <v>4</v>
      </c>
      <c r="EO20" s="70">
        <v>4</v>
      </c>
      <c r="EP20" s="71">
        <v>4</v>
      </c>
      <c r="EQ20" s="72">
        <v>8</v>
      </c>
      <c r="ER20" s="276"/>
      <c r="ES20" s="71">
        <v>3</v>
      </c>
      <c r="ET20" s="71">
        <v>2</v>
      </c>
      <c r="EU20" s="71">
        <v>2</v>
      </c>
      <c r="EV20" s="71">
        <v>1</v>
      </c>
      <c r="EW20" s="71">
        <v>1</v>
      </c>
      <c r="EX20" s="72">
        <v>9</v>
      </c>
      <c r="EY20" s="73">
        <v>17</v>
      </c>
      <c r="EZ20" s="70">
        <v>0</v>
      </c>
      <c r="FA20" s="71">
        <v>3</v>
      </c>
      <c r="FB20" s="72">
        <v>3</v>
      </c>
      <c r="FC20" s="276"/>
      <c r="FD20" s="71">
        <v>3</v>
      </c>
      <c r="FE20" s="71">
        <v>5</v>
      </c>
      <c r="FF20" s="71">
        <v>2</v>
      </c>
      <c r="FG20" s="71">
        <v>1</v>
      </c>
      <c r="FH20" s="71">
        <v>0</v>
      </c>
      <c r="FI20" s="72">
        <v>11</v>
      </c>
      <c r="FJ20" s="73">
        <v>14</v>
      </c>
      <c r="FK20" s="70">
        <v>1</v>
      </c>
      <c r="FL20" s="71">
        <v>4</v>
      </c>
      <c r="FM20" s="72">
        <v>5</v>
      </c>
      <c r="FN20" s="276"/>
      <c r="FO20" s="71">
        <v>2</v>
      </c>
      <c r="FP20" s="71">
        <v>6</v>
      </c>
      <c r="FQ20" s="71">
        <v>8</v>
      </c>
      <c r="FR20" s="71">
        <v>4</v>
      </c>
      <c r="FS20" s="71">
        <v>2</v>
      </c>
      <c r="FT20" s="72">
        <v>22</v>
      </c>
      <c r="FU20" s="73">
        <v>27</v>
      </c>
      <c r="FV20" s="70">
        <v>0</v>
      </c>
      <c r="FW20" s="71">
        <v>0</v>
      </c>
      <c r="FX20" s="72">
        <v>0</v>
      </c>
      <c r="FY20" s="276"/>
      <c r="FZ20" s="71">
        <v>0</v>
      </c>
      <c r="GA20" s="71">
        <v>0</v>
      </c>
      <c r="GB20" s="71">
        <v>0</v>
      </c>
      <c r="GC20" s="71">
        <v>0</v>
      </c>
      <c r="GD20" s="71">
        <v>0</v>
      </c>
      <c r="GE20" s="72">
        <v>0</v>
      </c>
      <c r="GF20" s="73">
        <v>0</v>
      </c>
      <c r="GG20" s="70">
        <v>5</v>
      </c>
      <c r="GH20" s="71">
        <v>16</v>
      </c>
      <c r="GI20" s="72">
        <v>21</v>
      </c>
      <c r="GJ20" s="276"/>
      <c r="GK20" s="71">
        <v>9</v>
      </c>
      <c r="GL20" s="71">
        <v>16</v>
      </c>
      <c r="GM20" s="71">
        <v>14</v>
      </c>
      <c r="GN20" s="71">
        <v>6</v>
      </c>
      <c r="GO20" s="71">
        <v>5</v>
      </c>
      <c r="GP20" s="72">
        <v>50</v>
      </c>
      <c r="GQ20" s="73">
        <v>71</v>
      </c>
      <c r="GR20" s="126">
        <v>60</v>
      </c>
      <c r="GS20" s="82">
        <v>67</v>
      </c>
      <c r="GT20" s="83">
        <v>127</v>
      </c>
      <c r="GU20" s="273"/>
      <c r="GV20" s="82">
        <v>102</v>
      </c>
      <c r="GW20" s="82">
        <v>111</v>
      </c>
      <c r="GX20" s="82">
        <v>83</v>
      </c>
      <c r="GY20" s="82">
        <v>55</v>
      </c>
      <c r="GZ20" s="82">
        <v>32</v>
      </c>
      <c r="HA20" s="84">
        <v>383</v>
      </c>
      <c r="HB20" s="85">
        <v>510</v>
      </c>
      <c r="HC20" s="70">
        <v>0</v>
      </c>
      <c r="HD20" s="71">
        <v>2</v>
      </c>
      <c r="HE20" s="72">
        <v>2</v>
      </c>
      <c r="HF20" s="276"/>
      <c r="HG20" s="71">
        <v>0</v>
      </c>
      <c r="HH20" s="71">
        <v>5</v>
      </c>
      <c r="HI20" s="71">
        <v>4</v>
      </c>
      <c r="HJ20" s="71">
        <v>0</v>
      </c>
      <c r="HK20" s="71">
        <v>5</v>
      </c>
      <c r="HL20" s="72">
        <v>14</v>
      </c>
      <c r="HM20" s="73">
        <v>16</v>
      </c>
      <c r="HN20" s="70">
        <v>2</v>
      </c>
      <c r="HO20" s="71">
        <v>8</v>
      </c>
      <c r="HP20" s="72">
        <v>10</v>
      </c>
      <c r="HQ20" s="276"/>
      <c r="HR20" s="71">
        <v>1</v>
      </c>
      <c r="HS20" s="71">
        <v>12</v>
      </c>
      <c r="HT20" s="71">
        <v>4</v>
      </c>
      <c r="HU20" s="71">
        <v>3</v>
      </c>
      <c r="HV20" s="71">
        <v>1</v>
      </c>
      <c r="HW20" s="72">
        <v>21</v>
      </c>
      <c r="HX20" s="73">
        <v>31</v>
      </c>
      <c r="HY20" s="70">
        <v>10</v>
      </c>
      <c r="HZ20" s="71">
        <v>5</v>
      </c>
      <c r="IA20" s="72">
        <v>15</v>
      </c>
      <c r="IB20" s="276"/>
      <c r="IC20" s="71">
        <v>7</v>
      </c>
      <c r="ID20" s="71">
        <v>9</v>
      </c>
      <c r="IE20" s="71">
        <v>3</v>
      </c>
      <c r="IF20" s="71">
        <v>6</v>
      </c>
      <c r="IG20" s="71">
        <v>2</v>
      </c>
      <c r="IH20" s="72">
        <v>27</v>
      </c>
      <c r="II20" s="73">
        <v>42</v>
      </c>
      <c r="IJ20" s="70">
        <v>17</v>
      </c>
      <c r="IK20" s="71">
        <v>16</v>
      </c>
      <c r="IL20" s="72">
        <v>33</v>
      </c>
      <c r="IM20" s="276"/>
      <c r="IN20" s="71">
        <v>31</v>
      </c>
      <c r="IO20" s="71">
        <v>21</v>
      </c>
      <c r="IP20" s="71">
        <v>15</v>
      </c>
      <c r="IQ20" s="71">
        <v>13</v>
      </c>
      <c r="IR20" s="71">
        <v>8</v>
      </c>
      <c r="IS20" s="72">
        <v>88</v>
      </c>
      <c r="IT20" s="73">
        <v>121</v>
      </c>
      <c r="IU20" s="70">
        <v>20</v>
      </c>
      <c r="IV20" s="71">
        <v>17</v>
      </c>
      <c r="IW20" s="72">
        <v>37</v>
      </c>
      <c r="IX20" s="276"/>
      <c r="IY20" s="71">
        <v>34</v>
      </c>
      <c r="IZ20" s="71">
        <v>37</v>
      </c>
      <c r="JA20" s="71">
        <v>28</v>
      </c>
      <c r="JB20" s="71">
        <v>16</v>
      </c>
      <c r="JC20" s="71">
        <v>7</v>
      </c>
      <c r="JD20" s="72">
        <v>122</v>
      </c>
      <c r="JE20" s="73">
        <v>159</v>
      </c>
      <c r="JF20" s="70">
        <v>11</v>
      </c>
      <c r="JG20" s="71">
        <v>19</v>
      </c>
      <c r="JH20" s="72">
        <v>30</v>
      </c>
      <c r="JI20" s="276"/>
      <c r="JJ20" s="71">
        <v>29</v>
      </c>
      <c r="JK20" s="71">
        <v>27</v>
      </c>
      <c r="JL20" s="71">
        <v>29</v>
      </c>
      <c r="JM20" s="71">
        <v>17</v>
      </c>
      <c r="JN20" s="71">
        <v>9</v>
      </c>
      <c r="JO20" s="72">
        <v>111</v>
      </c>
      <c r="JP20" s="73">
        <v>141</v>
      </c>
      <c r="JQ20" s="70">
        <v>0</v>
      </c>
      <c r="JR20" s="71">
        <v>0</v>
      </c>
      <c r="JS20" s="72">
        <v>0</v>
      </c>
      <c r="JT20" s="276"/>
      <c r="JU20" s="71">
        <v>0</v>
      </c>
      <c r="JV20" s="71">
        <v>0</v>
      </c>
      <c r="JW20" s="71">
        <v>0</v>
      </c>
      <c r="JX20" s="71">
        <v>0</v>
      </c>
      <c r="JY20" s="71">
        <v>0</v>
      </c>
      <c r="JZ20" s="72">
        <v>0</v>
      </c>
      <c r="KA20" s="73">
        <v>0</v>
      </c>
      <c r="KB20" s="70">
        <v>60</v>
      </c>
      <c r="KC20" s="71">
        <v>67</v>
      </c>
      <c r="KD20" s="72">
        <v>127</v>
      </c>
      <c r="KE20" s="276"/>
      <c r="KF20" s="71">
        <v>102</v>
      </c>
      <c r="KG20" s="71">
        <v>111</v>
      </c>
      <c r="KH20" s="71">
        <v>83</v>
      </c>
      <c r="KI20" s="71">
        <v>55</v>
      </c>
      <c r="KJ20" s="71">
        <v>32</v>
      </c>
      <c r="KK20" s="72">
        <v>383</v>
      </c>
      <c r="KL20" s="73">
        <v>510</v>
      </c>
    </row>
    <row r="21" spans="1:298" ht="19.5" customHeight="1" x14ac:dyDescent="0.2">
      <c r="A21" s="129" t="s">
        <v>18</v>
      </c>
      <c r="B21" s="350">
        <v>77</v>
      </c>
      <c r="C21" s="82">
        <v>92</v>
      </c>
      <c r="D21" s="83">
        <v>169</v>
      </c>
      <c r="E21" s="273"/>
      <c r="F21" s="82">
        <v>154</v>
      </c>
      <c r="G21" s="82">
        <v>118</v>
      </c>
      <c r="H21" s="82">
        <v>83</v>
      </c>
      <c r="I21" s="82">
        <v>74</v>
      </c>
      <c r="J21" s="82">
        <v>38</v>
      </c>
      <c r="K21" s="84">
        <v>467</v>
      </c>
      <c r="L21" s="85">
        <v>636</v>
      </c>
      <c r="M21" s="70">
        <v>0</v>
      </c>
      <c r="N21" s="71">
        <v>3</v>
      </c>
      <c r="O21" s="72">
        <v>3</v>
      </c>
      <c r="P21" s="276"/>
      <c r="Q21" s="71">
        <v>3</v>
      </c>
      <c r="R21" s="71">
        <v>3</v>
      </c>
      <c r="S21" s="71">
        <v>1</v>
      </c>
      <c r="T21" s="71">
        <v>2</v>
      </c>
      <c r="U21" s="71">
        <v>1</v>
      </c>
      <c r="V21" s="72">
        <v>10</v>
      </c>
      <c r="W21" s="73">
        <v>13</v>
      </c>
      <c r="X21" s="70">
        <v>3</v>
      </c>
      <c r="Y21" s="71">
        <v>4</v>
      </c>
      <c r="Z21" s="72">
        <v>7</v>
      </c>
      <c r="AA21" s="276"/>
      <c r="AB21" s="71">
        <v>7</v>
      </c>
      <c r="AC21" s="71">
        <v>4</v>
      </c>
      <c r="AD21" s="71">
        <v>7</v>
      </c>
      <c r="AE21" s="71">
        <v>5</v>
      </c>
      <c r="AF21" s="71">
        <v>1</v>
      </c>
      <c r="AG21" s="72">
        <v>24</v>
      </c>
      <c r="AH21" s="73">
        <v>31</v>
      </c>
      <c r="AI21" s="70">
        <v>6</v>
      </c>
      <c r="AJ21" s="71">
        <v>7</v>
      </c>
      <c r="AK21" s="72">
        <v>13</v>
      </c>
      <c r="AL21" s="276"/>
      <c r="AM21" s="71">
        <v>18</v>
      </c>
      <c r="AN21" s="71">
        <v>9</v>
      </c>
      <c r="AO21" s="71">
        <v>7</v>
      </c>
      <c r="AP21" s="71">
        <v>6</v>
      </c>
      <c r="AQ21" s="71">
        <v>6</v>
      </c>
      <c r="AR21" s="72">
        <v>46</v>
      </c>
      <c r="AS21" s="73">
        <v>59</v>
      </c>
      <c r="AT21" s="70">
        <v>22</v>
      </c>
      <c r="AU21" s="71">
        <v>16</v>
      </c>
      <c r="AV21" s="72">
        <v>38</v>
      </c>
      <c r="AW21" s="276"/>
      <c r="AX21" s="71">
        <v>26</v>
      </c>
      <c r="AY21" s="71">
        <v>27</v>
      </c>
      <c r="AZ21" s="71">
        <v>18</v>
      </c>
      <c r="BA21" s="71">
        <v>11</v>
      </c>
      <c r="BB21" s="71">
        <v>8</v>
      </c>
      <c r="BC21" s="72">
        <v>90</v>
      </c>
      <c r="BD21" s="73">
        <v>128</v>
      </c>
      <c r="BE21" s="70">
        <v>21</v>
      </c>
      <c r="BF21" s="71">
        <v>34</v>
      </c>
      <c r="BG21" s="72">
        <v>55</v>
      </c>
      <c r="BH21" s="276"/>
      <c r="BI21" s="71">
        <v>60</v>
      </c>
      <c r="BJ21" s="71">
        <v>38</v>
      </c>
      <c r="BK21" s="71">
        <v>22</v>
      </c>
      <c r="BL21" s="71">
        <v>28</v>
      </c>
      <c r="BM21" s="71">
        <v>6</v>
      </c>
      <c r="BN21" s="72">
        <v>154</v>
      </c>
      <c r="BO21" s="73">
        <v>209</v>
      </c>
      <c r="BP21" s="70">
        <v>25</v>
      </c>
      <c r="BQ21" s="71">
        <v>28</v>
      </c>
      <c r="BR21" s="72">
        <v>53</v>
      </c>
      <c r="BS21" s="276"/>
      <c r="BT21" s="71">
        <v>40</v>
      </c>
      <c r="BU21" s="71">
        <v>37</v>
      </c>
      <c r="BV21" s="71">
        <v>28</v>
      </c>
      <c r="BW21" s="71">
        <v>22</v>
      </c>
      <c r="BX21" s="71">
        <v>16</v>
      </c>
      <c r="BY21" s="72">
        <v>143</v>
      </c>
      <c r="BZ21" s="73">
        <v>196</v>
      </c>
      <c r="CA21" s="70">
        <v>0</v>
      </c>
      <c r="CB21" s="71">
        <v>0</v>
      </c>
      <c r="CC21" s="72">
        <v>0</v>
      </c>
      <c r="CD21" s="276"/>
      <c r="CE21" s="71">
        <v>0</v>
      </c>
      <c r="CF21" s="71">
        <v>0</v>
      </c>
      <c r="CG21" s="71">
        <v>0</v>
      </c>
      <c r="CH21" s="71">
        <v>0</v>
      </c>
      <c r="CI21" s="71">
        <v>0</v>
      </c>
      <c r="CJ21" s="72">
        <v>0</v>
      </c>
      <c r="CK21" s="73">
        <v>0</v>
      </c>
      <c r="CL21" s="70">
        <v>77</v>
      </c>
      <c r="CM21" s="71">
        <v>92</v>
      </c>
      <c r="CN21" s="72">
        <v>169</v>
      </c>
      <c r="CO21" s="276"/>
      <c r="CP21" s="71">
        <v>154</v>
      </c>
      <c r="CQ21" s="71">
        <v>118</v>
      </c>
      <c r="CR21" s="71">
        <v>83</v>
      </c>
      <c r="CS21" s="71">
        <v>74</v>
      </c>
      <c r="CT21" s="71">
        <v>38</v>
      </c>
      <c r="CU21" s="72">
        <v>467</v>
      </c>
      <c r="CV21" s="73">
        <v>636</v>
      </c>
      <c r="CW21" s="126">
        <v>9</v>
      </c>
      <c r="CX21" s="82">
        <v>15</v>
      </c>
      <c r="CY21" s="83">
        <v>24</v>
      </c>
      <c r="CZ21" s="273"/>
      <c r="DA21" s="82">
        <v>17</v>
      </c>
      <c r="DB21" s="82">
        <v>18</v>
      </c>
      <c r="DC21" s="82">
        <v>14</v>
      </c>
      <c r="DD21" s="82">
        <v>4</v>
      </c>
      <c r="DE21" s="82">
        <v>7</v>
      </c>
      <c r="DF21" s="84">
        <v>60</v>
      </c>
      <c r="DG21" s="85">
        <v>84</v>
      </c>
      <c r="DH21" s="70">
        <v>0</v>
      </c>
      <c r="DI21" s="71">
        <v>0</v>
      </c>
      <c r="DJ21" s="72">
        <v>0</v>
      </c>
      <c r="DK21" s="276"/>
      <c r="DL21" s="71">
        <v>1</v>
      </c>
      <c r="DM21" s="71">
        <v>0</v>
      </c>
      <c r="DN21" s="71">
        <v>1</v>
      </c>
      <c r="DO21" s="71">
        <v>0</v>
      </c>
      <c r="DP21" s="71">
        <v>1</v>
      </c>
      <c r="DQ21" s="72">
        <v>3</v>
      </c>
      <c r="DR21" s="73">
        <v>3</v>
      </c>
      <c r="DS21" s="70">
        <v>0</v>
      </c>
      <c r="DT21" s="71">
        <v>3</v>
      </c>
      <c r="DU21" s="72">
        <v>3</v>
      </c>
      <c r="DV21" s="276"/>
      <c r="DW21" s="71">
        <v>1</v>
      </c>
      <c r="DX21" s="71">
        <v>2</v>
      </c>
      <c r="DY21" s="71">
        <v>1</v>
      </c>
      <c r="DZ21" s="71">
        <v>1</v>
      </c>
      <c r="EA21" s="71">
        <v>0</v>
      </c>
      <c r="EB21" s="72">
        <v>5</v>
      </c>
      <c r="EC21" s="73">
        <v>8</v>
      </c>
      <c r="ED21" s="70">
        <v>0</v>
      </c>
      <c r="EE21" s="71">
        <v>5</v>
      </c>
      <c r="EF21" s="72">
        <v>5</v>
      </c>
      <c r="EG21" s="276"/>
      <c r="EH21" s="71">
        <v>1</v>
      </c>
      <c r="EI21" s="71">
        <v>1</v>
      </c>
      <c r="EJ21" s="71">
        <v>2</v>
      </c>
      <c r="EK21" s="71">
        <v>1</v>
      </c>
      <c r="EL21" s="71">
        <v>0</v>
      </c>
      <c r="EM21" s="72">
        <v>5</v>
      </c>
      <c r="EN21" s="73">
        <v>10</v>
      </c>
      <c r="EO21" s="70">
        <v>4</v>
      </c>
      <c r="EP21" s="71">
        <v>4</v>
      </c>
      <c r="EQ21" s="72">
        <v>8</v>
      </c>
      <c r="ER21" s="276"/>
      <c r="ES21" s="71">
        <v>5</v>
      </c>
      <c r="ET21" s="71">
        <v>2</v>
      </c>
      <c r="EU21" s="71">
        <v>2</v>
      </c>
      <c r="EV21" s="71">
        <v>0</v>
      </c>
      <c r="EW21" s="71">
        <v>2</v>
      </c>
      <c r="EX21" s="72">
        <v>11</v>
      </c>
      <c r="EY21" s="73">
        <v>19</v>
      </c>
      <c r="EZ21" s="70">
        <v>4</v>
      </c>
      <c r="FA21" s="71">
        <v>2</v>
      </c>
      <c r="FB21" s="72">
        <v>6</v>
      </c>
      <c r="FC21" s="276"/>
      <c r="FD21" s="71">
        <v>5</v>
      </c>
      <c r="FE21" s="71">
        <v>10</v>
      </c>
      <c r="FF21" s="71">
        <v>3</v>
      </c>
      <c r="FG21" s="71">
        <v>1</v>
      </c>
      <c r="FH21" s="71">
        <v>3</v>
      </c>
      <c r="FI21" s="72">
        <v>22</v>
      </c>
      <c r="FJ21" s="73">
        <v>28</v>
      </c>
      <c r="FK21" s="70">
        <v>1</v>
      </c>
      <c r="FL21" s="71">
        <v>1</v>
      </c>
      <c r="FM21" s="72">
        <v>2</v>
      </c>
      <c r="FN21" s="276"/>
      <c r="FO21" s="71">
        <v>4</v>
      </c>
      <c r="FP21" s="71">
        <v>3</v>
      </c>
      <c r="FQ21" s="71">
        <v>5</v>
      </c>
      <c r="FR21" s="71">
        <v>1</v>
      </c>
      <c r="FS21" s="71">
        <v>1</v>
      </c>
      <c r="FT21" s="72">
        <v>14</v>
      </c>
      <c r="FU21" s="73">
        <v>16</v>
      </c>
      <c r="FV21" s="70">
        <v>0</v>
      </c>
      <c r="FW21" s="71">
        <v>0</v>
      </c>
      <c r="FX21" s="72">
        <v>0</v>
      </c>
      <c r="FY21" s="276"/>
      <c r="FZ21" s="71">
        <v>0</v>
      </c>
      <c r="GA21" s="71">
        <v>0</v>
      </c>
      <c r="GB21" s="71">
        <v>0</v>
      </c>
      <c r="GC21" s="71">
        <v>0</v>
      </c>
      <c r="GD21" s="71">
        <v>0</v>
      </c>
      <c r="GE21" s="72">
        <v>0</v>
      </c>
      <c r="GF21" s="73">
        <v>0</v>
      </c>
      <c r="GG21" s="70">
        <v>9</v>
      </c>
      <c r="GH21" s="71">
        <v>15</v>
      </c>
      <c r="GI21" s="72">
        <v>24</v>
      </c>
      <c r="GJ21" s="276"/>
      <c r="GK21" s="71">
        <v>17</v>
      </c>
      <c r="GL21" s="71">
        <v>18</v>
      </c>
      <c r="GM21" s="71">
        <v>14</v>
      </c>
      <c r="GN21" s="71">
        <v>4</v>
      </c>
      <c r="GO21" s="71">
        <v>7</v>
      </c>
      <c r="GP21" s="72">
        <v>60</v>
      </c>
      <c r="GQ21" s="73">
        <v>84</v>
      </c>
      <c r="GR21" s="126">
        <v>86</v>
      </c>
      <c r="GS21" s="82">
        <v>107</v>
      </c>
      <c r="GT21" s="83">
        <v>193</v>
      </c>
      <c r="GU21" s="273"/>
      <c r="GV21" s="82">
        <v>171</v>
      </c>
      <c r="GW21" s="82">
        <v>136</v>
      </c>
      <c r="GX21" s="82">
        <v>97</v>
      </c>
      <c r="GY21" s="82">
        <v>78</v>
      </c>
      <c r="GZ21" s="82">
        <v>45</v>
      </c>
      <c r="HA21" s="84">
        <v>527</v>
      </c>
      <c r="HB21" s="85">
        <v>720</v>
      </c>
      <c r="HC21" s="70">
        <v>0</v>
      </c>
      <c r="HD21" s="71">
        <v>3</v>
      </c>
      <c r="HE21" s="72">
        <v>3</v>
      </c>
      <c r="HF21" s="276"/>
      <c r="HG21" s="71">
        <v>4</v>
      </c>
      <c r="HH21" s="71">
        <v>3</v>
      </c>
      <c r="HI21" s="71">
        <v>2</v>
      </c>
      <c r="HJ21" s="71">
        <v>2</v>
      </c>
      <c r="HK21" s="71">
        <v>2</v>
      </c>
      <c r="HL21" s="72">
        <v>13</v>
      </c>
      <c r="HM21" s="73">
        <v>16</v>
      </c>
      <c r="HN21" s="70">
        <v>3</v>
      </c>
      <c r="HO21" s="71">
        <v>7</v>
      </c>
      <c r="HP21" s="72">
        <v>10</v>
      </c>
      <c r="HQ21" s="276"/>
      <c r="HR21" s="71">
        <v>8</v>
      </c>
      <c r="HS21" s="71">
        <v>6</v>
      </c>
      <c r="HT21" s="71">
        <v>8</v>
      </c>
      <c r="HU21" s="71">
        <v>6</v>
      </c>
      <c r="HV21" s="71">
        <v>1</v>
      </c>
      <c r="HW21" s="72">
        <v>29</v>
      </c>
      <c r="HX21" s="73">
        <v>39</v>
      </c>
      <c r="HY21" s="70">
        <v>6</v>
      </c>
      <c r="HZ21" s="71">
        <v>12</v>
      </c>
      <c r="IA21" s="72">
        <v>18</v>
      </c>
      <c r="IB21" s="276"/>
      <c r="IC21" s="71">
        <v>19</v>
      </c>
      <c r="ID21" s="71">
        <v>10</v>
      </c>
      <c r="IE21" s="71">
        <v>9</v>
      </c>
      <c r="IF21" s="71">
        <v>7</v>
      </c>
      <c r="IG21" s="71">
        <v>6</v>
      </c>
      <c r="IH21" s="72">
        <v>51</v>
      </c>
      <c r="II21" s="73">
        <v>69</v>
      </c>
      <c r="IJ21" s="70">
        <v>26</v>
      </c>
      <c r="IK21" s="71">
        <v>20</v>
      </c>
      <c r="IL21" s="72">
        <v>46</v>
      </c>
      <c r="IM21" s="276"/>
      <c r="IN21" s="71">
        <v>31</v>
      </c>
      <c r="IO21" s="71">
        <v>29</v>
      </c>
      <c r="IP21" s="71">
        <v>20</v>
      </c>
      <c r="IQ21" s="71">
        <v>11</v>
      </c>
      <c r="IR21" s="71">
        <v>10</v>
      </c>
      <c r="IS21" s="72">
        <v>101</v>
      </c>
      <c r="IT21" s="73">
        <v>147</v>
      </c>
      <c r="IU21" s="70">
        <v>25</v>
      </c>
      <c r="IV21" s="71">
        <v>36</v>
      </c>
      <c r="IW21" s="72">
        <v>61</v>
      </c>
      <c r="IX21" s="276"/>
      <c r="IY21" s="71">
        <v>65</v>
      </c>
      <c r="IZ21" s="71">
        <v>48</v>
      </c>
      <c r="JA21" s="71">
        <v>25</v>
      </c>
      <c r="JB21" s="71">
        <v>29</v>
      </c>
      <c r="JC21" s="71">
        <v>9</v>
      </c>
      <c r="JD21" s="72">
        <v>176</v>
      </c>
      <c r="JE21" s="73">
        <v>237</v>
      </c>
      <c r="JF21" s="70">
        <v>26</v>
      </c>
      <c r="JG21" s="71">
        <v>29</v>
      </c>
      <c r="JH21" s="72">
        <v>55</v>
      </c>
      <c r="JI21" s="276"/>
      <c r="JJ21" s="71">
        <v>44</v>
      </c>
      <c r="JK21" s="71">
        <v>40</v>
      </c>
      <c r="JL21" s="71">
        <v>33</v>
      </c>
      <c r="JM21" s="71">
        <v>23</v>
      </c>
      <c r="JN21" s="71">
        <v>17</v>
      </c>
      <c r="JO21" s="72">
        <v>157</v>
      </c>
      <c r="JP21" s="73">
        <v>212</v>
      </c>
      <c r="JQ21" s="70">
        <v>0</v>
      </c>
      <c r="JR21" s="71">
        <v>0</v>
      </c>
      <c r="JS21" s="72">
        <v>0</v>
      </c>
      <c r="JT21" s="276"/>
      <c r="JU21" s="71">
        <v>0</v>
      </c>
      <c r="JV21" s="71">
        <v>0</v>
      </c>
      <c r="JW21" s="71">
        <v>0</v>
      </c>
      <c r="JX21" s="71">
        <v>0</v>
      </c>
      <c r="JY21" s="71">
        <v>0</v>
      </c>
      <c r="JZ21" s="72">
        <v>0</v>
      </c>
      <c r="KA21" s="73">
        <v>0</v>
      </c>
      <c r="KB21" s="70">
        <v>86</v>
      </c>
      <c r="KC21" s="71">
        <v>107</v>
      </c>
      <c r="KD21" s="72">
        <v>193</v>
      </c>
      <c r="KE21" s="276"/>
      <c r="KF21" s="71">
        <v>171</v>
      </c>
      <c r="KG21" s="71">
        <v>136</v>
      </c>
      <c r="KH21" s="71">
        <v>97</v>
      </c>
      <c r="KI21" s="71">
        <v>78</v>
      </c>
      <c r="KJ21" s="71">
        <v>45</v>
      </c>
      <c r="KK21" s="72">
        <v>527</v>
      </c>
      <c r="KL21" s="73">
        <v>720</v>
      </c>
    </row>
    <row r="22" spans="1:298" ht="19.5" customHeight="1" x14ac:dyDescent="0.2">
      <c r="A22" s="129" t="s">
        <v>19</v>
      </c>
      <c r="B22" s="350">
        <v>27</v>
      </c>
      <c r="C22" s="82">
        <v>32</v>
      </c>
      <c r="D22" s="83">
        <v>59</v>
      </c>
      <c r="E22" s="273"/>
      <c r="F22" s="82">
        <v>70</v>
      </c>
      <c r="G22" s="82">
        <v>59</v>
      </c>
      <c r="H22" s="82">
        <v>19</v>
      </c>
      <c r="I22" s="82">
        <v>21</v>
      </c>
      <c r="J22" s="82">
        <v>8</v>
      </c>
      <c r="K22" s="84">
        <v>177</v>
      </c>
      <c r="L22" s="85">
        <v>236</v>
      </c>
      <c r="M22" s="86">
        <v>0</v>
      </c>
      <c r="N22" s="71">
        <v>0</v>
      </c>
      <c r="O22" s="72">
        <v>0</v>
      </c>
      <c r="P22" s="276"/>
      <c r="Q22" s="71">
        <v>1</v>
      </c>
      <c r="R22" s="71">
        <v>3</v>
      </c>
      <c r="S22" s="71">
        <v>1</v>
      </c>
      <c r="T22" s="71">
        <v>0</v>
      </c>
      <c r="U22" s="71">
        <v>0</v>
      </c>
      <c r="V22" s="72">
        <v>5</v>
      </c>
      <c r="W22" s="73">
        <v>5</v>
      </c>
      <c r="X22" s="70">
        <v>0</v>
      </c>
      <c r="Y22" s="71">
        <v>2</v>
      </c>
      <c r="Z22" s="72">
        <v>2</v>
      </c>
      <c r="AA22" s="276"/>
      <c r="AB22" s="71">
        <v>0</v>
      </c>
      <c r="AC22" s="71">
        <v>3</v>
      </c>
      <c r="AD22" s="71">
        <v>1</v>
      </c>
      <c r="AE22" s="71">
        <v>0</v>
      </c>
      <c r="AF22" s="71">
        <v>1</v>
      </c>
      <c r="AG22" s="72">
        <v>5</v>
      </c>
      <c r="AH22" s="73">
        <v>7</v>
      </c>
      <c r="AI22" s="86">
        <v>2</v>
      </c>
      <c r="AJ22" s="71">
        <v>2</v>
      </c>
      <c r="AK22" s="72">
        <v>4</v>
      </c>
      <c r="AL22" s="276"/>
      <c r="AM22" s="71">
        <v>2</v>
      </c>
      <c r="AN22" s="71">
        <v>6</v>
      </c>
      <c r="AO22" s="71">
        <v>0</v>
      </c>
      <c r="AP22" s="71">
        <v>2</v>
      </c>
      <c r="AQ22" s="71">
        <v>0</v>
      </c>
      <c r="AR22" s="72">
        <v>10</v>
      </c>
      <c r="AS22" s="73">
        <v>14</v>
      </c>
      <c r="AT22" s="70">
        <v>10</v>
      </c>
      <c r="AU22" s="71">
        <v>4</v>
      </c>
      <c r="AV22" s="72">
        <v>14</v>
      </c>
      <c r="AW22" s="276"/>
      <c r="AX22" s="71">
        <v>11</v>
      </c>
      <c r="AY22" s="71">
        <v>10</v>
      </c>
      <c r="AZ22" s="71">
        <v>5</v>
      </c>
      <c r="BA22" s="71">
        <v>5</v>
      </c>
      <c r="BB22" s="71">
        <v>2</v>
      </c>
      <c r="BC22" s="72">
        <v>33</v>
      </c>
      <c r="BD22" s="73">
        <v>47</v>
      </c>
      <c r="BE22" s="86">
        <v>5</v>
      </c>
      <c r="BF22" s="71">
        <v>13</v>
      </c>
      <c r="BG22" s="72">
        <v>18</v>
      </c>
      <c r="BH22" s="276"/>
      <c r="BI22" s="71">
        <v>33</v>
      </c>
      <c r="BJ22" s="71">
        <v>19</v>
      </c>
      <c r="BK22" s="71">
        <v>10</v>
      </c>
      <c r="BL22" s="71">
        <v>5</v>
      </c>
      <c r="BM22" s="71">
        <v>1</v>
      </c>
      <c r="BN22" s="72">
        <v>68</v>
      </c>
      <c r="BO22" s="73">
        <v>86</v>
      </c>
      <c r="BP22" s="70">
        <v>10</v>
      </c>
      <c r="BQ22" s="71">
        <v>11</v>
      </c>
      <c r="BR22" s="72">
        <v>21</v>
      </c>
      <c r="BS22" s="276"/>
      <c r="BT22" s="71">
        <v>23</v>
      </c>
      <c r="BU22" s="71">
        <v>18</v>
      </c>
      <c r="BV22" s="71">
        <v>2</v>
      </c>
      <c r="BW22" s="71">
        <v>9</v>
      </c>
      <c r="BX22" s="71">
        <v>4</v>
      </c>
      <c r="BY22" s="72">
        <v>56</v>
      </c>
      <c r="BZ22" s="73">
        <v>77</v>
      </c>
      <c r="CA22" s="70">
        <v>0</v>
      </c>
      <c r="CB22" s="71">
        <v>0</v>
      </c>
      <c r="CC22" s="72">
        <v>0</v>
      </c>
      <c r="CD22" s="276"/>
      <c r="CE22" s="71">
        <v>0</v>
      </c>
      <c r="CF22" s="71">
        <v>0</v>
      </c>
      <c r="CG22" s="71">
        <v>0</v>
      </c>
      <c r="CH22" s="71">
        <v>0</v>
      </c>
      <c r="CI22" s="71">
        <v>0</v>
      </c>
      <c r="CJ22" s="72">
        <v>0</v>
      </c>
      <c r="CK22" s="73">
        <v>0</v>
      </c>
      <c r="CL22" s="70">
        <v>27</v>
      </c>
      <c r="CM22" s="71">
        <v>32</v>
      </c>
      <c r="CN22" s="72">
        <v>59</v>
      </c>
      <c r="CO22" s="276"/>
      <c r="CP22" s="71">
        <v>70</v>
      </c>
      <c r="CQ22" s="71">
        <v>59</v>
      </c>
      <c r="CR22" s="71">
        <v>19</v>
      </c>
      <c r="CS22" s="71">
        <v>21</v>
      </c>
      <c r="CT22" s="71">
        <v>8</v>
      </c>
      <c r="CU22" s="72">
        <v>177</v>
      </c>
      <c r="CV22" s="73">
        <v>236</v>
      </c>
      <c r="CW22" s="126">
        <v>2</v>
      </c>
      <c r="CX22" s="82">
        <v>3</v>
      </c>
      <c r="CY22" s="83">
        <v>5</v>
      </c>
      <c r="CZ22" s="273"/>
      <c r="DA22" s="82">
        <v>8</v>
      </c>
      <c r="DB22" s="82">
        <v>8</v>
      </c>
      <c r="DC22" s="82">
        <v>8</v>
      </c>
      <c r="DD22" s="82">
        <v>5</v>
      </c>
      <c r="DE22" s="82">
        <v>4</v>
      </c>
      <c r="DF22" s="84">
        <v>33</v>
      </c>
      <c r="DG22" s="85">
        <v>38</v>
      </c>
      <c r="DH22" s="86">
        <v>0</v>
      </c>
      <c r="DI22" s="71">
        <v>0</v>
      </c>
      <c r="DJ22" s="72">
        <v>0</v>
      </c>
      <c r="DK22" s="276"/>
      <c r="DL22" s="71">
        <v>0</v>
      </c>
      <c r="DM22" s="71">
        <v>0</v>
      </c>
      <c r="DN22" s="71">
        <v>0</v>
      </c>
      <c r="DO22" s="71">
        <v>0</v>
      </c>
      <c r="DP22" s="71">
        <v>0</v>
      </c>
      <c r="DQ22" s="72">
        <v>0</v>
      </c>
      <c r="DR22" s="73">
        <v>0</v>
      </c>
      <c r="DS22" s="70">
        <v>0</v>
      </c>
      <c r="DT22" s="71">
        <v>0</v>
      </c>
      <c r="DU22" s="72">
        <v>0</v>
      </c>
      <c r="DV22" s="276"/>
      <c r="DW22" s="71">
        <v>0</v>
      </c>
      <c r="DX22" s="71">
        <v>1</v>
      </c>
      <c r="DY22" s="71">
        <v>1</v>
      </c>
      <c r="DZ22" s="71">
        <v>0</v>
      </c>
      <c r="EA22" s="71">
        <v>0</v>
      </c>
      <c r="EB22" s="72">
        <v>2</v>
      </c>
      <c r="EC22" s="73">
        <v>2</v>
      </c>
      <c r="ED22" s="86">
        <v>1</v>
      </c>
      <c r="EE22" s="71">
        <v>0</v>
      </c>
      <c r="EF22" s="72">
        <v>1</v>
      </c>
      <c r="EG22" s="276"/>
      <c r="EH22" s="71">
        <v>2</v>
      </c>
      <c r="EI22" s="71">
        <v>1</v>
      </c>
      <c r="EJ22" s="71">
        <v>2</v>
      </c>
      <c r="EK22" s="71">
        <v>0</v>
      </c>
      <c r="EL22" s="71">
        <v>0</v>
      </c>
      <c r="EM22" s="72">
        <v>5</v>
      </c>
      <c r="EN22" s="73">
        <v>6</v>
      </c>
      <c r="EO22" s="70">
        <v>1</v>
      </c>
      <c r="EP22" s="71">
        <v>2</v>
      </c>
      <c r="EQ22" s="72">
        <v>3</v>
      </c>
      <c r="ER22" s="276"/>
      <c r="ES22" s="71">
        <v>1</v>
      </c>
      <c r="ET22" s="71">
        <v>2</v>
      </c>
      <c r="EU22" s="71">
        <v>1</v>
      </c>
      <c r="EV22" s="71">
        <v>0</v>
      </c>
      <c r="EW22" s="71">
        <v>1</v>
      </c>
      <c r="EX22" s="72">
        <v>5</v>
      </c>
      <c r="EY22" s="73">
        <v>8</v>
      </c>
      <c r="EZ22" s="86">
        <v>0</v>
      </c>
      <c r="FA22" s="71">
        <v>0</v>
      </c>
      <c r="FB22" s="72">
        <v>0</v>
      </c>
      <c r="FC22" s="276"/>
      <c r="FD22" s="71">
        <v>2</v>
      </c>
      <c r="FE22" s="71">
        <v>1</v>
      </c>
      <c r="FF22" s="71">
        <v>1</v>
      </c>
      <c r="FG22" s="71">
        <v>0</v>
      </c>
      <c r="FH22" s="71">
        <v>1</v>
      </c>
      <c r="FI22" s="72">
        <v>5</v>
      </c>
      <c r="FJ22" s="73">
        <v>5</v>
      </c>
      <c r="FK22" s="70">
        <v>0</v>
      </c>
      <c r="FL22" s="71">
        <v>1</v>
      </c>
      <c r="FM22" s="72">
        <v>1</v>
      </c>
      <c r="FN22" s="276"/>
      <c r="FO22" s="71">
        <v>3</v>
      </c>
      <c r="FP22" s="71">
        <v>3</v>
      </c>
      <c r="FQ22" s="71">
        <v>3</v>
      </c>
      <c r="FR22" s="71">
        <v>5</v>
      </c>
      <c r="FS22" s="71">
        <v>2</v>
      </c>
      <c r="FT22" s="72">
        <v>16</v>
      </c>
      <c r="FU22" s="73">
        <v>17</v>
      </c>
      <c r="FV22" s="70">
        <v>0</v>
      </c>
      <c r="FW22" s="71">
        <v>0</v>
      </c>
      <c r="FX22" s="72">
        <v>0</v>
      </c>
      <c r="FY22" s="276"/>
      <c r="FZ22" s="71">
        <v>0</v>
      </c>
      <c r="GA22" s="71">
        <v>0</v>
      </c>
      <c r="GB22" s="71">
        <v>0</v>
      </c>
      <c r="GC22" s="71">
        <v>0</v>
      </c>
      <c r="GD22" s="71">
        <v>0</v>
      </c>
      <c r="GE22" s="72">
        <v>0</v>
      </c>
      <c r="GF22" s="73">
        <v>0</v>
      </c>
      <c r="GG22" s="70">
        <v>2</v>
      </c>
      <c r="GH22" s="71">
        <v>3</v>
      </c>
      <c r="GI22" s="72">
        <v>5</v>
      </c>
      <c r="GJ22" s="276"/>
      <c r="GK22" s="71">
        <v>8</v>
      </c>
      <c r="GL22" s="71">
        <v>8</v>
      </c>
      <c r="GM22" s="71">
        <v>8</v>
      </c>
      <c r="GN22" s="71">
        <v>5</v>
      </c>
      <c r="GO22" s="71">
        <v>4</v>
      </c>
      <c r="GP22" s="72">
        <v>33</v>
      </c>
      <c r="GQ22" s="73">
        <v>38</v>
      </c>
      <c r="GR22" s="126">
        <v>29</v>
      </c>
      <c r="GS22" s="82">
        <v>35</v>
      </c>
      <c r="GT22" s="83">
        <v>64</v>
      </c>
      <c r="GU22" s="273"/>
      <c r="GV22" s="82">
        <v>78</v>
      </c>
      <c r="GW22" s="82">
        <v>67</v>
      </c>
      <c r="GX22" s="82">
        <v>27</v>
      </c>
      <c r="GY22" s="82">
        <v>26</v>
      </c>
      <c r="GZ22" s="82">
        <v>12</v>
      </c>
      <c r="HA22" s="84">
        <v>210</v>
      </c>
      <c r="HB22" s="85">
        <v>274</v>
      </c>
      <c r="HC22" s="86">
        <v>0</v>
      </c>
      <c r="HD22" s="71">
        <v>0</v>
      </c>
      <c r="HE22" s="72">
        <v>0</v>
      </c>
      <c r="HF22" s="276"/>
      <c r="HG22" s="71">
        <v>1</v>
      </c>
      <c r="HH22" s="71">
        <v>3</v>
      </c>
      <c r="HI22" s="71">
        <v>1</v>
      </c>
      <c r="HJ22" s="71">
        <v>0</v>
      </c>
      <c r="HK22" s="71">
        <v>0</v>
      </c>
      <c r="HL22" s="72">
        <v>5</v>
      </c>
      <c r="HM22" s="73">
        <v>5</v>
      </c>
      <c r="HN22" s="70">
        <v>0</v>
      </c>
      <c r="HO22" s="71">
        <v>2</v>
      </c>
      <c r="HP22" s="72">
        <v>2</v>
      </c>
      <c r="HQ22" s="276"/>
      <c r="HR22" s="71">
        <v>0</v>
      </c>
      <c r="HS22" s="71">
        <v>4</v>
      </c>
      <c r="HT22" s="71">
        <v>2</v>
      </c>
      <c r="HU22" s="71">
        <v>0</v>
      </c>
      <c r="HV22" s="71">
        <v>1</v>
      </c>
      <c r="HW22" s="72">
        <v>7</v>
      </c>
      <c r="HX22" s="73">
        <v>9</v>
      </c>
      <c r="HY22" s="86">
        <v>3</v>
      </c>
      <c r="HZ22" s="71">
        <v>2</v>
      </c>
      <c r="IA22" s="72">
        <v>5</v>
      </c>
      <c r="IB22" s="276"/>
      <c r="IC22" s="71">
        <v>4</v>
      </c>
      <c r="ID22" s="71">
        <v>7</v>
      </c>
      <c r="IE22" s="71">
        <v>2</v>
      </c>
      <c r="IF22" s="71">
        <v>2</v>
      </c>
      <c r="IG22" s="71">
        <v>0</v>
      </c>
      <c r="IH22" s="72">
        <v>15</v>
      </c>
      <c r="II22" s="73">
        <v>20</v>
      </c>
      <c r="IJ22" s="70">
        <v>11</v>
      </c>
      <c r="IK22" s="71">
        <v>6</v>
      </c>
      <c r="IL22" s="72">
        <v>17</v>
      </c>
      <c r="IM22" s="276"/>
      <c r="IN22" s="71">
        <v>12</v>
      </c>
      <c r="IO22" s="71">
        <v>12</v>
      </c>
      <c r="IP22" s="71">
        <v>6</v>
      </c>
      <c r="IQ22" s="71">
        <v>5</v>
      </c>
      <c r="IR22" s="71">
        <v>3</v>
      </c>
      <c r="IS22" s="72">
        <v>38</v>
      </c>
      <c r="IT22" s="73">
        <v>55</v>
      </c>
      <c r="IU22" s="86">
        <v>5</v>
      </c>
      <c r="IV22" s="71">
        <v>13</v>
      </c>
      <c r="IW22" s="72">
        <v>18</v>
      </c>
      <c r="IX22" s="276"/>
      <c r="IY22" s="71">
        <v>35</v>
      </c>
      <c r="IZ22" s="71">
        <v>20</v>
      </c>
      <c r="JA22" s="71">
        <v>11</v>
      </c>
      <c r="JB22" s="71">
        <v>5</v>
      </c>
      <c r="JC22" s="71">
        <v>2</v>
      </c>
      <c r="JD22" s="72">
        <v>73</v>
      </c>
      <c r="JE22" s="73">
        <v>91</v>
      </c>
      <c r="JF22" s="70">
        <v>10</v>
      </c>
      <c r="JG22" s="71">
        <v>12</v>
      </c>
      <c r="JH22" s="72">
        <v>22</v>
      </c>
      <c r="JI22" s="276"/>
      <c r="JJ22" s="71">
        <v>26</v>
      </c>
      <c r="JK22" s="71">
        <v>21</v>
      </c>
      <c r="JL22" s="71">
        <v>5</v>
      </c>
      <c r="JM22" s="71">
        <v>14</v>
      </c>
      <c r="JN22" s="71">
        <v>6</v>
      </c>
      <c r="JO22" s="72">
        <v>72</v>
      </c>
      <c r="JP22" s="73">
        <v>94</v>
      </c>
      <c r="JQ22" s="70">
        <v>0</v>
      </c>
      <c r="JR22" s="71">
        <v>0</v>
      </c>
      <c r="JS22" s="72">
        <v>0</v>
      </c>
      <c r="JT22" s="276"/>
      <c r="JU22" s="71">
        <v>0</v>
      </c>
      <c r="JV22" s="71">
        <v>0</v>
      </c>
      <c r="JW22" s="71">
        <v>0</v>
      </c>
      <c r="JX22" s="71">
        <v>0</v>
      </c>
      <c r="JY22" s="71">
        <v>0</v>
      </c>
      <c r="JZ22" s="72">
        <v>0</v>
      </c>
      <c r="KA22" s="73">
        <v>0</v>
      </c>
      <c r="KB22" s="70">
        <v>29</v>
      </c>
      <c r="KC22" s="71">
        <v>35</v>
      </c>
      <c r="KD22" s="72">
        <v>64</v>
      </c>
      <c r="KE22" s="276"/>
      <c r="KF22" s="71">
        <v>78</v>
      </c>
      <c r="KG22" s="71">
        <v>67</v>
      </c>
      <c r="KH22" s="71">
        <v>27</v>
      </c>
      <c r="KI22" s="71">
        <v>26</v>
      </c>
      <c r="KJ22" s="71">
        <v>12</v>
      </c>
      <c r="KK22" s="72">
        <v>210</v>
      </c>
      <c r="KL22" s="73">
        <v>274</v>
      </c>
    </row>
    <row r="23" spans="1:298" ht="19.5" customHeight="1" x14ac:dyDescent="0.2">
      <c r="A23" s="129" t="s">
        <v>20</v>
      </c>
      <c r="B23" s="350">
        <v>57</v>
      </c>
      <c r="C23" s="82">
        <v>75</v>
      </c>
      <c r="D23" s="83">
        <v>132</v>
      </c>
      <c r="E23" s="273"/>
      <c r="F23" s="82">
        <v>107</v>
      </c>
      <c r="G23" s="82">
        <v>65</v>
      </c>
      <c r="H23" s="82">
        <v>48</v>
      </c>
      <c r="I23" s="82">
        <v>41</v>
      </c>
      <c r="J23" s="82">
        <v>18</v>
      </c>
      <c r="K23" s="84">
        <v>279</v>
      </c>
      <c r="L23" s="85">
        <v>411</v>
      </c>
      <c r="M23" s="70">
        <v>1</v>
      </c>
      <c r="N23" s="71">
        <v>1</v>
      </c>
      <c r="O23" s="72">
        <v>2</v>
      </c>
      <c r="P23" s="276"/>
      <c r="Q23" s="71">
        <v>3</v>
      </c>
      <c r="R23" s="71">
        <v>0</v>
      </c>
      <c r="S23" s="71">
        <v>1</v>
      </c>
      <c r="T23" s="71">
        <v>0</v>
      </c>
      <c r="U23" s="71">
        <v>0</v>
      </c>
      <c r="V23" s="72">
        <v>4</v>
      </c>
      <c r="W23" s="73">
        <v>6</v>
      </c>
      <c r="X23" s="70">
        <v>2</v>
      </c>
      <c r="Y23" s="71">
        <v>3</v>
      </c>
      <c r="Z23" s="72">
        <v>5</v>
      </c>
      <c r="AA23" s="276"/>
      <c r="AB23" s="71">
        <v>5</v>
      </c>
      <c r="AC23" s="71">
        <v>3</v>
      </c>
      <c r="AD23" s="71">
        <v>3</v>
      </c>
      <c r="AE23" s="71">
        <v>3</v>
      </c>
      <c r="AF23" s="71">
        <v>1</v>
      </c>
      <c r="AG23" s="72">
        <v>15</v>
      </c>
      <c r="AH23" s="73">
        <v>20</v>
      </c>
      <c r="AI23" s="70">
        <v>11</v>
      </c>
      <c r="AJ23" s="71">
        <v>8</v>
      </c>
      <c r="AK23" s="72">
        <v>19</v>
      </c>
      <c r="AL23" s="276"/>
      <c r="AM23" s="71">
        <v>10</v>
      </c>
      <c r="AN23" s="71">
        <v>4</v>
      </c>
      <c r="AO23" s="71">
        <v>8</v>
      </c>
      <c r="AP23" s="71">
        <v>9</v>
      </c>
      <c r="AQ23" s="71">
        <v>4</v>
      </c>
      <c r="AR23" s="72">
        <v>35</v>
      </c>
      <c r="AS23" s="73">
        <v>54</v>
      </c>
      <c r="AT23" s="70">
        <v>10</v>
      </c>
      <c r="AU23" s="71">
        <v>18</v>
      </c>
      <c r="AV23" s="72">
        <v>28</v>
      </c>
      <c r="AW23" s="276"/>
      <c r="AX23" s="71">
        <v>30</v>
      </c>
      <c r="AY23" s="71">
        <v>23</v>
      </c>
      <c r="AZ23" s="71">
        <v>8</v>
      </c>
      <c r="BA23" s="71">
        <v>5</v>
      </c>
      <c r="BB23" s="71">
        <v>5</v>
      </c>
      <c r="BC23" s="72">
        <v>71</v>
      </c>
      <c r="BD23" s="73">
        <v>99</v>
      </c>
      <c r="BE23" s="70">
        <v>18</v>
      </c>
      <c r="BF23" s="71">
        <v>25</v>
      </c>
      <c r="BG23" s="72">
        <v>43</v>
      </c>
      <c r="BH23" s="276"/>
      <c r="BI23" s="71">
        <v>37</v>
      </c>
      <c r="BJ23" s="71">
        <v>19</v>
      </c>
      <c r="BK23" s="71">
        <v>13</v>
      </c>
      <c r="BL23" s="71">
        <v>6</v>
      </c>
      <c r="BM23" s="71">
        <v>5</v>
      </c>
      <c r="BN23" s="72">
        <v>80</v>
      </c>
      <c r="BO23" s="73">
        <v>123</v>
      </c>
      <c r="BP23" s="70">
        <v>15</v>
      </c>
      <c r="BQ23" s="71">
        <v>20</v>
      </c>
      <c r="BR23" s="72">
        <v>35</v>
      </c>
      <c r="BS23" s="276"/>
      <c r="BT23" s="71">
        <v>22</v>
      </c>
      <c r="BU23" s="71">
        <v>16</v>
      </c>
      <c r="BV23" s="71">
        <v>15</v>
      </c>
      <c r="BW23" s="71">
        <v>18</v>
      </c>
      <c r="BX23" s="71">
        <v>3</v>
      </c>
      <c r="BY23" s="72">
        <v>74</v>
      </c>
      <c r="BZ23" s="73">
        <v>109</v>
      </c>
      <c r="CA23" s="70">
        <v>0</v>
      </c>
      <c r="CB23" s="71">
        <v>0</v>
      </c>
      <c r="CC23" s="72">
        <v>0</v>
      </c>
      <c r="CD23" s="276"/>
      <c r="CE23" s="71">
        <v>0</v>
      </c>
      <c r="CF23" s="71">
        <v>0</v>
      </c>
      <c r="CG23" s="71">
        <v>0</v>
      </c>
      <c r="CH23" s="71">
        <v>0</v>
      </c>
      <c r="CI23" s="71">
        <v>0</v>
      </c>
      <c r="CJ23" s="72">
        <v>0</v>
      </c>
      <c r="CK23" s="73">
        <v>0</v>
      </c>
      <c r="CL23" s="70">
        <v>57</v>
      </c>
      <c r="CM23" s="71">
        <v>75</v>
      </c>
      <c r="CN23" s="72">
        <v>132</v>
      </c>
      <c r="CO23" s="276"/>
      <c r="CP23" s="71">
        <v>107</v>
      </c>
      <c r="CQ23" s="71">
        <v>65</v>
      </c>
      <c r="CR23" s="71">
        <v>48</v>
      </c>
      <c r="CS23" s="71">
        <v>41</v>
      </c>
      <c r="CT23" s="71">
        <v>18</v>
      </c>
      <c r="CU23" s="72">
        <v>279</v>
      </c>
      <c r="CV23" s="73">
        <v>411</v>
      </c>
      <c r="CW23" s="126">
        <v>8</v>
      </c>
      <c r="CX23" s="82">
        <v>4</v>
      </c>
      <c r="CY23" s="83">
        <v>12</v>
      </c>
      <c r="CZ23" s="273"/>
      <c r="DA23" s="82">
        <v>10</v>
      </c>
      <c r="DB23" s="82">
        <v>7</v>
      </c>
      <c r="DC23" s="82">
        <v>7</v>
      </c>
      <c r="DD23" s="82">
        <v>6</v>
      </c>
      <c r="DE23" s="82">
        <v>1</v>
      </c>
      <c r="DF23" s="84">
        <v>31</v>
      </c>
      <c r="DG23" s="85">
        <v>43</v>
      </c>
      <c r="DH23" s="70">
        <v>0</v>
      </c>
      <c r="DI23" s="71">
        <v>0</v>
      </c>
      <c r="DJ23" s="72">
        <v>0</v>
      </c>
      <c r="DK23" s="276"/>
      <c r="DL23" s="71">
        <v>0</v>
      </c>
      <c r="DM23" s="71">
        <v>0</v>
      </c>
      <c r="DN23" s="71">
        <v>0</v>
      </c>
      <c r="DO23" s="71">
        <v>0</v>
      </c>
      <c r="DP23" s="71">
        <v>1</v>
      </c>
      <c r="DQ23" s="72">
        <v>1</v>
      </c>
      <c r="DR23" s="73">
        <v>1</v>
      </c>
      <c r="DS23" s="70">
        <v>0</v>
      </c>
      <c r="DT23" s="71">
        <v>0</v>
      </c>
      <c r="DU23" s="72">
        <v>0</v>
      </c>
      <c r="DV23" s="276"/>
      <c r="DW23" s="71">
        <v>0</v>
      </c>
      <c r="DX23" s="71">
        <v>0</v>
      </c>
      <c r="DY23" s="71">
        <v>0</v>
      </c>
      <c r="DZ23" s="71">
        <v>1</v>
      </c>
      <c r="EA23" s="71">
        <v>0</v>
      </c>
      <c r="EB23" s="72">
        <v>1</v>
      </c>
      <c r="EC23" s="73">
        <v>1</v>
      </c>
      <c r="ED23" s="70">
        <v>1</v>
      </c>
      <c r="EE23" s="71">
        <v>1</v>
      </c>
      <c r="EF23" s="72">
        <v>2</v>
      </c>
      <c r="EG23" s="276"/>
      <c r="EH23" s="71">
        <v>0</v>
      </c>
      <c r="EI23" s="71">
        <v>2</v>
      </c>
      <c r="EJ23" s="71">
        <v>0</v>
      </c>
      <c r="EK23" s="71">
        <v>0</v>
      </c>
      <c r="EL23" s="71">
        <v>0</v>
      </c>
      <c r="EM23" s="72">
        <v>2</v>
      </c>
      <c r="EN23" s="73">
        <v>4</v>
      </c>
      <c r="EO23" s="70">
        <v>5</v>
      </c>
      <c r="EP23" s="71">
        <v>1</v>
      </c>
      <c r="EQ23" s="72">
        <v>6</v>
      </c>
      <c r="ER23" s="276"/>
      <c r="ES23" s="71">
        <v>1</v>
      </c>
      <c r="ET23" s="71">
        <v>1</v>
      </c>
      <c r="EU23" s="71">
        <v>0</v>
      </c>
      <c r="EV23" s="71">
        <v>1</v>
      </c>
      <c r="EW23" s="71">
        <v>0</v>
      </c>
      <c r="EX23" s="72">
        <v>3</v>
      </c>
      <c r="EY23" s="73">
        <v>9</v>
      </c>
      <c r="EZ23" s="70">
        <v>2</v>
      </c>
      <c r="FA23" s="71">
        <v>1</v>
      </c>
      <c r="FB23" s="72">
        <v>3</v>
      </c>
      <c r="FC23" s="276"/>
      <c r="FD23" s="71">
        <v>6</v>
      </c>
      <c r="FE23" s="71">
        <v>0</v>
      </c>
      <c r="FF23" s="71">
        <v>4</v>
      </c>
      <c r="FG23" s="71">
        <v>0</v>
      </c>
      <c r="FH23" s="71">
        <v>0</v>
      </c>
      <c r="FI23" s="72">
        <v>10</v>
      </c>
      <c r="FJ23" s="73">
        <v>13</v>
      </c>
      <c r="FK23" s="70">
        <v>0</v>
      </c>
      <c r="FL23" s="71">
        <v>1</v>
      </c>
      <c r="FM23" s="72">
        <v>1</v>
      </c>
      <c r="FN23" s="276"/>
      <c r="FO23" s="71">
        <v>3</v>
      </c>
      <c r="FP23" s="71">
        <v>4</v>
      </c>
      <c r="FQ23" s="71">
        <v>3</v>
      </c>
      <c r="FR23" s="71">
        <v>4</v>
      </c>
      <c r="FS23" s="71">
        <v>0</v>
      </c>
      <c r="FT23" s="72">
        <v>14</v>
      </c>
      <c r="FU23" s="73">
        <v>15</v>
      </c>
      <c r="FV23" s="70">
        <v>0</v>
      </c>
      <c r="FW23" s="71">
        <v>0</v>
      </c>
      <c r="FX23" s="72">
        <v>0</v>
      </c>
      <c r="FY23" s="276"/>
      <c r="FZ23" s="71">
        <v>0</v>
      </c>
      <c r="GA23" s="71">
        <v>0</v>
      </c>
      <c r="GB23" s="71">
        <v>0</v>
      </c>
      <c r="GC23" s="71">
        <v>0</v>
      </c>
      <c r="GD23" s="71">
        <v>0</v>
      </c>
      <c r="GE23" s="72">
        <v>0</v>
      </c>
      <c r="GF23" s="73">
        <v>0</v>
      </c>
      <c r="GG23" s="70">
        <v>8</v>
      </c>
      <c r="GH23" s="71">
        <v>4</v>
      </c>
      <c r="GI23" s="72">
        <v>12</v>
      </c>
      <c r="GJ23" s="276"/>
      <c r="GK23" s="71">
        <v>10</v>
      </c>
      <c r="GL23" s="71">
        <v>7</v>
      </c>
      <c r="GM23" s="71">
        <v>7</v>
      </c>
      <c r="GN23" s="71">
        <v>6</v>
      </c>
      <c r="GO23" s="71">
        <v>1</v>
      </c>
      <c r="GP23" s="72">
        <v>31</v>
      </c>
      <c r="GQ23" s="73">
        <v>43</v>
      </c>
      <c r="GR23" s="126">
        <v>65</v>
      </c>
      <c r="GS23" s="82">
        <v>79</v>
      </c>
      <c r="GT23" s="83">
        <v>144</v>
      </c>
      <c r="GU23" s="273"/>
      <c r="GV23" s="82">
        <v>117</v>
      </c>
      <c r="GW23" s="82">
        <v>72</v>
      </c>
      <c r="GX23" s="82">
        <v>55</v>
      </c>
      <c r="GY23" s="82">
        <v>47</v>
      </c>
      <c r="GZ23" s="82">
        <v>19</v>
      </c>
      <c r="HA23" s="84">
        <v>310</v>
      </c>
      <c r="HB23" s="85">
        <v>454</v>
      </c>
      <c r="HC23" s="70">
        <v>1</v>
      </c>
      <c r="HD23" s="71">
        <v>1</v>
      </c>
      <c r="HE23" s="72">
        <v>2</v>
      </c>
      <c r="HF23" s="276"/>
      <c r="HG23" s="71">
        <v>3</v>
      </c>
      <c r="HH23" s="71">
        <v>0</v>
      </c>
      <c r="HI23" s="71">
        <v>1</v>
      </c>
      <c r="HJ23" s="71">
        <v>0</v>
      </c>
      <c r="HK23" s="71">
        <v>1</v>
      </c>
      <c r="HL23" s="72">
        <v>5</v>
      </c>
      <c r="HM23" s="73">
        <v>7</v>
      </c>
      <c r="HN23" s="70">
        <v>2</v>
      </c>
      <c r="HO23" s="71">
        <v>3</v>
      </c>
      <c r="HP23" s="72">
        <v>5</v>
      </c>
      <c r="HQ23" s="276"/>
      <c r="HR23" s="71">
        <v>5</v>
      </c>
      <c r="HS23" s="71">
        <v>3</v>
      </c>
      <c r="HT23" s="71">
        <v>3</v>
      </c>
      <c r="HU23" s="71">
        <v>4</v>
      </c>
      <c r="HV23" s="71">
        <v>1</v>
      </c>
      <c r="HW23" s="72">
        <v>16</v>
      </c>
      <c r="HX23" s="73">
        <v>21</v>
      </c>
      <c r="HY23" s="70">
        <v>12</v>
      </c>
      <c r="HZ23" s="71">
        <v>9</v>
      </c>
      <c r="IA23" s="72">
        <v>21</v>
      </c>
      <c r="IB23" s="276"/>
      <c r="IC23" s="71">
        <v>10</v>
      </c>
      <c r="ID23" s="71">
        <v>6</v>
      </c>
      <c r="IE23" s="71">
        <v>8</v>
      </c>
      <c r="IF23" s="71">
        <v>9</v>
      </c>
      <c r="IG23" s="71">
        <v>4</v>
      </c>
      <c r="IH23" s="72">
        <v>37</v>
      </c>
      <c r="II23" s="73">
        <v>58</v>
      </c>
      <c r="IJ23" s="70">
        <v>15</v>
      </c>
      <c r="IK23" s="71">
        <v>19</v>
      </c>
      <c r="IL23" s="72">
        <v>34</v>
      </c>
      <c r="IM23" s="276"/>
      <c r="IN23" s="71">
        <v>31</v>
      </c>
      <c r="IO23" s="71">
        <v>24</v>
      </c>
      <c r="IP23" s="71">
        <v>8</v>
      </c>
      <c r="IQ23" s="71">
        <v>6</v>
      </c>
      <c r="IR23" s="71">
        <v>5</v>
      </c>
      <c r="IS23" s="72">
        <v>74</v>
      </c>
      <c r="IT23" s="73">
        <v>108</v>
      </c>
      <c r="IU23" s="70">
        <v>20</v>
      </c>
      <c r="IV23" s="71">
        <v>26</v>
      </c>
      <c r="IW23" s="72">
        <v>46</v>
      </c>
      <c r="IX23" s="276"/>
      <c r="IY23" s="71">
        <v>43</v>
      </c>
      <c r="IZ23" s="71">
        <v>19</v>
      </c>
      <c r="JA23" s="71">
        <v>17</v>
      </c>
      <c r="JB23" s="71">
        <v>6</v>
      </c>
      <c r="JC23" s="71">
        <v>5</v>
      </c>
      <c r="JD23" s="72">
        <v>90</v>
      </c>
      <c r="JE23" s="73">
        <v>136</v>
      </c>
      <c r="JF23" s="70">
        <v>15</v>
      </c>
      <c r="JG23" s="71">
        <v>21</v>
      </c>
      <c r="JH23" s="72">
        <v>36</v>
      </c>
      <c r="JI23" s="276"/>
      <c r="JJ23" s="71">
        <v>25</v>
      </c>
      <c r="JK23" s="71">
        <v>20</v>
      </c>
      <c r="JL23" s="71">
        <v>18</v>
      </c>
      <c r="JM23" s="71">
        <v>22</v>
      </c>
      <c r="JN23" s="71">
        <v>3</v>
      </c>
      <c r="JO23" s="72">
        <v>88</v>
      </c>
      <c r="JP23" s="73">
        <v>124</v>
      </c>
      <c r="JQ23" s="70">
        <v>0</v>
      </c>
      <c r="JR23" s="71">
        <v>0</v>
      </c>
      <c r="JS23" s="72">
        <v>0</v>
      </c>
      <c r="JT23" s="276"/>
      <c r="JU23" s="71">
        <v>0</v>
      </c>
      <c r="JV23" s="71">
        <v>0</v>
      </c>
      <c r="JW23" s="71">
        <v>0</v>
      </c>
      <c r="JX23" s="71">
        <v>0</v>
      </c>
      <c r="JY23" s="71">
        <v>0</v>
      </c>
      <c r="JZ23" s="72">
        <v>0</v>
      </c>
      <c r="KA23" s="73">
        <v>0</v>
      </c>
      <c r="KB23" s="70">
        <v>65</v>
      </c>
      <c r="KC23" s="71">
        <v>79</v>
      </c>
      <c r="KD23" s="72">
        <v>144</v>
      </c>
      <c r="KE23" s="276"/>
      <c r="KF23" s="71">
        <v>117</v>
      </c>
      <c r="KG23" s="71">
        <v>72</v>
      </c>
      <c r="KH23" s="71">
        <v>55</v>
      </c>
      <c r="KI23" s="71">
        <v>47</v>
      </c>
      <c r="KJ23" s="71">
        <v>19</v>
      </c>
      <c r="KK23" s="72">
        <v>310</v>
      </c>
      <c r="KL23" s="73">
        <v>454</v>
      </c>
    </row>
    <row r="24" spans="1:298" ht="19.5" customHeight="1" x14ac:dyDescent="0.2">
      <c r="A24" s="129" t="s">
        <v>21</v>
      </c>
      <c r="B24" s="350">
        <v>46</v>
      </c>
      <c r="C24" s="82">
        <v>46</v>
      </c>
      <c r="D24" s="83">
        <v>92</v>
      </c>
      <c r="E24" s="273"/>
      <c r="F24" s="82">
        <v>71</v>
      </c>
      <c r="G24" s="82">
        <v>67</v>
      </c>
      <c r="H24" s="82">
        <v>35</v>
      </c>
      <c r="I24" s="82">
        <v>34</v>
      </c>
      <c r="J24" s="82">
        <v>17</v>
      </c>
      <c r="K24" s="84">
        <v>224</v>
      </c>
      <c r="L24" s="85">
        <v>316</v>
      </c>
      <c r="M24" s="70">
        <v>0</v>
      </c>
      <c r="N24" s="71">
        <v>1</v>
      </c>
      <c r="O24" s="72">
        <v>1</v>
      </c>
      <c r="P24" s="276"/>
      <c r="Q24" s="71">
        <v>0</v>
      </c>
      <c r="R24" s="71">
        <v>1</v>
      </c>
      <c r="S24" s="71">
        <v>0</v>
      </c>
      <c r="T24" s="71">
        <v>1</v>
      </c>
      <c r="U24" s="71">
        <v>0</v>
      </c>
      <c r="V24" s="72">
        <v>2</v>
      </c>
      <c r="W24" s="73">
        <v>3</v>
      </c>
      <c r="X24" s="70">
        <v>4</v>
      </c>
      <c r="Y24" s="71">
        <v>2</v>
      </c>
      <c r="Z24" s="72">
        <v>6</v>
      </c>
      <c r="AA24" s="276"/>
      <c r="AB24" s="71">
        <v>6</v>
      </c>
      <c r="AC24" s="71">
        <v>4</v>
      </c>
      <c r="AD24" s="71">
        <v>3</v>
      </c>
      <c r="AE24" s="71">
        <v>2</v>
      </c>
      <c r="AF24" s="71">
        <v>0</v>
      </c>
      <c r="AG24" s="72">
        <v>15</v>
      </c>
      <c r="AH24" s="73">
        <v>21</v>
      </c>
      <c r="AI24" s="70">
        <v>10</v>
      </c>
      <c r="AJ24" s="71">
        <v>4</v>
      </c>
      <c r="AK24" s="72">
        <v>14</v>
      </c>
      <c r="AL24" s="276"/>
      <c r="AM24" s="71">
        <v>5</v>
      </c>
      <c r="AN24" s="71">
        <v>5</v>
      </c>
      <c r="AO24" s="71">
        <v>4</v>
      </c>
      <c r="AP24" s="71">
        <v>5</v>
      </c>
      <c r="AQ24" s="71">
        <v>0</v>
      </c>
      <c r="AR24" s="72">
        <v>19</v>
      </c>
      <c r="AS24" s="73">
        <v>33</v>
      </c>
      <c r="AT24" s="70">
        <v>5</v>
      </c>
      <c r="AU24" s="71">
        <v>12</v>
      </c>
      <c r="AV24" s="72">
        <v>17</v>
      </c>
      <c r="AW24" s="276"/>
      <c r="AX24" s="71">
        <v>14</v>
      </c>
      <c r="AY24" s="71">
        <v>15</v>
      </c>
      <c r="AZ24" s="71">
        <v>5</v>
      </c>
      <c r="BA24" s="71">
        <v>3</v>
      </c>
      <c r="BB24" s="71">
        <v>4</v>
      </c>
      <c r="BC24" s="72">
        <v>41</v>
      </c>
      <c r="BD24" s="73">
        <v>58</v>
      </c>
      <c r="BE24" s="70">
        <v>16</v>
      </c>
      <c r="BF24" s="71">
        <v>17</v>
      </c>
      <c r="BG24" s="72">
        <v>33</v>
      </c>
      <c r="BH24" s="276"/>
      <c r="BI24" s="71">
        <v>26</v>
      </c>
      <c r="BJ24" s="71">
        <v>23</v>
      </c>
      <c r="BK24" s="71">
        <v>11</v>
      </c>
      <c r="BL24" s="71">
        <v>11</v>
      </c>
      <c r="BM24" s="71">
        <v>8</v>
      </c>
      <c r="BN24" s="72">
        <v>79</v>
      </c>
      <c r="BO24" s="73">
        <v>112</v>
      </c>
      <c r="BP24" s="70">
        <v>11</v>
      </c>
      <c r="BQ24" s="71">
        <v>10</v>
      </c>
      <c r="BR24" s="72">
        <v>21</v>
      </c>
      <c r="BS24" s="276"/>
      <c r="BT24" s="71">
        <v>20</v>
      </c>
      <c r="BU24" s="71">
        <v>19</v>
      </c>
      <c r="BV24" s="71">
        <v>12</v>
      </c>
      <c r="BW24" s="71">
        <v>12</v>
      </c>
      <c r="BX24" s="71">
        <v>5</v>
      </c>
      <c r="BY24" s="72">
        <v>68</v>
      </c>
      <c r="BZ24" s="73">
        <v>89</v>
      </c>
      <c r="CA24" s="70">
        <v>0</v>
      </c>
      <c r="CB24" s="71">
        <v>0</v>
      </c>
      <c r="CC24" s="72">
        <v>0</v>
      </c>
      <c r="CD24" s="276"/>
      <c r="CE24" s="71">
        <v>0</v>
      </c>
      <c r="CF24" s="71">
        <v>0</v>
      </c>
      <c r="CG24" s="71">
        <v>0</v>
      </c>
      <c r="CH24" s="71">
        <v>0</v>
      </c>
      <c r="CI24" s="71">
        <v>0</v>
      </c>
      <c r="CJ24" s="72">
        <v>0</v>
      </c>
      <c r="CK24" s="73">
        <v>0</v>
      </c>
      <c r="CL24" s="70">
        <v>46</v>
      </c>
      <c r="CM24" s="71">
        <v>46</v>
      </c>
      <c r="CN24" s="72">
        <v>92</v>
      </c>
      <c r="CO24" s="276"/>
      <c r="CP24" s="71">
        <v>71</v>
      </c>
      <c r="CQ24" s="71">
        <v>67</v>
      </c>
      <c r="CR24" s="71">
        <v>35</v>
      </c>
      <c r="CS24" s="71">
        <v>34</v>
      </c>
      <c r="CT24" s="71">
        <v>17</v>
      </c>
      <c r="CU24" s="72">
        <v>224</v>
      </c>
      <c r="CV24" s="73">
        <v>316</v>
      </c>
      <c r="CW24" s="126">
        <v>7</v>
      </c>
      <c r="CX24" s="82">
        <v>4</v>
      </c>
      <c r="CY24" s="83">
        <v>11</v>
      </c>
      <c r="CZ24" s="273"/>
      <c r="DA24" s="82">
        <v>14</v>
      </c>
      <c r="DB24" s="82">
        <v>6</v>
      </c>
      <c r="DC24" s="82">
        <v>8</v>
      </c>
      <c r="DD24" s="82">
        <v>5</v>
      </c>
      <c r="DE24" s="82">
        <v>7</v>
      </c>
      <c r="DF24" s="84">
        <v>40</v>
      </c>
      <c r="DG24" s="85">
        <v>51</v>
      </c>
      <c r="DH24" s="70">
        <v>0</v>
      </c>
      <c r="DI24" s="71">
        <v>0</v>
      </c>
      <c r="DJ24" s="72">
        <v>0</v>
      </c>
      <c r="DK24" s="276"/>
      <c r="DL24" s="71">
        <v>0</v>
      </c>
      <c r="DM24" s="71">
        <v>1</v>
      </c>
      <c r="DN24" s="71">
        <v>0</v>
      </c>
      <c r="DO24" s="71">
        <v>0</v>
      </c>
      <c r="DP24" s="71">
        <v>1</v>
      </c>
      <c r="DQ24" s="72">
        <v>2</v>
      </c>
      <c r="DR24" s="73">
        <v>2</v>
      </c>
      <c r="DS24" s="70">
        <v>1</v>
      </c>
      <c r="DT24" s="71">
        <v>0</v>
      </c>
      <c r="DU24" s="72">
        <v>1</v>
      </c>
      <c r="DV24" s="276"/>
      <c r="DW24" s="71">
        <v>1</v>
      </c>
      <c r="DX24" s="71">
        <v>0</v>
      </c>
      <c r="DY24" s="71">
        <v>0</v>
      </c>
      <c r="DZ24" s="71">
        <v>0</v>
      </c>
      <c r="EA24" s="71">
        <v>0</v>
      </c>
      <c r="EB24" s="72">
        <v>1</v>
      </c>
      <c r="EC24" s="73">
        <v>2</v>
      </c>
      <c r="ED24" s="70">
        <v>0</v>
      </c>
      <c r="EE24" s="71">
        <v>0</v>
      </c>
      <c r="EF24" s="72">
        <v>0</v>
      </c>
      <c r="EG24" s="276"/>
      <c r="EH24" s="71">
        <v>0</v>
      </c>
      <c r="EI24" s="71">
        <v>0</v>
      </c>
      <c r="EJ24" s="71">
        <v>0</v>
      </c>
      <c r="EK24" s="71">
        <v>0</v>
      </c>
      <c r="EL24" s="71">
        <v>0</v>
      </c>
      <c r="EM24" s="72">
        <v>0</v>
      </c>
      <c r="EN24" s="73">
        <v>0</v>
      </c>
      <c r="EO24" s="70">
        <v>0</v>
      </c>
      <c r="EP24" s="71">
        <v>2</v>
      </c>
      <c r="EQ24" s="72">
        <v>2</v>
      </c>
      <c r="ER24" s="276"/>
      <c r="ES24" s="71">
        <v>2</v>
      </c>
      <c r="ET24" s="71">
        <v>0</v>
      </c>
      <c r="EU24" s="71">
        <v>1</v>
      </c>
      <c r="EV24" s="71">
        <v>2</v>
      </c>
      <c r="EW24" s="71">
        <v>2</v>
      </c>
      <c r="EX24" s="72">
        <v>7</v>
      </c>
      <c r="EY24" s="73">
        <v>9</v>
      </c>
      <c r="EZ24" s="70">
        <v>3</v>
      </c>
      <c r="FA24" s="71">
        <v>1</v>
      </c>
      <c r="FB24" s="72">
        <v>4</v>
      </c>
      <c r="FC24" s="276"/>
      <c r="FD24" s="71">
        <v>4</v>
      </c>
      <c r="FE24" s="71">
        <v>1</v>
      </c>
      <c r="FF24" s="71">
        <v>3</v>
      </c>
      <c r="FG24" s="71">
        <v>2</v>
      </c>
      <c r="FH24" s="71">
        <v>1</v>
      </c>
      <c r="FI24" s="72">
        <v>11</v>
      </c>
      <c r="FJ24" s="73">
        <v>15</v>
      </c>
      <c r="FK24" s="70">
        <v>3</v>
      </c>
      <c r="FL24" s="71">
        <v>1</v>
      </c>
      <c r="FM24" s="72">
        <v>4</v>
      </c>
      <c r="FN24" s="276"/>
      <c r="FO24" s="71">
        <v>7</v>
      </c>
      <c r="FP24" s="71">
        <v>4</v>
      </c>
      <c r="FQ24" s="71">
        <v>4</v>
      </c>
      <c r="FR24" s="71">
        <v>1</v>
      </c>
      <c r="FS24" s="71">
        <v>3</v>
      </c>
      <c r="FT24" s="72">
        <v>19</v>
      </c>
      <c r="FU24" s="73">
        <v>23</v>
      </c>
      <c r="FV24" s="70">
        <v>0</v>
      </c>
      <c r="FW24" s="71">
        <v>0</v>
      </c>
      <c r="FX24" s="72">
        <v>0</v>
      </c>
      <c r="FY24" s="276"/>
      <c r="FZ24" s="71">
        <v>0</v>
      </c>
      <c r="GA24" s="71">
        <v>0</v>
      </c>
      <c r="GB24" s="71">
        <v>0</v>
      </c>
      <c r="GC24" s="71">
        <v>0</v>
      </c>
      <c r="GD24" s="71">
        <v>0</v>
      </c>
      <c r="GE24" s="72">
        <v>0</v>
      </c>
      <c r="GF24" s="73">
        <v>0</v>
      </c>
      <c r="GG24" s="70">
        <v>7</v>
      </c>
      <c r="GH24" s="71">
        <v>4</v>
      </c>
      <c r="GI24" s="72">
        <v>11</v>
      </c>
      <c r="GJ24" s="276"/>
      <c r="GK24" s="71">
        <v>14</v>
      </c>
      <c r="GL24" s="71">
        <v>6</v>
      </c>
      <c r="GM24" s="71">
        <v>8</v>
      </c>
      <c r="GN24" s="71">
        <v>5</v>
      </c>
      <c r="GO24" s="71">
        <v>7</v>
      </c>
      <c r="GP24" s="72">
        <v>40</v>
      </c>
      <c r="GQ24" s="73">
        <v>51</v>
      </c>
      <c r="GR24" s="126">
        <v>53</v>
      </c>
      <c r="GS24" s="82">
        <v>50</v>
      </c>
      <c r="GT24" s="83">
        <v>103</v>
      </c>
      <c r="GU24" s="273"/>
      <c r="GV24" s="82">
        <v>85</v>
      </c>
      <c r="GW24" s="82">
        <v>73</v>
      </c>
      <c r="GX24" s="82">
        <v>43</v>
      </c>
      <c r="GY24" s="82">
        <v>39</v>
      </c>
      <c r="GZ24" s="82">
        <v>24</v>
      </c>
      <c r="HA24" s="84">
        <v>264</v>
      </c>
      <c r="HB24" s="85">
        <v>367</v>
      </c>
      <c r="HC24" s="70">
        <v>0</v>
      </c>
      <c r="HD24" s="71">
        <v>1</v>
      </c>
      <c r="HE24" s="72">
        <v>1</v>
      </c>
      <c r="HF24" s="276"/>
      <c r="HG24" s="71">
        <v>0</v>
      </c>
      <c r="HH24" s="71">
        <v>2</v>
      </c>
      <c r="HI24" s="71">
        <v>0</v>
      </c>
      <c r="HJ24" s="71">
        <v>1</v>
      </c>
      <c r="HK24" s="71">
        <v>1</v>
      </c>
      <c r="HL24" s="72">
        <v>4</v>
      </c>
      <c r="HM24" s="73">
        <v>5</v>
      </c>
      <c r="HN24" s="70">
        <v>5</v>
      </c>
      <c r="HO24" s="71">
        <v>2</v>
      </c>
      <c r="HP24" s="72">
        <v>7</v>
      </c>
      <c r="HQ24" s="276"/>
      <c r="HR24" s="71">
        <v>7</v>
      </c>
      <c r="HS24" s="71">
        <v>4</v>
      </c>
      <c r="HT24" s="71">
        <v>3</v>
      </c>
      <c r="HU24" s="71">
        <v>2</v>
      </c>
      <c r="HV24" s="71">
        <v>0</v>
      </c>
      <c r="HW24" s="72">
        <v>16</v>
      </c>
      <c r="HX24" s="73">
        <v>23</v>
      </c>
      <c r="HY24" s="70">
        <v>10</v>
      </c>
      <c r="HZ24" s="71">
        <v>4</v>
      </c>
      <c r="IA24" s="72">
        <v>14</v>
      </c>
      <c r="IB24" s="276"/>
      <c r="IC24" s="71">
        <v>5</v>
      </c>
      <c r="ID24" s="71">
        <v>5</v>
      </c>
      <c r="IE24" s="71">
        <v>4</v>
      </c>
      <c r="IF24" s="71">
        <v>5</v>
      </c>
      <c r="IG24" s="71">
        <v>0</v>
      </c>
      <c r="IH24" s="72">
        <v>19</v>
      </c>
      <c r="II24" s="73">
        <v>33</v>
      </c>
      <c r="IJ24" s="70">
        <v>5</v>
      </c>
      <c r="IK24" s="71">
        <v>14</v>
      </c>
      <c r="IL24" s="72">
        <v>19</v>
      </c>
      <c r="IM24" s="276"/>
      <c r="IN24" s="71">
        <v>16</v>
      </c>
      <c r="IO24" s="71">
        <v>15</v>
      </c>
      <c r="IP24" s="71">
        <v>6</v>
      </c>
      <c r="IQ24" s="71">
        <v>5</v>
      </c>
      <c r="IR24" s="71">
        <v>6</v>
      </c>
      <c r="IS24" s="72">
        <v>48</v>
      </c>
      <c r="IT24" s="73">
        <v>67</v>
      </c>
      <c r="IU24" s="70">
        <v>19</v>
      </c>
      <c r="IV24" s="71">
        <v>18</v>
      </c>
      <c r="IW24" s="72">
        <v>37</v>
      </c>
      <c r="IX24" s="276"/>
      <c r="IY24" s="71">
        <v>30</v>
      </c>
      <c r="IZ24" s="71">
        <v>24</v>
      </c>
      <c r="JA24" s="71">
        <v>14</v>
      </c>
      <c r="JB24" s="71">
        <v>13</v>
      </c>
      <c r="JC24" s="71">
        <v>9</v>
      </c>
      <c r="JD24" s="72">
        <v>90</v>
      </c>
      <c r="JE24" s="73">
        <v>127</v>
      </c>
      <c r="JF24" s="70">
        <v>14</v>
      </c>
      <c r="JG24" s="71">
        <v>11</v>
      </c>
      <c r="JH24" s="72">
        <v>25</v>
      </c>
      <c r="JI24" s="276"/>
      <c r="JJ24" s="71">
        <v>27</v>
      </c>
      <c r="JK24" s="71">
        <v>23</v>
      </c>
      <c r="JL24" s="71">
        <v>16</v>
      </c>
      <c r="JM24" s="71">
        <v>13</v>
      </c>
      <c r="JN24" s="71">
        <v>8</v>
      </c>
      <c r="JO24" s="72">
        <v>87</v>
      </c>
      <c r="JP24" s="73">
        <v>112</v>
      </c>
      <c r="JQ24" s="70">
        <v>0</v>
      </c>
      <c r="JR24" s="71">
        <v>0</v>
      </c>
      <c r="JS24" s="72">
        <v>0</v>
      </c>
      <c r="JT24" s="276"/>
      <c r="JU24" s="71">
        <v>0</v>
      </c>
      <c r="JV24" s="71">
        <v>0</v>
      </c>
      <c r="JW24" s="71">
        <v>0</v>
      </c>
      <c r="JX24" s="71">
        <v>0</v>
      </c>
      <c r="JY24" s="71">
        <v>0</v>
      </c>
      <c r="JZ24" s="72">
        <v>0</v>
      </c>
      <c r="KA24" s="73">
        <v>0</v>
      </c>
      <c r="KB24" s="70">
        <v>53</v>
      </c>
      <c r="KC24" s="71">
        <v>50</v>
      </c>
      <c r="KD24" s="72">
        <v>103</v>
      </c>
      <c r="KE24" s="276"/>
      <c r="KF24" s="71">
        <v>85</v>
      </c>
      <c r="KG24" s="71">
        <v>73</v>
      </c>
      <c r="KH24" s="71">
        <v>43</v>
      </c>
      <c r="KI24" s="71">
        <v>39</v>
      </c>
      <c r="KJ24" s="71">
        <v>24</v>
      </c>
      <c r="KK24" s="72">
        <v>264</v>
      </c>
      <c r="KL24" s="73">
        <v>367</v>
      </c>
    </row>
    <row r="25" spans="1:298" ht="19.5" customHeight="1" x14ac:dyDescent="0.2">
      <c r="A25" s="129" t="s">
        <v>22</v>
      </c>
      <c r="B25" s="350">
        <v>19</v>
      </c>
      <c r="C25" s="82">
        <v>10</v>
      </c>
      <c r="D25" s="83">
        <v>29</v>
      </c>
      <c r="E25" s="273"/>
      <c r="F25" s="82">
        <v>33</v>
      </c>
      <c r="G25" s="82">
        <v>35</v>
      </c>
      <c r="H25" s="82">
        <v>16</v>
      </c>
      <c r="I25" s="82">
        <v>20</v>
      </c>
      <c r="J25" s="82">
        <v>7</v>
      </c>
      <c r="K25" s="84">
        <v>111</v>
      </c>
      <c r="L25" s="85">
        <v>140</v>
      </c>
      <c r="M25" s="70">
        <v>0</v>
      </c>
      <c r="N25" s="71">
        <v>0</v>
      </c>
      <c r="O25" s="72">
        <v>0</v>
      </c>
      <c r="P25" s="276"/>
      <c r="Q25" s="71">
        <v>0</v>
      </c>
      <c r="R25" s="71">
        <v>0</v>
      </c>
      <c r="S25" s="71">
        <v>0</v>
      </c>
      <c r="T25" s="71">
        <v>0</v>
      </c>
      <c r="U25" s="71">
        <v>1</v>
      </c>
      <c r="V25" s="72">
        <v>1</v>
      </c>
      <c r="W25" s="73">
        <v>1</v>
      </c>
      <c r="X25" s="70">
        <v>1</v>
      </c>
      <c r="Y25" s="71">
        <v>0</v>
      </c>
      <c r="Z25" s="72">
        <v>1</v>
      </c>
      <c r="AA25" s="276"/>
      <c r="AB25" s="71">
        <v>2</v>
      </c>
      <c r="AC25" s="71">
        <v>1</v>
      </c>
      <c r="AD25" s="71">
        <v>2</v>
      </c>
      <c r="AE25" s="71">
        <v>2</v>
      </c>
      <c r="AF25" s="71">
        <v>0</v>
      </c>
      <c r="AG25" s="72">
        <v>7</v>
      </c>
      <c r="AH25" s="73">
        <v>8</v>
      </c>
      <c r="AI25" s="70">
        <v>1</v>
      </c>
      <c r="AJ25" s="71">
        <v>0</v>
      </c>
      <c r="AK25" s="72">
        <v>1</v>
      </c>
      <c r="AL25" s="276"/>
      <c r="AM25" s="71">
        <v>4</v>
      </c>
      <c r="AN25" s="71">
        <v>2</v>
      </c>
      <c r="AO25" s="71">
        <v>4</v>
      </c>
      <c r="AP25" s="71">
        <v>1</v>
      </c>
      <c r="AQ25" s="71">
        <v>3</v>
      </c>
      <c r="AR25" s="72">
        <v>14</v>
      </c>
      <c r="AS25" s="73">
        <v>15</v>
      </c>
      <c r="AT25" s="70">
        <v>5</v>
      </c>
      <c r="AU25" s="71">
        <v>0</v>
      </c>
      <c r="AV25" s="72">
        <v>5</v>
      </c>
      <c r="AW25" s="276"/>
      <c r="AX25" s="71">
        <v>4</v>
      </c>
      <c r="AY25" s="71">
        <v>13</v>
      </c>
      <c r="AZ25" s="71">
        <v>2</v>
      </c>
      <c r="BA25" s="71">
        <v>6</v>
      </c>
      <c r="BB25" s="71">
        <v>1</v>
      </c>
      <c r="BC25" s="72">
        <v>26</v>
      </c>
      <c r="BD25" s="73">
        <v>31</v>
      </c>
      <c r="BE25" s="70">
        <v>4</v>
      </c>
      <c r="BF25" s="71">
        <v>6</v>
      </c>
      <c r="BG25" s="72">
        <v>10</v>
      </c>
      <c r="BH25" s="276"/>
      <c r="BI25" s="71">
        <v>14</v>
      </c>
      <c r="BJ25" s="71">
        <v>9</v>
      </c>
      <c r="BK25" s="71">
        <v>3</v>
      </c>
      <c r="BL25" s="71">
        <v>5</v>
      </c>
      <c r="BM25" s="71">
        <v>0</v>
      </c>
      <c r="BN25" s="72">
        <v>31</v>
      </c>
      <c r="BO25" s="73">
        <v>41</v>
      </c>
      <c r="BP25" s="70">
        <v>8</v>
      </c>
      <c r="BQ25" s="71">
        <v>4</v>
      </c>
      <c r="BR25" s="72">
        <v>12</v>
      </c>
      <c r="BS25" s="276"/>
      <c r="BT25" s="71">
        <v>9</v>
      </c>
      <c r="BU25" s="71">
        <v>10</v>
      </c>
      <c r="BV25" s="71">
        <v>5</v>
      </c>
      <c r="BW25" s="71">
        <v>6</v>
      </c>
      <c r="BX25" s="71">
        <v>2</v>
      </c>
      <c r="BY25" s="72">
        <v>32</v>
      </c>
      <c r="BZ25" s="73">
        <v>44</v>
      </c>
      <c r="CA25" s="70">
        <v>0</v>
      </c>
      <c r="CB25" s="71">
        <v>0</v>
      </c>
      <c r="CC25" s="72">
        <v>0</v>
      </c>
      <c r="CD25" s="276"/>
      <c r="CE25" s="71">
        <v>0</v>
      </c>
      <c r="CF25" s="71">
        <v>0</v>
      </c>
      <c r="CG25" s="71">
        <v>0</v>
      </c>
      <c r="CH25" s="71">
        <v>0</v>
      </c>
      <c r="CI25" s="71">
        <v>0</v>
      </c>
      <c r="CJ25" s="72">
        <v>0</v>
      </c>
      <c r="CK25" s="73">
        <v>0</v>
      </c>
      <c r="CL25" s="70">
        <v>19</v>
      </c>
      <c r="CM25" s="71">
        <v>10</v>
      </c>
      <c r="CN25" s="72">
        <v>29</v>
      </c>
      <c r="CO25" s="276"/>
      <c r="CP25" s="71">
        <v>33</v>
      </c>
      <c r="CQ25" s="71">
        <v>35</v>
      </c>
      <c r="CR25" s="71">
        <v>16</v>
      </c>
      <c r="CS25" s="71">
        <v>20</v>
      </c>
      <c r="CT25" s="71">
        <v>7</v>
      </c>
      <c r="CU25" s="72">
        <v>111</v>
      </c>
      <c r="CV25" s="73">
        <v>140</v>
      </c>
      <c r="CW25" s="126">
        <v>0</v>
      </c>
      <c r="CX25" s="82">
        <v>4</v>
      </c>
      <c r="CY25" s="83">
        <v>4</v>
      </c>
      <c r="CZ25" s="273"/>
      <c r="DA25" s="82">
        <v>7</v>
      </c>
      <c r="DB25" s="82">
        <v>4</v>
      </c>
      <c r="DC25" s="82">
        <v>2</v>
      </c>
      <c r="DD25" s="82">
        <v>3</v>
      </c>
      <c r="DE25" s="82">
        <v>3</v>
      </c>
      <c r="DF25" s="84">
        <v>19</v>
      </c>
      <c r="DG25" s="85">
        <v>23</v>
      </c>
      <c r="DH25" s="70">
        <v>0</v>
      </c>
      <c r="DI25" s="71">
        <v>0</v>
      </c>
      <c r="DJ25" s="72">
        <v>0</v>
      </c>
      <c r="DK25" s="276"/>
      <c r="DL25" s="71">
        <v>0</v>
      </c>
      <c r="DM25" s="71">
        <v>0</v>
      </c>
      <c r="DN25" s="71">
        <v>0</v>
      </c>
      <c r="DO25" s="71">
        <v>0</v>
      </c>
      <c r="DP25" s="71">
        <v>0</v>
      </c>
      <c r="DQ25" s="72">
        <v>0</v>
      </c>
      <c r="DR25" s="73">
        <v>0</v>
      </c>
      <c r="DS25" s="70">
        <v>0</v>
      </c>
      <c r="DT25" s="71">
        <v>1</v>
      </c>
      <c r="DU25" s="72">
        <v>1</v>
      </c>
      <c r="DV25" s="276"/>
      <c r="DW25" s="71">
        <v>0</v>
      </c>
      <c r="DX25" s="71">
        <v>0</v>
      </c>
      <c r="DY25" s="71">
        <v>0</v>
      </c>
      <c r="DZ25" s="71">
        <v>0</v>
      </c>
      <c r="EA25" s="71">
        <v>0</v>
      </c>
      <c r="EB25" s="72">
        <v>0</v>
      </c>
      <c r="EC25" s="73">
        <v>1</v>
      </c>
      <c r="ED25" s="70">
        <v>0</v>
      </c>
      <c r="EE25" s="71">
        <v>0</v>
      </c>
      <c r="EF25" s="72">
        <v>0</v>
      </c>
      <c r="EG25" s="276"/>
      <c r="EH25" s="71">
        <v>2</v>
      </c>
      <c r="EI25" s="71">
        <v>0</v>
      </c>
      <c r="EJ25" s="71">
        <v>1</v>
      </c>
      <c r="EK25" s="71">
        <v>0</v>
      </c>
      <c r="EL25" s="71">
        <v>0</v>
      </c>
      <c r="EM25" s="72">
        <v>3</v>
      </c>
      <c r="EN25" s="73">
        <v>3</v>
      </c>
      <c r="EO25" s="70">
        <v>0</v>
      </c>
      <c r="EP25" s="71">
        <v>0</v>
      </c>
      <c r="EQ25" s="72">
        <v>0</v>
      </c>
      <c r="ER25" s="276"/>
      <c r="ES25" s="71">
        <v>2</v>
      </c>
      <c r="ET25" s="71">
        <v>0</v>
      </c>
      <c r="EU25" s="71">
        <v>0</v>
      </c>
      <c r="EV25" s="71">
        <v>0</v>
      </c>
      <c r="EW25" s="71">
        <v>1</v>
      </c>
      <c r="EX25" s="72">
        <v>3</v>
      </c>
      <c r="EY25" s="73">
        <v>3</v>
      </c>
      <c r="EZ25" s="70">
        <v>0</v>
      </c>
      <c r="FA25" s="71">
        <v>2</v>
      </c>
      <c r="FB25" s="72">
        <v>2</v>
      </c>
      <c r="FC25" s="276"/>
      <c r="FD25" s="71">
        <v>2</v>
      </c>
      <c r="FE25" s="71">
        <v>1</v>
      </c>
      <c r="FF25" s="71">
        <v>1</v>
      </c>
      <c r="FG25" s="71">
        <v>0</v>
      </c>
      <c r="FH25" s="71">
        <v>1</v>
      </c>
      <c r="FI25" s="72">
        <v>5</v>
      </c>
      <c r="FJ25" s="73">
        <v>7</v>
      </c>
      <c r="FK25" s="70">
        <v>0</v>
      </c>
      <c r="FL25" s="71">
        <v>1</v>
      </c>
      <c r="FM25" s="72">
        <v>1</v>
      </c>
      <c r="FN25" s="276"/>
      <c r="FO25" s="71">
        <v>1</v>
      </c>
      <c r="FP25" s="71">
        <v>3</v>
      </c>
      <c r="FQ25" s="71">
        <v>0</v>
      </c>
      <c r="FR25" s="71">
        <v>3</v>
      </c>
      <c r="FS25" s="71">
        <v>1</v>
      </c>
      <c r="FT25" s="72">
        <v>8</v>
      </c>
      <c r="FU25" s="73">
        <v>9</v>
      </c>
      <c r="FV25" s="70">
        <v>0</v>
      </c>
      <c r="FW25" s="71">
        <v>0</v>
      </c>
      <c r="FX25" s="72">
        <v>0</v>
      </c>
      <c r="FY25" s="276"/>
      <c r="FZ25" s="71">
        <v>0</v>
      </c>
      <c r="GA25" s="71">
        <v>0</v>
      </c>
      <c r="GB25" s="71">
        <v>0</v>
      </c>
      <c r="GC25" s="71">
        <v>0</v>
      </c>
      <c r="GD25" s="71">
        <v>0</v>
      </c>
      <c r="GE25" s="72">
        <v>0</v>
      </c>
      <c r="GF25" s="73">
        <v>0</v>
      </c>
      <c r="GG25" s="70">
        <v>0</v>
      </c>
      <c r="GH25" s="71">
        <v>4</v>
      </c>
      <c r="GI25" s="72">
        <v>4</v>
      </c>
      <c r="GJ25" s="276"/>
      <c r="GK25" s="71">
        <v>7</v>
      </c>
      <c r="GL25" s="71">
        <v>4</v>
      </c>
      <c r="GM25" s="71">
        <v>2</v>
      </c>
      <c r="GN25" s="71">
        <v>3</v>
      </c>
      <c r="GO25" s="71">
        <v>3</v>
      </c>
      <c r="GP25" s="72">
        <v>19</v>
      </c>
      <c r="GQ25" s="73">
        <v>23</v>
      </c>
      <c r="GR25" s="126">
        <v>19</v>
      </c>
      <c r="GS25" s="82">
        <v>14</v>
      </c>
      <c r="GT25" s="83">
        <v>33</v>
      </c>
      <c r="GU25" s="273"/>
      <c r="GV25" s="82">
        <v>40</v>
      </c>
      <c r="GW25" s="82">
        <v>39</v>
      </c>
      <c r="GX25" s="82">
        <v>18</v>
      </c>
      <c r="GY25" s="82">
        <v>23</v>
      </c>
      <c r="GZ25" s="82">
        <v>10</v>
      </c>
      <c r="HA25" s="84">
        <v>130</v>
      </c>
      <c r="HB25" s="85">
        <v>163</v>
      </c>
      <c r="HC25" s="70">
        <v>0</v>
      </c>
      <c r="HD25" s="71">
        <v>0</v>
      </c>
      <c r="HE25" s="72">
        <v>0</v>
      </c>
      <c r="HF25" s="276"/>
      <c r="HG25" s="71">
        <v>0</v>
      </c>
      <c r="HH25" s="71">
        <v>0</v>
      </c>
      <c r="HI25" s="71">
        <v>0</v>
      </c>
      <c r="HJ25" s="71">
        <v>0</v>
      </c>
      <c r="HK25" s="71">
        <v>1</v>
      </c>
      <c r="HL25" s="72">
        <v>1</v>
      </c>
      <c r="HM25" s="73">
        <v>1</v>
      </c>
      <c r="HN25" s="70">
        <v>1</v>
      </c>
      <c r="HO25" s="71">
        <v>1</v>
      </c>
      <c r="HP25" s="72">
        <v>2</v>
      </c>
      <c r="HQ25" s="276"/>
      <c r="HR25" s="71">
        <v>2</v>
      </c>
      <c r="HS25" s="71">
        <v>1</v>
      </c>
      <c r="HT25" s="71">
        <v>2</v>
      </c>
      <c r="HU25" s="71">
        <v>2</v>
      </c>
      <c r="HV25" s="71">
        <v>0</v>
      </c>
      <c r="HW25" s="72">
        <v>7</v>
      </c>
      <c r="HX25" s="73">
        <v>9</v>
      </c>
      <c r="HY25" s="70">
        <v>1</v>
      </c>
      <c r="HZ25" s="71">
        <v>0</v>
      </c>
      <c r="IA25" s="72">
        <v>1</v>
      </c>
      <c r="IB25" s="276"/>
      <c r="IC25" s="71">
        <v>6</v>
      </c>
      <c r="ID25" s="71">
        <v>2</v>
      </c>
      <c r="IE25" s="71">
        <v>5</v>
      </c>
      <c r="IF25" s="71">
        <v>1</v>
      </c>
      <c r="IG25" s="71">
        <v>3</v>
      </c>
      <c r="IH25" s="72">
        <v>17</v>
      </c>
      <c r="II25" s="73">
        <v>18</v>
      </c>
      <c r="IJ25" s="70">
        <v>5</v>
      </c>
      <c r="IK25" s="71">
        <v>0</v>
      </c>
      <c r="IL25" s="72">
        <v>5</v>
      </c>
      <c r="IM25" s="276"/>
      <c r="IN25" s="71">
        <v>6</v>
      </c>
      <c r="IO25" s="71">
        <v>13</v>
      </c>
      <c r="IP25" s="71">
        <v>2</v>
      </c>
      <c r="IQ25" s="71">
        <v>6</v>
      </c>
      <c r="IR25" s="71">
        <v>2</v>
      </c>
      <c r="IS25" s="72">
        <v>29</v>
      </c>
      <c r="IT25" s="73">
        <v>34</v>
      </c>
      <c r="IU25" s="70">
        <v>4</v>
      </c>
      <c r="IV25" s="71">
        <v>8</v>
      </c>
      <c r="IW25" s="72">
        <v>12</v>
      </c>
      <c r="IX25" s="276"/>
      <c r="IY25" s="71">
        <v>16</v>
      </c>
      <c r="IZ25" s="71">
        <v>10</v>
      </c>
      <c r="JA25" s="71">
        <v>4</v>
      </c>
      <c r="JB25" s="71">
        <v>5</v>
      </c>
      <c r="JC25" s="71">
        <v>1</v>
      </c>
      <c r="JD25" s="72">
        <v>36</v>
      </c>
      <c r="JE25" s="73">
        <v>48</v>
      </c>
      <c r="JF25" s="70">
        <v>8</v>
      </c>
      <c r="JG25" s="71">
        <v>5</v>
      </c>
      <c r="JH25" s="72">
        <v>13</v>
      </c>
      <c r="JI25" s="276"/>
      <c r="JJ25" s="71">
        <v>10</v>
      </c>
      <c r="JK25" s="71">
        <v>13</v>
      </c>
      <c r="JL25" s="71">
        <v>5</v>
      </c>
      <c r="JM25" s="71">
        <v>9</v>
      </c>
      <c r="JN25" s="71">
        <v>3</v>
      </c>
      <c r="JO25" s="72">
        <v>40</v>
      </c>
      <c r="JP25" s="73">
        <v>53</v>
      </c>
      <c r="JQ25" s="70">
        <v>0</v>
      </c>
      <c r="JR25" s="71">
        <v>0</v>
      </c>
      <c r="JS25" s="72">
        <v>0</v>
      </c>
      <c r="JT25" s="276"/>
      <c r="JU25" s="71">
        <v>0</v>
      </c>
      <c r="JV25" s="71">
        <v>0</v>
      </c>
      <c r="JW25" s="71">
        <v>0</v>
      </c>
      <c r="JX25" s="71">
        <v>0</v>
      </c>
      <c r="JY25" s="71">
        <v>0</v>
      </c>
      <c r="JZ25" s="72">
        <v>0</v>
      </c>
      <c r="KA25" s="73">
        <v>0</v>
      </c>
      <c r="KB25" s="70">
        <v>19</v>
      </c>
      <c r="KC25" s="71">
        <v>14</v>
      </c>
      <c r="KD25" s="72">
        <v>33</v>
      </c>
      <c r="KE25" s="276"/>
      <c r="KF25" s="71">
        <v>40</v>
      </c>
      <c r="KG25" s="71">
        <v>39</v>
      </c>
      <c r="KH25" s="71">
        <v>18</v>
      </c>
      <c r="KI25" s="71">
        <v>23</v>
      </c>
      <c r="KJ25" s="71">
        <v>10</v>
      </c>
      <c r="KK25" s="72">
        <v>130</v>
      </c>
      <c r="KL25" s="73">
        <v>163</v>
      </c>
    </row>
    <row r="26" spans="1:298" ht="19.5" customHeight="1" x14ac:dyDescent="0.2">
      <c r="A26" s="129" t="s">
        <v>23</v>
      </c>
      <c r="B26" s="350">
        <v>33</v>
      </c>
      <c r="C26" s="82">
        <v>27</v>
      </c>
      <c r="D26" s="83">
        <v>60</v>
      </c>
      <c r="E26" s="273"/>
      <c r="F26" s="82">
        <v>50</v>
      </c>
      <c r="G26" s="82">
        <v>36</v>
      </c>
      <c r="H26" s="82">
        <v>22</v>
      </c>
      <c r="I26" s="82">
        <v>22</v>
      </c>
      <c r="J26" s="82">
        <v>9</v>
      </c>
      <c r="K26" s="84">
        <v>139</v>
      </c>
      <c r="L26" s="85">
        <v>199</v>
      </c>
      <c r="M26" s="70">
        <v>1</v>
      </c>
      <c r="N26" s="71">
        <v>1</v>
      </c>
      <c r="O26" s="72">
        <v>2</v>
      </c>
      <c r="P26" s="276"/>
      <c r="Q26" s="71">
        <v>0</v>
      </c>
      <c r="R26" s="71">
        <v>0</v>
      </c>
      <c r="S26" s="71">
        <v>1</v>
      </c>
      <c r="T26" s="71">
        <v>1</v>
      </c>
      <c r="U26" s="71">
        <v>0</v>
      </c>
      <c r="V26" s="72">
        <v>2</v>
      </c>
      <c r="W26" s="73">
        <v>4</v>
      </c>
      <c r="X26" s="70">
        <v>2</v>
      </c>
      <c r="Y26" s="71">
        <v>0</v>
      </c>
      <c r="Z26" s="72">
        <v>2</v>
      </c>
      <c r="AA26" s="276"/>
      <c r="AB26" s="71">
        <v>3</v>
      </c>
      <c r="AC26" s="71">
        <v>2</v>
      </c>
      <c r="AD26" s="71">
        <v>0</v>
      </c>
      <c r="AE26" s="71">
        <v>3</v>
      </c>
      <c r="AF26" s="71">
        <v>2</v>
      </c>
      <c r="AG26" s="72">
        <v>10</v>
      </c>
      <c r="AH26" s="73">
        <v>12</v>
      </c>
      <c r="AI26" s="70">
        <v>4</v>
      </c>
      <c r="AJ26" s="71">
        <v>3</v>
      </c>
      <c r="AK26" s="72">
        <v>7</v>
      </c>
      <c r="AL26" s="276"/>
      <c r="AM26" s="71">
        <v>4</v>
      </c>
      <c r="AN26" s="71">
        <v>3</v>
      </c>
      <c r="AO26" s="71">
        <v>1</v>
      </c>
      <c r="AP26" s="71">
        <v>3</v>
      </c>
      <c r="AQ26" s="71">
        <v>1</v>
      </c>
      <c r="AR26" s="72">
        <v>12</v>
      </c>
      <c r="AS26" s="73">
        <v>19</v>
      </c>
      <c r="AT26" s="70">
        <v>12</v>
      </c>
      <c r="AU26" s="71">
        <v>9</v>
      </c>
      <c r="AV26" s="72">
        <v>21</v>
      </c>
      <c r="AW26" s="276"/>
      <c r="AX26" s="71">
        <v>16</v>
      </c>
      <c r="AY26" s="71">
        <v>12</v>
      </c>
      <c r="AZ26" s="71">
        <v>5</v>
      </c>
      <c r="BA26" s="71">
        <v>5</v>
      </c>
      <c r="BB26" s="71">
        <v>2</v>
      </c>
      <c r="BC26" s="72">
        <v>40</v>
      </c>
      <c r="BD26" s="73">
        <v>61</v>
      </c>
      <c r="BE26" s="70">
        <v>10</v>
      </c>
      <c r="BF26" s="71">
        <v>8</v>
      </c>
      <c r="BG26" s="72">
        <v>18</v>
      </c>
      <c r="BH26" s="276"/>
      <c r="BI26" s="71">
        <v>15</v>
      </c>
      <c r="BJ26" s="71">
        <v>12</v>
      </c>
      <c r="BK26" s="71">
        <v>7</v>
      </c>
      <c r="BL26" s="71">
        <v>3</v>
      </c>
      <c r="BM26" s="71">
        <v>2</v>
      </c>
      <c r="BN26" s="72">
        <v>39</v>
      </c>
      <c r="BO26" s="73">
        <v>57</v>
      </c>
      <c r="BP26" s="70">
        <v>4</v>
      </c>
      <c r="BQ26" s="71">
        <v>6</v>
      </c>
      <c r="BR26" s="72">
        <v>10</v>
      </c>
      <c r="BS26" s="276"/>
      <c r="BT26" s="71">
        <v>12</v>
      </c>
      <c r="BU26" s="71">
        <v>7</v>
      </c>
      <c r="BV26" s="71">
        <v>8</v>
      </c>
      <c r="BW26" s="71">
        <v>7</v>
      </c>
      <c r="BX26" s="71">
        <v>2</v>
      </c>
      <c r="BY26" s="72">
        <v>36</v>
      </c>
      <c r="BZ26" s="73">
        <v>46</v>
      </c>
      <c r="CA26" s="70">
        <v>0</v>
      </c>
      <c r="CB26" s="71">
        <v>0</v>
      </c>
      <c r="CC26" s="72">
        <v>0</v>
      </c>
      <c r="CD26" s="276"/>
      <c r="CE26" s="71">
        <v>0</v>
      </c>
      <c r="CF26" s="71">
        <v>0</v>
      </c>
      <c r="CG26" s="71">
        <v>0</v>
      </c>
      <c r="CH26" s="71">
        <v>0</v>
      </c>
      <c r="CI26" s="71">
        <v>0</v>
      </c>
      <c r="CJ26" s="72">
        <v>0</v>
      </c>
      <c r="CK26" s="73">
        <v>0</v>
      </c>
      <c r="CL26" s="70">
        <v>33</v>
      </c>
      <c r="CM26" s="71">
        <v>27</v>
      </c>
      <c r="CN26" s="72">
        <v>60</v>
      </c>
      <c r="CO26" s="276"/>
      <c r="CP26" s="71">
        <v>50</v>
      </c>
      <c r="CQ26" s="71">
        <v>36</v>
      </c>
      <c r="CR26" s="71">
        <v>22</v>
      </c>
      <c r="CS26" s="71">
        <v>22</v>
      </c>
      <c r="CT26" s="71">
        <v>9</v>
      </c>
      <c r="CU26" s="72">
        <v>139</v>
      </c>
      <c r="CV26" s="73">
        <v>199</v>
      </c>
      <c r="CW26" s="126">
        <v>0</v>
      </c>
      <c r="CX26" s="82">
        <v>3</v>
      </c>
      <c r="CY26" s="83">
        <v>3</v>
      </c>
      <c r="CZ26" s="273"/>
      <c r="DA26" s="82">
        <v>7</v>
      </c>
      <c r="DB26" s="82">
        <v>3</v>
      </c>
      <c r="DC26" s="82">
        <v>2</v>
      </c>
      <c r="DD26" s="82">
        <v>4</v>
      </c>
      <c r="DE26" s="82">
        <v>1</v>
      </c>
      <c r="DF26" s="84">
        <v>17</v>
      </c>
      <c r="DG26" s="85">
        <v>20</v>
      </c>
      <c r="DH26" s="70">
        <v>0</v>
      </c>
      <c r="DI26" s="71">
        <v>0</v>
      </c>
      <c r="DJ26" s="72">
        <v>0</v>
      </c>
      <c r="DK26" s="276"/>
      <c r="DL26" s="71">
        <v>0</v>
      </c>
      <c r="DM26" s="71">
        <v>1</v>
      </c>
      <c r="DN26" s="71">
        <v>0</v>
      </c>
      <c r="DO26" s="71">
        <v>1</v>
      </c>
      <c r="DP26" s="71">
        <v>0</v>
      </c>
      <c r="DQ26" s="72">
        <v>2</v>
      </c>
      <c r="DR26" s="73">
        <v>2</v>
      </c>
      <c r="DS26" s="70">
        <v>0</v>
      </c>
      <c r="DT26" s="71">
        <v>0</v>
      </c>
      <c r="DU26" s="72">
        <v>0</v>
      </c>
      <c r="DV26" s="276"/>
      <c r="DW26" s="71">
        <v>3</v>
      </c>
      <c r="DX26" s="71">
        <v>0</v>
      </c>
      <c r="DY26" s="71">
        <v>0</v>
      </c>
      <c r="DZ26" s="71">
        <v>0</v>
      </c>
      <c r="EA26" s="71">
        <v>0</v>
      </c>
      <c r="EB26" s="72">
        <v>3</v>
      </c>
      <c r="EC26" s="73">
        <v>3</v>
      </c>
      <c r="ED26" s="70">
        <v>0</v>
      </c>
      <c r="EE26" s="71">
        <v>0</v>
      </c>
      <c r="EF26" s="72">
        <v>0</v>
      </c>
      <c r="EG26" s="276"/>
      <c r="EH26" s="71">
        <v>0</v>
      </c>
      <c r="EI26" s="71">
        <v>1</v>
      </c>
      <c r="EJ26" s="71">
        <v>0</v>
      </c>
      <c r="EK26" s="71">
        <v>1</v>
      </c>
      <c r="EL26" s="71">
        <v>0</v>
      </c>
      <c r="EM26" s="72">
        <v>2</v>
      </c>
      <c r="EN26" s="73">
        <v>2</v>
      </c>
      <c r="EO26" s="70">
        <v>0</v>
      </c>
      <c r="EP26" s="71">
        <v>1</v>
      </c>
      <c r="EQ26" s="72">
        <v>1</v>
      </c>
      <c r="ER26" s="276"/>
      <c r="ES26" s="71">
        <v>2</v>
      </c>
      <c r="ET26" s="71">
        <v>1</v>
      </c>
      <c r="EU26" s="71">
        <v>1</v>
      </c>
      <c r="EV26" s="71">
        <v>1</v>
      </c>
      <c r="EW26" s="71">
        <v>0</v>
      </c>
      <c r="EX26" s="72">
        <v>5</v>
      </c>
      <c r="EY26" s="73">
        <v>6</v>
      </c>
      <c r="EZ26" s="70">
        <v>0</v>
      </c>
      <c r="FA26" s="71">
        <v>2</v>
      </c>
      <c r="FB26" s="72">
        <v>2</v>
      </c>
      <c r="FC26" s="276"/>
      <c r="FD26" s="71">
        <v>2</v>
      </c>
      <c r="FE26" s="71">
        <v>0</v>
      </c>
      <c r="FF26" s="71">
        <v>1</v>
      </c>
      <c r="FG26" s="71">
        <v>1</v>
      </c>
      <c r="FH26" s="71">
        <v>0</v>
      </c>
      <c r="FI26" s="72">
        <v>4</v>
      </c>
      <c r="FJ26" s="73">
        <v>6</v>
      </c>
      <c r="FK26" s="70">
        <v>0</v>
      </c>
      <c r="FL26" s="71">
        <v>0</v>
      </c>
      <c r="FM26" s="72">
        <v>0</v>
      </c>
      <c r="FN26" s="276"/>
      <c r="FO26" s="71">
        <v>0</v>
      </c>
      <c r="FP26" s="71">
        <v>0</v>
      </c>
      <c r="FQ26" s="71">
        <v>0</v>
      </c>
      <c r="FR26" s="71">
        <v>0</v>
      </c>
      <c r="FS26" s="71">
        <v>1</v>
      </c>
      <c r="FT26" s="72">
        <v>1</v>
      </c>
      <c r="FU26" s="73">
        <v>1</v>
      </c>
      <c r="FV26" s="70">
        <v>0</v>
      </c>
      <c r="FW26" s="71">
        <v>0</v>
      </c>
      <c r="FX26" s="72">
        <v>0</v>
      </c>
      <c r="FY26" s="276"/>
      <c r="FZ26" s="71">
        <v>0</v>
      </c>
      <c r="GA26" s="71">
        <v>0</v>
      </c>
      <c r="GB26" s="71">
        <v>0</v>
      </c>
      <c r="GC26" s="71">
        <v>0</v>
      </c>
      <c r="GD26" s="71">
        <v>0</v>
      </c>
      <c r="GE26" s="72">
        <v>0</v>
      </c>
      <c r="GF26" s="73">
        <v>0</v>
      </c>
      <c r="GG26" s="70">
        <v>0</v>
      </c>
      <c r="GH26" s="71">
        <v>3</v>
      </c>
      <c r="GI26" s="72">
        <v>3</v>
      </c>
      <c r="GJ26" s="276"/>
      <c r="GK26" s="71">
        <v>7</v>
      </c>
      <c r="GL26" s="71">
        <v>3</v>
      </c>
      <c r="GM26" s="71">
        <v>2</v>
      </c>
      <c r="GN26" s="71">
        <v>4</v>
      </c>
      <c r="GO26" s="71">
        <v>1</v>
      </c>
      <c r="GP26" s="72">
        <v>17</v>
      </c>
      <c r="GQ26" s="73">
        <v>20</v>
      </c>
      <c r="GR26" s="126">
        <v>33</v>
      </c>
      <c r="GS26" s="82">
        <v>30</v>
      </c>
      <c r="GT26" s="83">
        <v>63</v>
      </c>
      <c r="GU26" s="273"/>
      <c r="GV26" s="82">
        <v>57</v>
      </c>
      <c r="GW26" s="82">
        <v>39</v>
      </c>
      <c r="GX26" s="82">
        <v>24</v>
      </c>
      <c r="GY26" s="82">
        <v>26</v>
      </c>
      <c r="GZ26" s="82">
        <v>10</v>
      </c>
      <c r="HA26" s="84">
        <v>156</v>
      </c>
      <c r="HB26" s="85">
        <v>219</v>
      </c>
      <c r="HC26" s="70">
        <v>1</v>
      </c>
      <c r="HD26" s="71">
        <v>1</v>
      </c>
      <c r="HE26" s="72">
        <v>2</v>
      </c>
      <c r="HF26" s="276"/>
      <c r="HG26" s="71">
        <v>0</v>
      </c>
      <c r="HH26" s="71">
        <v>1</v>
      </c>
      <c r="HI26" s="71">
        <v>1</v>
      </c>
      <c r="HJ26" s="71">
        <v>2</v>
      </c>
      <c r="HK26" s="71">
        <v>0</v>
      </c>
      <c r="HL26" s="72">
        <v>4</v>
      </c>
      <c r="HM26" s="73">
        <v>6</v>
      </c>
      <c r="HN26" s="70">
        <v>2</v>
      </c>
      <c r="HO26" s="71">
        <v>0</v>
      </c>
      <c r="HP26" s="72">
        <v>2</v>
      </c>
      <c r="HQ26" s="276"/>
      <c r="HR26" s="71">
        <v>6</v>
      </c>
      <c r="HS26" s="71">
        <v>2</v>
      </c>
      <c r="HT26" s="71">
        <v>0</v>
      </c>
      <c r="HU26" s="71">
        <v>3</v>
      </c>
      <c r="HV26" s="71">
        <v>2</v>
      </c>
      <c r="HW26" s="72">
        <v>13</v>
      </c>
      <c r="HX26" s="73">
        <v>15</v>
      </c>
      <c r="HY26" s="70">
        <v>4</v>
      </c>
      <c r="HZ26" s="71">
        <v>3</v>
      </c>
      <c r="IA26" s="72">
        <v>7</v>
      </c>
      <c r="IB26" s="276"/>
      <c r="IC26" s="71">
        <v>4</v>
      </c>
      <c r="ID26" s="71">
        <v>4</v>
      </c>
      <c r="IE26" s="71">
        <v>1</v>
      </c>
      <c r="IF26" s="71">
        <v>4</v>
      </c>
      <c r="IG26" s="71">
        <v>1</v>
      </c>
      <c r="IH26" s="72">
        <v>14</v>
      </c>
      <c r="II26" s="73">
        <v>21</v>
      </c>
      <c r="IJ26" s="70">
        <v>12</v>
      </c>
      <c r="IK26" s="71">
        <v>10</v>
      </c>
      <c r="IL26" s="72">
        <v>22</v>
      </c>
      <c r="IM26" s="276"/>
      <c r="IN26" s="71">
        <v>18</v>
      </c>
      <c r="IO26" s="71">
        <v>13</v>
      </c>
      <c r="IP26" s="71">
        <v>6</v>
      </c>
      <c r="IQ26" s="71">
        <v>6</v>
      </c>
      <c r="IR26" s="71">
        <v>2</v>
      </c>
      <c r="IS26" s="72">
        <v>45</v>
      </c>
      <c r="IT26" s="73">
        <v>67</v>
      </c>
      <c r="IU26" s="70">
        <v>10</v>
      </c>
      <c r="IV26" s="71">
        <v>10</v>
      </c>
      <c r="IW26" s="72">
        <v>20</v>
      </c>
      <c r="IX26" s="276"/>
      <c r="IY26" s="71">
        <v>17</v>
      </c>
      <c r="IZ26" s="71">
        <v>12</v>
      </c>
      <c r="JA26" s="71">
        <v>8</v>
      </c>
      <c r="JB26" s="71">
        <v>4</v>
      </c>
      <c r="JC26" s="71">
        <v>2</v>
      </c>
      <c r="JD26" s="72">
        <v>43</v>
      </c>
      <c r="JE26" s="73">
        <v>63</v>
      </c>
      <c r="JF26" s="70">
        <v>4</v>
      </c>
      <c r="JG26" s="71">
        <v>6</v>
      </c>
      <c r="JH26" s="72">
        <v>10</v>
      </c>
      <c r="JI26" s="276"/>
      <c r="JJ26" s="71">
        <v>12</v>
      </c>
      <c r="JK26" s="71">
        <v>7</v>
      </c>
      <c r="JL26" s="71">
        <v>8</v>
      </c>
      <c r="JM26" s="71">
        <v>7</v>
      </c>
      <c r="JN26" s="71">
        <v>3</v>
      </c>
      <c r="JO26" s="72">
        <v>37</v>
      </c>
      <c r="JP26" s="73">
        <v>47</v>
      </c>
      <c r="JQ26" s="70">
        <v>0</v>
      </c>
      <c r="JR26" s="71">
        <v>0</v>
      </c>
      <c r="JS26" s="72">
        <v>0</v>
      </c>
      <c r="JT26" s="276"/>
      <c r="JU26" s="71">
        <v>0</v>
      </c>
      <c r="JV26" s="71">
        <v>0</v>
      </c>
      <c r="JW26" s="71">
        <v>0</v>
      </c>
      <c r="JX26" s="71">
        <v>0</v>
      </c>
      <c r="JY26" s="71">
        <v>0</v>
      </c>
      <c r="JZ26" s="72">
        <v>0</v>
      </c>
      <c r="KA26" s="73">
        <v>0</v>
      </c>
      <c r="KB26" s="70">
        <v>33</v>
      </c>
      <c r="KC26" s="71">
        <v>30</v>
      </c>
      <c r="KD26" s="72">
        <v>63</v>
      </c>
      <c r="KE26" s="276"/>
      <c r="KF26" s="71">
        <v>57</v>
      </c>
      <c r="KG26" s="71">
        <v>39</v>
      </c>
      <c r="KH26" s="71">
        <v>24</v>
      </c>
      <c r="KI26" s="71">
        <v>26</v>
      </c>
      <c r="KJ26" s="71">
        <v>10</v>
      </c>
      <c r="KK26" s="72">
        <v>156</v>
      </c>
      <c r="KL26" s="73">
        <v>219</v>
      </c>
    </row>
    <row r="27" spans="1:298" ht="19.5" customHeight="1" x14ac:dyDescent="0.2">
      <c r="A27" s="129" t="s">
        <v>24</v>
      </c>
      <c r="B27" s="350">
        <v>37</v>
      </c>
      <c r="C27" s="82">
        <v>21</v>
      </c>
      <c r="D27" s="83">
        <v>58</v>
      </c>
      <c r="E27" s="273"/>
      <c r="F27" s="82">
        <v>48</v>
      </c>
      <c r="G27" s="82">
        <v>31</v>
      </c>
      <c r="H27" s="82">
        <v>18</v>
      </c>
      <c r="I27" s="82">
        <v>14</v>
      </c>
      <c r="J27" s="82">
        <v>6</v>
      </c>
      <c r="K27" s="84">
        <v>117</v>
      </c>
      <c r="L27" s="85">
        <v>175</v>
      </c>
      <c r="M27" s="70">
        <v>0</v>
      </c>
      <c r="N27" s="71">
        <v>0</v>
      </c>
      <c r="O27" s="72">
        <v>0</v>
      </c>
      <c r="P27" s="276"/>
      <c r="Q27" s="71">
        <v>2</v>
      </c>
      <c r="R27" s="71">
        <v>0</v>
      </c>
      <c r="S27" s="71">
        <v>0</v>
      </c>
      <c r="T27" s="71">
        <v>0</v>
      </c>
      <c r="U27" s="71">
        <v>0</v>
      </c>
      <c r="V27" s="72">
        <v>2</v>
      </c>
      <c r="W27" s="73">
        <v>2</v>
      </c>
      <c r="X27" s="70">
        <v>2</v>
      </c>
      <c r="Y27" s="71">
        <v>2</v>
      </c>
      <c r="Z27" s="72">
        <v>4</v>
      </c>
      <c r="AA27" s="276"/>
      <c r="AB27" s="71">
        <v>1</v>
      </c>
      <c r="AC27" s="71">
        <v>3</v>
      </c>
      <c r="AD27" s="71">
        <v>2</v>
      </c>
      <c r="AE27" s="71">
        <v>1</v>
      </c>
      <c r="AF27" s="71">
        <v>1</v>
      </c>
      <c r="AG27" s="72">
        <v>8</v>
      </c>
      <c r="AH27" s="73">
        <v>12</v>
      </c>
      <c r="AI27" s="70">
        <v>3</v>
      </c>
      <c r="AJ27" s="71">
        <v>3</v>
      </c>
      <c r="AK27" s="72">
        <v>6</v>
      </c>
      <c r="AL27" s="276"/>
      <c r="AM27" s="71">
        <v>4</v>
      </c>
      <c r="AN27" s="71">
        <v>4</v>
      </c>
      <c r="AO27" s="71">
        <v>0</v>
      </c>
      <c r="AP27" s="71">
        <v>2</v>
      </c>
      <c r="AQ27" s="71">
        <v>0</v>
      </c>
      <c r="AR27" s="72">
        <v>10</v>
      </c>
      <c r="AS27" s="73">
        <v>16</v>
      </c>
      <c r="AT27" s="70">
        <v>5</v>
      </c>
      <c r="AU27" s="71">
        <v>3</v>
      </c>
      <c r="AV27" s="72">
        <v>8</v>
      </c>
      <c r="AW27" s="276"/>
      <c r="AX27" s="71">
        <v>6</v>
      </c>
      <c r="AY27" s="71">
        <v>4</v>
      </c>
      <c r="AZ27" s="71">
        <v>1</v>
      </c>
      <c r="BA27" s="71">
        <v>2</v>
      </c>
      <c r="BB27" s="71">
        <v>2</v>
      </c>
      <c r="BC27" s="72">
        <v>15</v>
      </c>
      <c r="BD27" s="73">
        <v>23</v>
      </c>
      <c r="BE27" s="70">
        <v>12</v>
      </c>
      <c r="BF27" s="71">
        <v>4</v>
      </c>
      <c r="BG27" s="72">
        <v>16</v>
      </c>
      <c r="BH27" s="276"/>
      <c r="BI27" s="71">
        <v>13</v>
      </c>
      <c r="BJ27" s="71">
        <v>14</v>
      </c>
      <c r="BK27" s="71">
        <v>6</v>
      </c>
      <c r="BL27" s="71">
        <v>6</v>
      </c>
      <c r="BM27" s="71">
        <v>1</v>
      </c>
      <c r="BN27" s="72">
        <v>40</v>
      </c>
      <c r="BO27" s="73">
        <v>56</v>
      </c>
      <c r="BP27" s="70">
        <v>15</v>
      </c>
      <c r="BQ27" s="71">
        <v>9</v>
      </c>
      <c r="BR27" s="72">
        <v>24</v>
      </c>
      <c r="BS27" s="276"/>
      <c r="BT27" s="71">
        <v>22</v>
      </c>
      <c r="BU27" s="71">
        <v>6</v>
      </c>
      <c r="BV27" s="71">
        <v>9</v>
      </c>
      <c r="BW27" s="71">
        <v>3</v>
      </c>
      <c r="BX27" s="71">
        <v>2</v>
      </c>
      <c r="BY27" s="72">
        <v>42</v>
      </c>
      <c r="BZ27" s="73">
        <v>66</v>
      </c>
      <c r="CA27" s="70">
        <v>0</v>
      </c>
      <c r="CB27" s="71">
        <v>0</v>
      </c>
      <c r="CC27" s="72">
        <v>0</v>
      </c>
      <c r="CD27" s="276"/>
      <c r="CE27" s="71">
        <v>0</v>
      </c>
      <c r="CF27" s="71">
        <v>0</v>
      </c>
      <c r="CG27" s="71">
        <v>0</v>
      </c>
      <c r="CH27" s="71">
        <v>0</v>
      </c>
      <c r="CI27" s="71">
        <v>0</v>
      </c>
      <c r="CJ27" s="72">
        <v>0</v>
      </c>
      <c r="CK27" s="73">
        <v>0</v>
      </c>
      <c r="CL27" s="70">
        <v>37</v>
      </c>
      <c r="CM27" s="71">
        <v>21</v>
      </c>
      <c r="CN27" s="72">
        <v>58</v>
      </c>
      <c r="CO27" s="276"/>
      <c r="CP27" s="71">
        <v>48</v>
      </c>
      <c r="CQ27" s="71">
        <v>31</v>
      </c>
      <c r="CR27" s="71">
        <v>18</v>
      </c>
      <c r="CS27" s="71">
        <v>14</v>
      </c>
      <c r="CT27" s="71">
        <v>6</v>
      </c>
      <c r="CU27" s="72">
        <v>117</v>
      </c>
      <c r="CV27" s="73">
        <v>175</v>
      </c>
      <c r="CW27" s="126">
        <v>1</v>
      </c>
      <c r="CX27" s="82">
        <v>3</v>
      </c>
      <c r="CY27" s="83">
        <v>4</v>
      </c>
      <c r="CZ27" s="273"/>
      <c r="DA27" s="82">
        <v>9</v>
      </c>
      <c r="DB27" s="82">
        <v>4</v>
      </c>
      <c r="DC27" s="82">
        <v>4</v>
      </c>
      <c r="DD27" s="82">
        <v>5</v>
      </c>
      <c r="DE27" s="82">
        <v>2</v>
      </c>
      <c r="DF27" s="84">
        <v>24</v>
      </c>
      <c r="DG27" s="85">
        <v>28</v>
      </c>
      <c r="DH27" s="70">
        <v>0</v>
      </c>
      <c r="DI27" s="71">
        <v>0</v>
      </c>
      <c r="DJ27" s="72">
        <v>0</v>
      </c>
      <c r="DK27" s="276"/>
      <c r="DL27" s="71">
        <v>0</v>
      </c>
      <c r="DM27" s="71">
        <v>0</v>
      </c>
      <c r="DN27" s="71">
        <v>0</v>
      </c>
      <c r="DO27" s="71">
        <v>0</v>
      </c>
      <c r="DP27" s="71">
        <v>0</v>
      </c>
      <c r="DQ27" s="72">
        <v>0</v>
      </c>
      <c r="DR27" s="73">
        <v>0</v>
      </c>
      <c r="DS27" s="70">
        <v>0</v>
      </c>
      <c r="DT27" s="71">
        <v>0</v>
      </c>
      <c r="DU27" s="72">
        <v>0</v>
      </c>
      <c r="DV27" s="276"/>
      <c r="DW27" s="71">
        <v>0</v>
      </c>
      <c r="DX27" s="71">
        <v>0</v>
      </c>
      <c r="DY27" s="71">
        <v>0</v>
      </c>
      <c r="DZ27" s="71">
        <v>0</v>
      </c>
      <c r="EA27" s="71">
        <v>0</v>
      </c>
      <c r="EB27" s="72">
        <v>0</v>
      </c>
      <c r="EC27" s="73">
        <v>0</v>
      </c>
      <c r="ED27" s="70">
        <v>0</v>
      </c>
      <c r="EE27" s="71">
        <v>1</v>
      </c>
      <c r="EF27" s="72">
        <v>1</v>
      </c>
      <c r="EG27" s="276"/>
      <c r="EH27" s="71">
        <v>1</v>
      </c>
      <c r="EI27" s="71">
        <v>0</v>
      </c>
      <c r="EJ27" s="71">
        <v>1</v>
      </c>
      <c r="EK27" s="71">
        <v>0</v>
      </c>
      <c r="EL27" s="71">
        <v>0</v>
      </c>
      <c r="EM27" s="72">
        <v>2</v>
      </c>
      <c r="EN27" s="73">
        <v>3</v>
      </c>
      <c r="EO27" s="70">
        <v>0</v>
      </c>
      <c r="EP27" s="71">
        <v>0</v>
      </c>
      <c r="EQ27" s="72">
        <v>0</v>
      </c>
      <c r="ER27" s="276"/>
      <c r="ES27" s="71">
        <v>2</v>
      </c>
      <c r="ET27" s="71">
        <v>0</v>
      </c>
      <c r="EU27" s="71">
        <v>0</v>
      </c>
      <c r="EV27" s="71">
        <v>1</v>
      </c>
      <c r="EW27" s="71">
        <v>1</v>
      </c>
      <c r="EX27" s="72">
        <v>4</v>
      </c>
      <c r="EY27" s="73">
        <v>4</v>
      </c>
      <c r="EZ27" s="70">
        <v>1</v>
      </c>
      <c r="FA27" s="71">
        <v>2</v>
      </c>
      <c r="FB27" s="72">
        <v>3</v>
      </c>
      <c r="FC27" s="276"/>
      <c r="FD27" s="71">
        <v>2</v>
      </c>
      <c r="FE27" s="71">
        <v>3</v>
      </c>
      <c r="FF27" s="71">
        <v>1</v>
      </c>
      <c r="FG27" s="71">
        <v>0</v>
      </c>
      <c r="FH27" s="71">
        <v>0</v>
      </c>
      <c r="FI27" s="72">
        <v>6</v>
      </c>
      <c r="FJ27" s="73">
        <v>9</v>
      </c>
      <c r="FK27" s="70">
        <v>0</v>
      </c>
      <c r="FL27" s="71">
        <v>0</v>
      </c>
      <c r="FM27" s="72">
        <v>0</v>
      </c>
      <c r="FN27" s="276"/>
      <c r="FO27" s="71">
        <v>4</v>
      </c>
      <c r="FP27" s="71">
        <v>1</v>
      </c>
      <c r="FQ27" s="71">
        <v>2</v>
      </c>
      <c r="FR27" s="71">
        <v>4</v>
      </c>
      <c r="FS27" s="71">
        <v>1</v>
      </c>
      <c r="FT27" s="72">
        <v>12</v>
      </c>
      <c r="FU27" s="73">
        <v>12</v>
      </c>
      <c r="FV27" s="70">
        <v>0</v>
      </c>
      <c r="FW27" s="71">
        <v>0</v>
      </c>
      <c r="FX27" s="72">
        <v>0</v>
      </c>
      <c r="FY27" s="276"/>
      <c r="FZ27" s="71">
        <v>0</v>
      </c>
      <c r="GA27" s="71">
        <v>0</v>
      </c>
      <c r="GB27" s="71">
        <v>0</v>
      </c>
      <c r="GC27" s="71">
        <v>0</v>
      </c>
      <c r="GD27" s="71">
        <v>0</v>
      </c>
      <c r="GE27" s="72">
        <v>0</v>
      </c>
      <c r="GF27" s="73">
        <v>0</v>
      </c>
      <c r="GG27" s="70">
        <v>1</v>
      </c>
      <c r="GH27" s="71">
        <v>3</v>
      </c>
      <c r="GI27" s="72">
        <v>4</v>
      </c>
      <c r="GJ27" s="276"/>
      <c r="GK27" s="71">
        <v>9</v>
      </c>
      <c r="GL27" s="71">
        <v>4</v>
      </c>
      <c r="GM27" s="71">
        <v>4</v>
      </c>
      <c r="GN27" s="71">
        <v>5</v>
      </c>
      <c r="GO27" s="71">
        <v>2</v>
      </c>
      <c r="GP27" s="72">
        <v>24</v>
      </c>
      <c r="GQ27" s="73">
        <v>28</v>
      </c>
      <c r="GR27" s="126">
        <v>38</v>
      </c>
      <c r="GS27" s="82">
        <v>24</v>
      </c>
      <c r="GT27" s="83">
        <v>62</v>
      </c>
      <c r="GU27" s="273"/>
      <c r="GV27" s="82">
        <v>57</v>
      </c>
      <c r="GW27" s="82">
        <v>35</v>
      </c>
      <c r="GX27" s="82">
        <v>22</v>
      </c>
      <c r="GY27" s="82">
        <v>19</v>
      </c>
      <c r="GZ27" s="82">
        <v>8</v>
      </c>
      <c r="HA27" s="84">
        <v>141</v>
      </c>
      <c r="HB27" s="85">
        <v>203</v>
      </c>
      <c r="HC27" s="70">
        <v>0</v>
      </c>
      <c r="HD27" s="71">
        <v>0</v>
      </c>
      <c r="HE27" s="72">
        <v>0</v>
      </c>
      <c r="HF27" s="276"/>
      <c r="HG27" s="71">
        <v>2</v>
      </c>
      <c r="HH27" s="71">
        <v>0</v>
      </c>
      <c r="HI27" s="71">
        <v>0</v>
      </c>
      <c r="HJ27" s="71">
        <v>0</v>
      </c>
      <c r="HK27" s="71">
        <v>0</v>
      </c>
      <c r="HL27" s="72">
        <v>2</v>
      </c>
      <c r="HM27" s="73">
        <v>2</v>
      </c>
      <c r="HN27" s="70">
        <v>2</v>
      </c>
      <c r="HO27" s="71">
        <v>2</v>
      </c>
      <c r="HP27" s="72">
        <v>4</v>
      </c>
      <c r="HQ27" s="276"/>
      <c r="HR27" s="71">
        <v>1</v>
      </c>
      <c r="HS27" s="71">
        <v>3</v>
      </c>
      <c r="HT27" s="71">
        <v>2</v>
      </c>
      <c r="HU27" s="71">
        <v>1</v>
      </c>
      <c r="HV27" s="71">
        <v>1</v>
      </c>
      <c r="HW27" s="72">
        <v>8</v>
      </c>
      <c r="HX27" s="73">
        <v>12</v>
      </c>
      <c r="HY27" s="70">
        <v>3</v>
      </c>
      <c r="HZ27" s="71">
        <v>4</v>
      </c>
      <c r="IA27" s="72">
        <v>7</v>
      </c>
      <c r="IB27" s="276"/>
      <c r="IC27" s="71">
        <v>5</v>
      </c>
      <c r="ID27" s="71">
        <v>4</v>
      </c>
      <c r="IE27" s="71">
        <v>1</v>
      </c>
      <c r="IF27" s="71">
        <v>2</v>
      </c>
      <c r="IG27" s="71">
        <v>0</v>
      </c>
      <c r="IH27" s="72">
        <v>12</v>
      </c>
      <c r="II27" s="73">
        <v>19</v>
      </c>
      <c r="IJ27" s="70">
        <v>5</v>
      </c>
      <c r="IK27" s="71">
        <v>3</v>
      </c>
      <c r="IL27" s="72">
        <v>8</v>
      </c>
      <c r="IM27" s="276"/>
      <c r="IN27" s="71">
        <v>8</v>
      </c>
      <c r="IO27" s="71">
        <v>4</v>
      </c>
      <c r="IP27" s="71">
        <v>1</v>
      </c>
      <c r="IQ27" s="71">
        <v>3</v>
      </c>
      <c r="IR27" s="71">
        <v>3</v>
      </c>
      <c r="IS27" s="72">
        <v>19</v>
      </c>
      <c r="IT27" s="73">
        <v>27</v>
      </c>
      <c r="IU27" s="70">
        <v>13</v>
      </c>
      <c r="IV27" s="71">
        <v>6</v>
      </c>
      <c r="IW27" s="72">
        <v>19</v>
      </c>
      <c r="IX27" s="276"/>
      <c r="IY27" s="71">
        <v>15</v>
      </c>
      <c r="IZ27" s="71">
        <v>17</v>
      </c>
      <c r="JA27" s="71">
        <v>7</v>
      </c>
      <c r="JB27" s="71">
        <v>6</v>
      </c>
      <c r="JC27" s="71">
        <v>1</v>
      </c>
      <c r="JD27" s="72">
        <v>46</v>
      </c>
      <c r="JE27" s="73">
        <v>65</v>
      </c>
      <c r="JF27" s="70">
        <v>15</v>
      </c>
      <c r="JG27" s="71">
        <v>9</v>
      </c>
      <c r="JH27" s="72">
        <v>24</v>
      </c>
      <c r="JI27" s="276"/>
      <c r="JJ27" s="71">
        <v>26</v>
      </c>
      <c r="JK27" s="71">
        <v>7</v>
      </c>
      <c r="JL27" s="71">
        <v>11</v>
      </c>
      <c r="JM27" s="71">
        <v>7</v>
      </c>
      <c r="JN27" s="71">
        <v>3</v>
      </c>
      <c r="JO27" s="72">
        <v>54</v>
      </c>
      <c r="JP27" s="73">
        <v>78</v>
      </c>
      <c r="JQ27" s="70">
        <v>0</v>
      </c>
      <c r="JR27" s="71">
        <v>0</v>
      </c>
      <c r="JS27" s="72">
        <v>0</v>
      </c>
      <c r="JT27" s="276"/>
      <c r="JU27" s="71">
        <v>0</v>
      </c>
      <c r="JV27" s="71">
        <v>0</v>
      </c>
      <c r="JW27" s="71">
        <v>0</v>
      </c>
      <c r="JX27" s="71">
        <v>0</v>
      </c>
      <c r="JY27" s="71">
        <v>0</v>
      </c>
      <c r="JZ27" s="72">
        <v>0</v>
      </c>
      <c r="KA27" s="73">
        <v>0</v>
      </c>
      <c r="KB27" s="70">
        <v>38</v>
      </c>
      <c r="KC27" s="71">
        <v>24</v>
      </c>
      <c r="KD27" s="72">
        <v>62</v>
      </c>
      <c r="KE27" s="276"/>
      <c r="KF27" s="71">
        <v>57</v>
      </c>
      <c r="KG27" s="71">
        <v>35</v>
      </c>
      <c r="KH27" s="71">
        <v>22</v>
      </c>
      <c r="KI27" s="71">
        <v>19</v>
      </c>
      <c r="KJ27" s="71">
        <v>8</v>
      </c>
      <c r="KK27" s="72">
        <v>141</v>
      </c>
      <c r="KL27" s="73">
        <v>203</v>
      </c>
    </row>
    <row r="28" spans="1:298" ht="19.5" customHeight="1" x14ac:dyDescent="0.2">
      <c r="A28" s="129" t="s">
        <v>25</v>
      </c>
      <c r="B28" s="350">
        <v>13</v>
      </c>
      <c r="C28" s="82">
        <v>14</v>
      </c>
      <c r="D28" s="83">
        <v>27</v>
      </c>
      <c r="E28" s="273"/>
      <c r="F28" s="82">
        <v>40</v>
      </c>
      <c r="G28" s="82">
        <v>11</v>
      </c>
      <c r="H28" s="82">
        <v>15</v>
      </c>
      <c r="I28" s="82">
        <v>16</v>
      </c>
      <c r="J28" s="82">
        <v>6</v>
      </c>
      <c r="K28" s="84">
        <v>88</v>
      </c>
      <c r="L28" s="85">
        <v>115</v>
      </c>
      <c r="M28" s="70">
        <v>0</v>
      </c>
      <c r="N28" s="71">
        <v>0</v>
      </c>
      <c r="O28" s="72">
        <v>0</v>
      </c>
      <c r="P28" s="276"/>
      <c r="Q28" s="71">
        <v>3</v>
      </c>
      <c r="R28" s="71">
        <v>0</v>
      </c>
      <c r="S28" s="71">
        <v>0</v>
      </c>
      <c r="T28" s="71">
        <v>0</v>
      </c>
      <c r="U28" s="71">
        <v>0</v>
      </c>
      <c r="V28" s="72">
        <v>3</v>
      </c>
      <c r="W28" s="73">
        <v>3</v>
      </c>
      <c r="X28" s="70">
        <v>1</v>
      </c>
      <c r="Y28" s="71">
        <v>3</v>
      </c>
      <c r="Z28" s="72">
        <v>4</v>
      </c>
      <c r="AA28" s="276"/>
      <c r="AB28" s="71">
        <v>0</v>
      </c>
      <c r="AC28" s="71">
        <v>2</v>
      </c>
      <c r="AD28" s="71">
        <v>1</v>
      </c>
      <c r="AE28" s="71">
        <v>2</v>
      </c>
      <c r="AF28" s="71">
        <v>0</v>
      </c>
      <c r="AG28" s="72">
        <v>5</v>
      </c>
      <c r="AH28" s="73">
        <v>9</v>
      </c>
      <c r="AI28" s="70">
        <v>2</v>
      </c>
      <c r="AJ28" s="71">
        <v>4</v>
      </c>
      <c r="AK28" s="72">
        <v>6</v>
      </c>
      <c r="AL28" s="276"/>
      <c r="AM28" s="71">
        <v>4</v>
      </c>
      <c r="AN28" s="71">
        <v>1</v>
      </c>
      <c r="AO28" s="71">
        <v>0</v>
      </c>
      <c r="AP28" s="71">
        <v>3</v>
      </c>
      <c r="AQ28" s="71">
        <v>1</v>
      </c>
      <c r="AR28" s="72">
        <v>9</v>
      </c>
      <c r="AS28" s="73">
        <v>15</v>
      </c>
      <c r="AT28" s="70">
        <v>2</v>
      </c>
      <c r="AU28" s="71">
        <v>3</v>
      </c>
      <c r="AV28" s="72">
        <v>5</v>
      </c>
      <c r="AW28" s="276"/>
      <c r="AX28" s="71">
        <v>10</v>
      </c>
      <c r="AY28" s="71">
        <v>4</v>
      </c>
      <c r="AZ28" s="71">
        <v>3</v>
      </c>
      <c r="BA28" s="71">
        <v>3</v>
      </c>
      <c r="BB28" s="71">
        <v>2</v>
      </c>
      <c r="BC28" s="72">
        <v>22</v>
      </c>
      <c r="BD28" s="73">
        <v>27</v>
      </c>
      <c r="BE28" s="70">
        <v>3</v>
      </c>
      <c r="BF28" s="71">
        <v>1</v>
      </c>
      <c r="BG28" s="72">
        <v>4</v>
      </c>
      <c r="BH28" s="276"/>
      <c r="BI28" s="71">
        <v>11</v>
      </c>
      <c r="BJ28" s="71">
        <v>4</v>
      </c>
      <c r="BK28" s="71">
        <v>5</v>
      </c>
      <c r="BL28" s="71">
        <v>4</v>
      </c>
      <c r="BM28" s="71">
        <v>1</v>
      </c>
      <c r="BN28" s="72">
        <v>25</v>
      </c>
      <c r="BO28" s="73">
        <v>29</v>
      </c>
      <c r="BP28" s="70">
        <v>5</v>
      </c>
      <c r="BQ28" s="71">
        <v>3</v>
      </c>
      <c r="BR28" s="72">
        <v>8</v>
      </c>
      <c r="BS28" s="276"/>
      <c r="BT28" s="71">
        <v>12</v>
      </c>
      <c r="BU28" s="71">
        <v>0</v>
      </c>
      <c r="BV28" s="71">
        <v>6</v>
      </c>
      <c r="BW28" s="71">
        <v>4</v>
      </c>
      <c r="BX28" s="71">
        <v>2</v>
      </c>
      <c r="BY28" s="72">
        <v>24</v>
      </c>
      <c r="BZ28" s="73">
        <v>32</v>
      </c>
      <c r="CA28" s="70">
        <v>0</v>
      </c>
      <c r="CB28" s="71">
        <v>0</v>
      </c>
      <c r="CC28" s="72">
        <v>0</v>
      </c>
      <c r="CD28" s="276"/>
      <c r="CE28" s="71">
        <v>0</v>
      </c>
      <c r="CF28" s="71">
        <v>0</v>
      </c>
      <c r="CG28" s="71">
        <v>0</v>
      </c>
      <c r="CH28" s="71">
        <v>0</v>
      </c>
      <c r="CI28" s="71">
        <v>0</v>
      </c>
      <c r="CJ28" s="72">
        <v>0</v>
      </c>
      <c r="CK28" s="73">
        <v>0</v>
      </c>
      <c r="CL28" s="70">
        <v>13</v>
      </c>
      <c r="CM28" s="71">
        <v>14</v>
      </c>
      <c r="CN28" s="72">
        <v>27</v>
      </c>
      <c r="CO28" s="276"/>
      <c r="CP28" s="71">
        <v>40</v>
      </c>
      <c r="CQ28" s="71">
        <v>11</v>
      </c>
      <c r="CR28" s="71">
        <v>15</v>
      </c>
      <c r="CS28" s="71">
        <v>16</v>
      </c>
      <c r="CT28" s="71">
        <v>6</v>
      </c>
      <c r="CU28" s="72">
        <v>88</v>
      </c>
      <c r="CV28" s="73">
        <v>115</v>
      </c>
      <c r="CW28" s="126">
        <v>2</v>
      </c>
      <c r="CX28" s="82">
        <v>3</v>
      </c>
      <c r="CY28" s="83">
        <v>5</v>
      </c>
      <c r="CZ28" s="273"/>
      <c r="DA28" s="82">
        <v>3</v>
      </c>
      <c r="DB28" s="82">
        <v>1</v>
      </c>
      <c r="DC28" s="82">
        <v>0</v>
      </c>
      <c r="DD28" s="82">
        <v>3</v>
      </c>
      <c r="DE28" s="82">
        <v>0</v>
      </c>
      <c r="DF28" s="84">
        <v>7</v>
      </c>
      <c r="DG28" s="85">
        <v>12</v>
      </c>
      <c r="DH28" s="70">
        <v>0</v>
      </c>
      <c r="DI28" s="71">
        <v>0</v>
      </c>
      <c r="DJ28" s="72">
        <v>0</v>
      </c>
      <c r="DK28" s="276"/>
      <c r="DL28" s="71">
        <v>0</v>
      </c>
      <c r="DM28" s="71">
        <v>0</v>
      </c>
      <c r="DN28" s="71">
        <v>0</v>
      </c>
      <c r="DO28" s="71">
        <v>0</v>
      </c>
      <c r="DP28" s="71">
        <v>0</v>
      </c>
      <c r="DQ28" s="72">
        <v>0</v>
      </c>
      <c r="DR28" s="73">
        <v>0</v>
      </c>
      <c r="DS28" s="70">
        <v>0</v>
      </c>
      <c r="DT28" s="71">
        <v>0</v>
      </c>
      <c r="DU28" s="72">
        <v>0</v>
      </c>
      <c r="DV28" s="276"/>
      <c r="DW28" s="71">
        <v>0</v>
      </c>
      <c r="DX28" s="71">
        <v>0</v>
      </c>
      <c r="DY28" s="71">
        <v>0</v>
      </c>
      <c r="DZ28" s="71">
        <v>0</v>
      </c>
      <c r="EA28" s="71">
        <v>0</v>
      </c>
      <c r="EB28" s="72">
        <v>0</v>
      </c>
      <c r="EC28" s="73">
        <v>0</v>
      </c>
      <c r="ED28" s="70">
        <v>0</v>
      </c>
      <c r="EE28" s="71">
        <v>2</v>
      </c>
      <c r="EF28" s="72">
        <v>2</v>
      </c>
      <c r="EG28" s="276"/>
      <c r="EH28" s="71">
        <v>0</v>
      </c>
      <c r="EI28" s="71">
        <v>1</v>
      </c>
      <c r="EJ28" s="71">
        <v>0</v>
      </c>
      <c r="EK28" s="71">
        <v>0</v>
      </c>
      <c r="EL28" s="71">
        <v>0</v>
      </c>
      <c r="EM28" s="72">
        <v>1</v>
      </c>
      <c r="EN28" s="73">
        <v>3</v>
      </c>
      <c r="EO28" s="70">
        <v>1</v>
      </c>
      <c r="EP28" s="71">
        <v>0</v>
      </c>
      <c r="EQ28" s="72">
        <v>1</v>
      </c>
      <c r="ER28" s="276"/>
      <c r="ES28" s="71">
        <v>0</v>
      </c>
      <c r="ET28" s="71">
        <v>0</v>
      </c>
      <c r="EU28" s="71">
        <v>0</v>
      </c>
      <c r="EV28" s="71">
        <v>0</v>
      </c>
      <c r="EW28" s="71">
        <v>0</v>
      </c>
      <c r="EX28" s="72">
        <v>0</v>
      </c>
      <c r="EY28" s="73">
        <v>1</v>
      </c>
      <c r="EZ28" s="70">
        <v>0</v>
      </c>
      <c r="FA28" s="71">
        <v>1</v>
      </c>
      <c r="FB28" s="72">
        <v>1</v>
      </c>
      <c r="FC28" s="276"/>
      <c r="FD28" s="71">
        <v>1</v>
      </c>
      <c r="FE28" s="71">
        <v>0</v>
      </c>
      <c r="FF28" s="71">
        <v>0</v>
      </c>
      <c r="FG28" s="71">
        <v>2</v>
      </c>
      <c r="FH28" s="71">
        <v>0</v>
      </c>
      <c r="FI28" s="72">
        <v>3</v>
      </c>
      <c r="FJ28" s="73">
        <v>4</v>
      </c>
      <c r="FK28" s="70">
        <v>1</v>
      </c>
      <c r="FL28" s="71">
        <v>0</v>
      </c>
      <c r="FM28" s="72">
        <v>1</v>
      </c>
      <c r="FN28" s="276"/>
      <c r="FO28" s="71">
        <v>2</v>
      </c>
      <c r="FP28" s="71">
        <v>0</v>
      </c>
      <c r="FQ28" s="71">
        <v>0</v>
      </c>
      <c r="FR28" s="71">
        <v>1</v>
      </c>
      <c r="FS28" s="71">
        <v>0</v>
      </c>
      <c r="FT28" s="72">
        <v>3</v>
      </c>
      <c r="FU28" s="73">
        <v>4</v>
      </c>
      <c r="FV28" s="70">
        <v>0</v>
      </c>
      <c r="FW28" s="71">
        <v>0</v>
      </c>
      <c r="FX28" s="72">
        <v>0</v>
      </c>
      <c r="FY28" s="276"/>
      <c r="FZ28" s="71">
        <v>0</v>
      </c>
      <c r="GA28" s="71">
        <v>0</v>
      </c>
      <c r="GB28" s="71">
        <v>0</v>
      </c>
      <c r="GC28" s="71">
        <v>0</v>
      </c>
      <c r="GD28" s="71">
        <v>0</v>
      </c>
      <c r="GE28" s="72">
        <v>0</v>
      </c>
      <c r="GF28" s="73">
        <v>0</v>
      </c>
      <c r="GG28" s="70">
        <v>2</v>
      </c>
      <c r="GH28" s="71">
        <v>3</v>
      </c>
      <c r="GI28" s="72">
        <v>5</v>
      </c>
      <c r="GJ28" s="276"/>
      <c r="GK28" s="71">
        <v>3</v>
      </c>
      <c r="GL28" s="71">
        <v>1</v>
      </c>
      <c r="GM28" s="71">
        <v>0</v>
      </c>
      <c r="GN28" s="71">
        <v>3</v>
      </c>
      <c r="GO28" s="71">
        <v>0</v>
      </c>
      <c r="GP28" s="72">
        <v>7</v>
      </c>
      <c r="GQ28" s="73">
        <v>12</v>
      </c>
      <c r="GR28" s="126">
        <v>15</v>
      </c>
      <c r="GS28" s="82">
        <v>17</v>
      </c>
      <c r="GT28" s="83">
        <v>32</v>
      </c>
      <c r="GU28" s="273"/>
      <c r="GV28" s="82">
        <v>43</v>
      </c>
      <c r="GW28" s="82">
        <v>12</v>
      </c>
      <c r="GX28" s="82">
        <v>15</v>
      </c>
      <c r="GY28" s="82">
        <v>19</v>
      </c>
      <c r="GZ28" s="82">
        <v>6</v>
      </c>
      <c r="HA28" s="84">
        <v>95</v>
      </c>
      <c r="HB28" s="85">
        <v>127</v>
      </c>
      <c r="HC28" s="70">
        <v>0</v>
      </c>
      <c r="HD28" s="71">
        <v>0</v>
      </c>
      <c r="HE28" s="72">
        <v>0</v>
      </c>
      <c r="HF28" s="276"/>
      <c r="HG28" s="71">
        <v>3</v>
      </c>
      <c r="HH28" s="71">
        <v>0</v>
      </c>
      <c r="HI28" s="71">
        <v>0</v>
      </c>
      <c r="HJ28" s="71">
        <v>0</v>
      </c>
      <c r="HK28" s="71">
        <v>0</v>
      </c>
      <c r="HL28" s="72">
        <v>3</v>
      </c>
      <c r="HM28" s="73">
        <v>3</v>
      </c>
      <c r="HN28" s="70">
        <v>1</v>
      </c>
      <c r="HO28" s="71">
        <v>3</v>
      </c>
      <c r="HP28" s="72">
        <v>4</v>
      </c>
      <c r="HQ28" s="276"/>
      <c r="HR28" s="71">
        <v>0</v>
      </c>
      <c r="HS28" s="71">
        <v>2</v>
      </c>
      <c r="HT28" s="71">
        <v>1</v>
      </c>
      <c r="HU28" s="71">
        <v>2</v>
      </c>
      <c r="HV28" s="71">
        <v>0</v>
      </c>
      <c r="HW28" s="72">
        <v>5</v>
      </c>
      <c r="HX28" s="73">
        <v>9</v>
      </c>
      <c r="HY28" s="70">
        <v>2</v>
      </c>
      <c r="HZ28" s="71">
        <v>6</v>
      </c>
      <c r="IA28" s="72">
        <v>8</v>
      </c>
      <c r="IB28" s="276"/>
      <c r="IC28" s="71">
        <v>4</v>
      </c>
      <c r="ID28" s="71">
        <v>2</v>
      </c>
      <c r="IE28" s="71">
        <v>0</v>
      </c>
      <c r="IF28" s="71">
        <v>3</v>
      </c>
      <c r="IG28" s="71">
        <v>1</v>
      </c>
      <c r="IH28" s="72">
        <v>10</v>
      </c>
      <c r="II28" s="73">
        <v>18</v>
      </c>
      <c r="IJ28" s="70">
        <v>3</v>
      </c>
      <c r="IK28" s="71">
        <v>3</v>
      </c>
      <c r="IL28" s="72">
        <v>6</v>
      </c>
      <c r="IM28" s="276"/>
      <c r="IN28" s="71">
        <v>10</v>
      </c>
      <c r="IO28" s="71">
        <v>4</v>
      </c>
      <c r="IP28" s="71">
        <v>3</v>
      </c>
      <c r="IQ28" s="71">
        <v>3</v>
      </c>
      <c r="IR28" s="71">
        <v>2</v>
      </c>
      <c r="IS28" s="72">
        <v>22</v>
      </c>
      <c r="IT28" s="73">
        <v>28</v>
      </c>
      <c r="IU28" s="70">
        <v>3</v>
      </c>
      <c r="IV28" s="71">
        <v>2</v>
      </c>
      <c r="IW28" s="72">
        <v>5</v>
      </c>
      <c r="IX28" s="276"/>
      <c r="IY28" s="71">
        <v>12</v>
      </c>
      <c r="IZ28" s="71">
        <v>4</v>
      </c>
      <c r="JA28" s="71">
        <v>5</v>
      </c>
      <c r="JB28" s="71">
        <v>6</v>
      </c>
      <c r="JC28" s="71">
        <v>1</v>
      </c>
      <c r="JD28" s="72">
        <v>28</v>
      </c>
      <c r="JE28" s="73">
        <v>33</v>
      </c>
      <c r="JF28" s="70">
        <v>6</v>
      </c>
      <c r="JG28" s="71">
        <v>3</v>
      </c>
      <c r="JH28" s="72">
        <v>9</v>
      </c>
      <c r="JI28" s="276"/>
      <c r="JJ28" s="71">
        <v>14</v>
      </c>
      <c r="JK28" s="71">
        <v>0</v>
      </c>
      <c r="JL28" s="71">
        <v>6</v>
      </c>
      <c r="JM28" s="71">
        <v>5</v>
      </c>
      <c r="JN28" s="71">
        <v>2</v>
      </c>
      <c r="JO28" s="72">
        <v>27</v>
      </c>
      <c r="JP28" s="73">
        <v>36</v>
      </c>
      <c r="JQ28" s="70">
        <v>0</v>
      </c>
      <c r="JR28" s="71">
        <v>0</v>
      </c>
      <c r="JS28" s="72">
        <v>0</v>
      </c>
      <c r="JT28" s="276"/>
      <c r="JU28" s="71">
        <v>0</v>
      </c>
      <c r="JV28" s="71">
        <v>0</v>
      </c>
      <c r="JW28" s="71">
        <v>0</v>
      </c>
      <c r="JX28" s="71">
        <v>0</v>
      </c>
      <c r="JY28" s="71">
        <v>0</v>
      </c>
      <c r="JZ28" s="72">
        <v>0</v>
      </c>
      <c r="KA28" s="73">
        <v>0</v>
      </c>
      <c r="KB28" s="70">
        <v>15</v>
      </c>
      <c r="KC28" s="71">
        <v>17</v>
      </c>
      <c r="KD28" s="72">
        <v>32</v>
      </c>
      <c r="KE28" s="276"/>
      <c r="KF28" s="71">
        <v>43</v>
      </c>
      <c r="KG28" s="71">
        <v>12</v>
      </c>
      <c r="KH28" s="71">
        <v>15</v>
      </c>
      <c r="KI28" s="71">
        <v>19</v>
      </c>
      <c r="KJ28" s="71">
        <v>6</v>
      </c>
      <c r="KK28" s="72">
        <v>95</v>
      </c>
      <c r="KL28" s="73">
        <v>127</v>
      </c>
    </row>
    <row r="29" spans="1:298" ht="19.5" customHeight="1" x14ac:dyDescent="0.2">
      <c r="A29" s="129" t="s">
        <v>26</v>
      </c>
      <c r="B29" s="350">
        <v>22</v>
      </c>
      <c r="C29" s="82">
        <v>14</v>
      </c>
      <c r="D29" s="83">
        <v>36</v>
      </c>
      <c r="E29" s="273"/>
      <c r="F29" s="82">
        <v>22</v>
      </c>
      <c r="G29" s="82">
        <v>27</v>
      </c>
      <c r="H29" s="82">
        <v>22</v>
      </c>
      <c r="I29" s="82">
        <v>10</v>
      </c>
      <c r="J29" s="82">
        <v>5</v>
      </c>
      <c r="K29" s="84">
        <v>86</v>
      </c>
      <c r="L29" s="85">
        <v>122</v>
      </c>
      <c r="M29" s="70">
        <v>0</v>
      </c>
      <c r="N29" s="71">
        <v>0</v>
      </c>
      <c r="O29" s="72">
        <v>0</v>
      </c>
      <c r="P29" s="276"/>
      <c r="Q29" s="71">
        <v>0</v>
      </c>
      <c r="R29" s="71">
        <v>0</v>
      </c>
      <c r="S29" s="71">
        <v>1</v>
      </c>
      <c r="T29" s="71">
        <v>0</v>
      </c>
      <c r="U29" s="71">
        <v>0</v>
      </c>
      <c r="V29" s="72">
        <v>1</v>
      </c>
      <c r="W29" s="73">
        <v>1</v>
      </c>
      <c r="X29" s="70">
        <v>1</v>
      </c>
      <c r="Y29" s="71">
        <v>0</v>
      </c>
      <c r="Z29" s="72">
        <v>1</v>
      </c>
      <c r="AA29" s="276"/>
      <c r="AB29" s="71">
        <v>0</v>
      </c>
      <c r="AC29" s="71">
        <v>2</v>
      </c>
      <c r="AD29" s="71">
        <v>0</v>
      </c>
      <c r="AE29" s="71">
        <v>0</v>
      </c>
      <c r="AF29" s="71">
        <v>1</v>
      </c>
      <c r="AG29" s="72">
        <v>3</v>
      </c>
      <c r="AH29" s="73">
        <v>4</v>
      </c>
      <c r="AI29" s="70">
        <v>2</v>
      </c>
      <c r="AJ29" s="71">
        <v>4</v>
      </c>
      <c r="AK29" s="72">
        <v>6</v>
      </c>
      <c r="AL29" s="276"/>
      <c r="AM29" s="71">
        <v>2</v>
      </c>
      <c r="AN29" s="71">
        <v>3</v>
      </c>
      <c r="AO29" s="71">
        <v>2</v>
      </c>
      <c r="AP29" s="71">
        <v>2</v>
      </c>
      <c r="AQ29" s="71">
        <v>1</v>
      </c>
      <c r="AR29" s="72">
        <v>10</v>
      </c>
      <c r="AS29" s="73">
        <v>16</v>
      </c>
      <c r="AT29" s="70">
        <v>6</v>
      </c>
      <c r="AU29" s="71">
        <v>1</v>
      </c>
      <c r="AV29" s="72">
        <v>7</v>
      </c>
      <c r="AW29" s="276"/>
      <c r="AX29" s="71">
        <v>6</v>
      </c>
      <c r="AY29" s="71">
        <v>4</v>
      </c>
      <c r="AZ29" s="71">
        <v>6</v>
      </c>
      <c r="BA29" s="71">
        <v>1</v>
      </c>
      <c r="BB29" s="71">
        <v>0</v>
      </c>
      <c r="BC29" s="72">
        <v>17</v>
      </c>
      <c r="BD29" s="73">
        <v>24</v>
      </c>
      <c r="BE29" s="70">
        <v>5</v>
      </c>
      <c r="BF29" s="71">
        <v>3</v>
      </c>
      <c r="BG29" s="72">
        <v>8</v>
      </c>
      <c r="BH29" s="276"/>
      <c r="BI29" s="71">
        <v>7</v>
      </c>
      <c r="BJ29" s="71">
        <v>10</v>
      </c>
      <c r="BK29" s="71">
        <v>9</v>
      </c>
      <c r="BL29" s="71">
        <v>1</v>
      </c>
      <c r="BM29" s="71">
        <v>1</v>
      </c>
      <c r="BN29" s="72">
        <v>28</v>
      </c>
      <c r="BO29" s="73">
        <v>36</v>
      </c>
      <c r="BP29" s="70">
        <v>8</v>
      </c>
      <c r="BQ29" s="71">
        <v>6</v>
      </c>
      <c r="BR29" s="72">
        <v>14</v>
      </c>
      <c r="BS29" s="276"/>
      <c r="BT29" s="71">
        <v>7</v>
      </c>
      <c r="BU29" s="71">
        <v>8</v>
      </c>
      <c r="BV29" s="71">
        <v>4</v>
      </c>
      <c r="BW29" s="71">
        <v>6</v>
      </c>
      <c r="BX29" s="71">
        <v>2</v>
      </c>
      <c r="BY29" s="72">
        <v>27</v>
      </c>
      <c r="BZ29" s="73">
        <v>41</v>
      </c>
      <c r="CA29" s="70">
        <v>0</v>
      </c>
      <c r="CB29" s="71">
        <v>0</v>
      </c>
      <c r="CC29" s="72">
        <v>0</v>
      </c>
      <c r="CD29" s="276"/>
      <c r="CE29" s="71">
        <v>0</v>
      </c>
      <c r="CF29" s="71">
        <v>0</v>
      </c>
      <c r="CG29" s="71">
        <v>0</v>
      </c>
      <c r="CH29" s="71">
        <v>0</v>
      </c>
      <c r="CI29" s="71">
        <v>0</v>
      </c>
      <c r="CJ29" s="72">
        <v>0</v>
      </c>
      <c r="CK29" s="73">
        <v>0</v>
      </c>
      <c r="CL29" s="70">
        <v>22</v>
      </c>
      <c r="CM29" s="71">
        <v>14</v>
      </c>
      <c r="CN29" s="72">
        <v>36</v>
      </c>
      <c r="CO29" s="276"/>
      <c r="CP29" s="71">
        <v>22</v>
      </c>
      <c r="CQ29" s="71">
        <v>27</v>
      </c>
      <c r="CR29" s="71">
        <v>22</v>
      </c>
      <c r="CS29" s="71">
        <v>10</v>
      </c>
      <c r="CT29" s="71">
        <v>5</v>
      </c>
      <c r="CU29" s="72">
        <v>86</v>
      </c>
      <c r="CV29" s="73">
        <v>122</v>
      </c>
      <c r="CW29" s="126">
        <v>3</v>
      </c>
      <c r="CX29" s="82">
        <v>2</v>
      </c>
      <c r="CY29" s="83">
        <v>5</v>
      </c>
      <c r="CZ29" s="273"/>
      <c r="DA29" s="82">
        <v>1</v>
      </c>
      <c r="DB29" s="82">
        <v>3</v>
      </c>
      <c r="DC29" s="82">
        <v>0</v>
      </c>
      <c r="DD29" s="82">
        <v>4</v>
      </c>
      <c r="DE29" s="82">
        <v>3</v>
      </c>
      <c r="DF29" s="84">
        <v>11</v>
      </c>
      <c r="DG29" s="85">
        <v>16</v>
      </c>
      <c r="DH29" s="70">
        <v>0</v>
      </c>
      <c r="DI29" s="71">
        <v>0</v>
      </c>
      <c r="DJ29" s="72">
        <v>0</v>
      </c>
      <c r="DK29" s="276"/>
      <c r="DL29" s="71">
        <v>0</v>
      </c>
      <c r="DM29" s="71">
        <v>0</v>
      </c>
      <c r="DN29" s="71">
        <v>0</v>
      </c>
      <c r="DO29" s="71">
        <v>0</v>
      </c>
      <c r="DP29" s="71">
        <v>0</v>
      </c>
      <c r="DQ29" s="72">
        <v>0</v>
      </c>
      <c r="DR29" s="73">
        <v>0</v>
      </c>
      <c r="DS29" s="70">
        <v>1</v>
      </c>
      <c r="DT29" s="71">
        <v>0</v>
      </c>
      <c r="DU29" s="72">
        <v>1</v>
      </c>
      <c r="DV29" s="276"/>
      <c r="DW29" s="71">
        <v>0</v>
      </c>
      <c r="DX29" s="71">
        <v>0</v>
      </c>
      <c r="DY29" s="71">
        <v>0</v>
      </c>
      <c r="DZ29" s="71">
        <v>0</v>
      </c>
      <c r="EA29" s="71">
        <v>0</v>
      </c>
      <c r="EB29" s="72">
        <v>0</v>
      </c>
      <c r="EC29" s="73">
        <v>1</v>
      </c>
      <c r="ED29" s="70">
        <v>0</v>
      </c>
      <c r="EE29" s="71">
        <v>0</v>
      </c>
      <c r="EF29" s="72">
        <v>0</v>
      </c>
      <c r="EG29" s="276"/>
      <c r="EH29" s="71">
        <v>0</v>
      </c>
      <c r="EI29" s="71">
        <v>0</v>
      </c>
      <c r="EJ29" s="71">
        <v>0</v>
      </c>
      <c r="EK29" s="71">
        <v>0</v>
      </c>
      <c r="EL29" s="71">
        <v>0</v>
      </c>
      <c r="EM29" s="72">
        <v>0</v>
      </c>
      <c r="EN29" s="73">
        <v>0</v>
      </c>
      <c r="EO29" s="70">
        <v>0</v>
      </c>
      <c r="EP29" s="71">
        <v>0</v>
      </c>
      <c r="EQ29" s="72">
        <v>0</v>
      </c>
      <c r="ER29" s="276"/>
      <c r="ES29" s="71">
        <v>0</v>
      </c>
      <c r="ET29" s="71">
        <v>1</v>
      </c>
      <c r="EU29" s="71">
        <v>0</v>
      </c>
      <c r="EV29" s="71">
        <v>1</v>
      </c>
      <c r="EW29" s="71">
        <v>0</v>
      </c>
      <c r="EX29" s="72">
        <v>2</v>
      </c>
      <c r="EY29" s="73">
        <v>2</v>
      </c>
      <c r="EZ29" s="70">
        <v>1</v>
      </c>
      <c r="FA29" s="71">
        <v>2</v>
      </c>
      <c r="FB29" s="72">
        <v>3</v>
      </c>
      <c r="FC29" s="276"/>
      <c r="FD29" s="71">
        <v>1</v>
      </c>
      <c r="FE29" s="71">
        <v>1</v>
      </c>
      <c r="FF29" s="71">
        <v>0</v>
      </c>
      <c r="FG29" s="71">
        <v>2</v>
      </c>
      <c r="FH29" s="71">
        <v>0</v>
      </c>
      <c r="FI29" s="72">
        <v>4</v>
      </c>
      <c r="FJ29" s="73">
        <v>7</v>
      </c>
      <c r="FK29" s="70">
        <v>1</v>
      </c>
      <c r="FL29" s="71">
        <v>0</v>
      </c>
      <c r="FM29" s="72">
        <v>1</v>
      </c>
      <c r="FN29" s="276"/>
      <c r="FO29" s="71">
        <v>0</v>
      </c>
      <c r="FP29" s="71">
        <v>1</v>
      </c>
      <c r="FQ29" s="71">
        <v>0</v>
      </c>
      <c r="FR29" s="71">
        <v>1</v>
      </c>
      <c r="FS29" s="71">
        <v>3</v>
      </c>
      <c r="FT29" s="72">
        <v>5</v>
      </c>
      <c r="FU29" s="73">
        <v>6</v>
      </c>
      <c r="FV29" s="70">
        <v>0</v>
      </c>
      <c r="FW29" s="71">
        <v>0</v>
      </c>
      <c r="FX29" s="72">
        <v>0</v>
      </c>
      <c r="FY29" s="276"/>
      <c r="FZ29" s="71">
        <v>0</v>
      </c>
      <c r="GA29" s="71">
        <v>0</v>
      </c>
      <c r="GB29" s="71">
        <v>0</v>
      </c>
      <c r="GC29" s="71">
        <v>0</v>
      </c>
      <c r="GD29" s="71">
        <v>0</v>
      </c>
      <c r="GE29" s="72">
        <v>0</v>
      </c>
      <c r="GF29" s="73">
        <v>0</v>
      </c>
      <c r="GG29" s="70">
        <v>3</v>
      </c>
      <c r="GH29" s="71">
        <v>2</v>
      </c>
      <c r="GI29" s="72">
        <v>5</v>
      </c>
      <c r="GJ29" s="276"/>
      <c r="GK29" s="71">
        <v>1</v>
      </c>
      <c r="GL29" s="71">
        <v>3</v>
      </c>
      <c r="GM29" s="71">
        <v>0</v>
      </c>
      <c r="GN29" s="71">
        <v>4</v>
      </c>
      <c r="GO29" s="71">
        <v>3</v>
      </c>
      <c r="GP29" s="72">
        <v>11</v>
      </c>
      <c r="GQ29" s="73">
        <v>16</v>
      </c>
      <c r="GR29" s="126">
        <v>25</v>
      </c>
      <c r="GS29" s="82">
        <v>16</v>
      </c>
      <c r="GT29" s="83">
        <v>41</v>
      </c>
      <c r="GU29" s="273"/>
      <c r="GV29" s="82">
        <v>23</v>
      </c>
      <c r="GW29" s="82">
        <v>30</v>
      </c>
      <c r="GX29" s="82">
        <v>22</v>
      </c>
      <c r="GY29" s="82">
        <v>14</v>
      </c>
      <c r="GZ29" s="82">
        <v>8</v>
      </c>
      <c r="HA29" s="84">
        <v>97</v>
      </c>
      <c r="HB29" s="85">
        <v>138</v>
      </c>
      <c r="HC29" s="70">
        <v>0</v>
      </c>
      <c r="HD29" s="71">
        <v>0</v>
      </c>
      <c r="HE29" s="72">
        <v>0</v>
      </c>
      <c r="HF29" s="276"/>
      <c r="HG29" s="71">
        <v>0</v>
      </c>
      <c r="HH29" s="71">
        <v>0</v>
      </c>
      <c r="HI29" s="71">
        <v>1</v>
      </c>
      <c r="HJ29" s="71">
        <v>0</v>
      </c>
      <c r="HK29" s="71">
        <v>0</v>
      </c>
      <c r="HL29" s="72">
        <v>1</v>
      </c>
      <c r="HM29" s="73">
        <v>1</v>
      </c>
      <c r="HN29" s="70">
        <v>2</v>
      </c>
      <c r="HO29" s="71">
        <v>0</v>
      </c>
      <c r="HP29" s="72">
        <v>2</v>
      </c>
      <c r="HQ29" s="276"/>
      <c r="HR29" s="71">
        <v>0</v>
      </c>
      <c r="HS29" s="71">
        <v>2</v>
      </c>
      <c r="HT29" s="71">
        <v>0</v>
      </c>
      <c r="HU29" s="71">
        <v>0</v>
      </c>
      <c r="HV29" s="71">
        <v>1</v>
      </c>
      <c r="HW29" s="72">
        <v>3</v>
      </c>
      <c r="HX29" s="73">
        <v>5</v>
      </c>
      <c r="HY29" s="70">
        <v>2</v>
      </c>
      <c r="HZ29" s="71">
        <v>4</v>
      </c>
      <c r="IA29" s="72">
        <v>6</v>
      </c>
      <c r="IB29" s="276"/>
      <c r="IC29" s="71">
        <v>2</v>
      </c>
      <c r="ID29" s="71">
        <v>3</v>
      </c>
      <c r="IE29" s="71">
        <v>2</v>
      </c>
      <c r="IF29" s="71">
        <v>2</v>
      </c>
      <c r="IG29" s="71">
        <v>1</v>
      </c>
      <c r="IH29" s="72">
        <v>10</v>
      </c>
      <c r="II29" s="73">
        <v>16</v>
      </c>
      <c r="IJ29" s="70">
        <v>6</v>
      </c>
      <c r="IK29" s="71">
        <v>1</v>
      </c>
      <c r="IL29" s="72">
        <v>7</v>
      </c>
      <c r="IM29" s="276"/>
      <c r="IN29" s="71">
        <v>6</v>
      </c>
      <c r="IO29" s="71">
        <v>5</v>
      </c>
      <c r="IP29" s="71">
        <v>6</v>
      </c>
      <c r="IQ29" s="71">
        <v>2</v>
      </c>
      <c r="IR29" s="71">
        <v>0</v>
      </c>
      <c r="IS29" s="72">
        <v>19</v>
      </c>
      <c r="IT29" s="73">
        <v>26</v>
      </c>
      <c r="IU29" s="70">
        <v>6</v>
      </c>
      <c r="IV29" s="71">
        <v>5</v>
      </c>
      <c r="IW29" s="72">
        <v>11</v>
      </c>
      <c r="IX29" s="276"/>
      <c r="IY29" s="71">
        <v>8</v>
      </c>
      <c r="IZ29" s="71">
        <v>11</v>
      </c>
      <c r="JA29" s="71">
        <v>9</v>
      </c>
      <c r="JB29" s="71">
        <v>3</v>
      </c>
      <c r="JC29" s="71">
        <v>1</v>
      </c>
      <c r="JD29" s="72">
        <v>32</v>
      </c>
      <c r="JE29" s="73">
        <v>43</v>
      </c>
      <c r="JF29" s="70">
        <v>9</v>
      </c>
      <c r="JG29" s="71">
        <v>6</v>
      </c>
      <c r="JH29" s="72">
        <v>15</v>
      </c>
      <c r="JI29" s="276"/>
      <c r="JJ29" s="71">
        <v>7</v>
      </c>
      <c r="JK29" s="71">
        <v>9</v>
      </c>
      <c r="JL29" s="71">
        <v>4</v>
      </c>
      <c r="JM29" s="71">
        <v>7</v>
      </c>
      <c r="JN29" s="71">
        <v>5</v>
      </c>
      <c r="JO29" s="72">
        <v>32</v>
      </c>
      <c r="JP29" s="73">
        <v>47</v>
      </c>
      <c r="JQ29" s="70">
        <v>0</v>
      </c>
      <c r="JR29" s="71">
        <v>0</v>
      </c>
      <c r="JS29" s="72">
        <v>0</v>
      </c>
      <c r="JT29" s="276"/>
      <c r="JU29" s="71">
        <v>0</v>
      </c>
      <c r="JV29" s="71">
        <v>0</v>
      </c>
      <c r="JW29" s="71">
        <v>0</v>
      </c>
      <c r="JX29" s="71">
        <v>0</v>
      </c>
      <c r="JY29" s="71">
        <v>0</v>
      </c>
      <c r="JZ29" s="72">
        <v>0</v>
      </c>
      <c r="KA29" s="73">
        <v>0</v>
      </c>
      <c r="KB29" s="70">
        <v>25</v>
      </c>
      <c r="KC29" s="71">
        <v>16</v>
      </c>
      <c r="KD29" s="72">
        <v>41</v>
      </c>
      <c r="KE29" s="276"/>
      <c r="KF29" s="71">
        <v>23</v>
      </c>
      <c r="KG29" s="71">
        <v>30</v>
      </c>
      <c r="KH29" s="71">
        <v>22</v>
      </c>
      <c r="KI29" s="71">
        <v>14</v>
      </c>
      <c r="KJ29" s="71">
        <v>8</v>
      </c>
      <c r="KK29" s="72">
        <v>97</v>
      </c>
      <c r="KL29" s="73">
        <v>138</v>
      </c>
    </row>
    <row r="30" spans="1:298" ht="19.5" customHeight="1" x14ac:dyDescent="0.2">
      <c r="A30" s="129" t="s">
        <v>27</v>
      </c>
      <c r="B30" s="350">
        <v>17</v>
      </c>
      <c r="C30" s="82">
        <v>19</v>
      </c>
      <c r="D30" s="83">
        <v>36</v>
      </c>
      <c r="E30" s="273"/>
      <c r="F30" s="82">
        <v>18</v>
      </c>
      <c r="G30" s="82">
        <v>22</v>
      </c>
      <c r="H30" s="82">
        <v>22</v>
      </c>
      <c r="I30" s="82">
        <v>17</v>
      </c>
      <c r="J30" s="82">
        <v>10</v>
      </c>
      <c r="K30" s="84">
        <v>89</v>
      </c>
      <c r="L30" s="85">
        <v>125</v>
      </c>
      <c r="M30" s="70">
        <v>1</v>
      </c>
      <c r="N30" s="71">
        <v>0</v>
      </c>
      <c r="O30" s="72">
        <v>1</v>
      </c>
      <c r="P30" s="276"/>
      <c r="Q30" s="71">
        <v>0</v>
      </c>
      <c r="R30" s="71">
        <v>1</v>
      </c>
      <c r="S30" s="71">
        <v>0</v>
      </c>
      <c r="T30" s="71">
        <v>0</v>
      </c>
      <c r="U30" s="71">
        <v>0</v>
      </c>
      <c r="V30" s="72">
        <v>1</v>
      </c>
      <c r="W30" s="73">
        <v>2</v>
      </c>
      <c r="X30" s="70">
        <v>0</v>
      </c>
      <c r="Y30" s="71">
        <v>2</v>
      </c>
      <c r="Z30" s="72">
        <v>2</v>
      </c>
      <c r="AA30" s="276"/>
      <c r="AB30" s="71">
        <v>1</v>
      </c>
      <c r="AC30" s="71">
        <v>2</v>
      </c>
      <c r="AD30" s="71">
        <v>1</v>
      </c>
      <c r="AE30" s="71">
        <v>1</v>
      </c>
      <c r="AF30" s="71">
        <v>1</v>
      </c>
      <c r="AG30" s="72">
        <v>6</v>
      </c>
      <c r="AH30" s="73">
        <v>8</v>
      </c>
      <c r="AI30" s="70">
        <v>1</v>
      </c>
      <c r="AJ30" s="71">
        <v>1</v>
      </c>
      <c r="AK30" s="72">
        <v>2</v>
      </c>
      <c r="AL30" s="276"/>
      <c r="AM30" s="71">
        <v>1</v>
      </c>
      <c r="AN30" s="71">
        <v>0</v>
      </c>
      <c r="AO30" s="71">
        <v>3</v>
      </c>
      <c r="AP30" s="71">
        <v>0</v>
      </c>
      <c r="AQ30" s="71">
        <v>1</v>
      </c>
      <c r="AR30" s="72">
        <v>5</v>
      </c>
      <c r="AS30" s="73">
        <v>7</v>
      </c>
      <c r="AT30" s="70">
        <v>4</v>
      </c>
      <c r="AU30" s="71">
        <v>1</v>
      </c>
      <c r="AV30" s="72">
        <v>5</v>
      </c>
      <c r="AW30" s="276"/>
      <c r="AX30" s="71">
        <v>8</v>
      </c>
      <c r="AY30" s="71">
        <v>6</v>
      </c>
      <c r="AZ30" s="71">
        <v>3</v>
      </c>
      <c r="BA30" s="71">
        <v>2</v>
      </c>
      <c r="BB30" s="71">
        <v>4</v>
      </c>
      <c r="BC30" s="72">
        <v>23</v>
      </c>
      <c r="BD30" s="73">
        <v>28</v>
      </c>
      <c r="BE30" s="70">
        <v>5</v>
      </c>
      <c r="BF30" s="71">
        <v>8</v>
      </c>
      <c r="BG30" s="72">
        <v>13</v>
      </c>
      <c r="BH30" s="276"/>
      <c r="BI30" s="71">
        <v>3</v>
      </c>
      <c r="BJ30" s="71">
        <v>9</v>
      </c>
      <c r="BK30" s="71">
        <v>7</v>
      </c>
      <c r="BL30" s="71">
        <v>7</v>
      </c>
      <c r="BM30" s="71">
        <v>2</v>
      </c>
      <c r="BN30" s="72">
        <v>28</v>
      </c>
      <c r="BO30" s="73">
        <v>41</v>
      </c>
      <c r="BP30" s="70">
        <v>6</v>
      </c>
      <c r="BQ30" s="71">
        <v>7</v>
      </c>
      <c r="BR30" s="72">
        <v>13</v>
      </c>
      <c r="BS30" s="276"/>
      <c r="BT30" s="71">
        <v>5</v>
      </c>
      <c r="BU30" s="71">
        <v>4</v>
      </c>
      <c r="BV30" s="71">
        <v>8</v>
      </c>
      <c r="BW30" s="71">
        <v>7</v>
      </c>
      <c r="BX30" s="71">
        <v>2</v>
      </c>
      <c r="BY30" s="72">
        <v>26</v>
      </c>
      <c r="BZ30" s="73">
        <v>39</v>
      </c>
      <c r="CA30" s="70">
        <v>0</v>
      </c>
      <c r="CB30" s="71">
        <v>0</v>
      </c>
      <c r="CC30" s="72">
        <v>0</v>
      </c>
      <c r="CD30" s="276"/>
      <c r="CE30" s="71">
        <v>0</v>
      </c>
      <c r="CF30" s="71">
        <v>0</v>
      </c>
      <c r="CG30" s="71">
        <v>0</v>
      </c>
      <c r="CH30" s="71">
        <v>0</v>
      </c>
      <c r="CI30" s="71">
        <v>0</v>
      </c>
      <c r="CJ30" s="72">
        <v>0</v>
      </c>
      <c r="CK30" s="73">
        <v>0</v>
      </c>
      <c r="CL30" s="70">
        <v>17</v>
      </c>
      <c r="CM30" s="71">
        <v>19</v>
      </c>
      <c r="CN30" s="72">
        <v>36</v>
      </c>
      <c r="CO30" s="276"/>
      <c r="CP30" s="71">
        <v>18</v>
      </c>
      <c r="CQ30" s="71">
        <v>22</v>
      </c>
      <c r="CR30" s="71">
        <v>22</v>
      </c>
      <c r="CS30" s="71">
        <v>17</v>
      </c>
      <c r="CT30" s="71">
        <v>10</v>
      </c>
      <c r="CU30" s="72">
        <v>89</v>
      </c>
      <c r="CV30" s="73">
        <v>125</v>
      </c>
      <c r="CW30" s="126">
        <v>4</v>
      </c>
      <c r="CX30" s="82">
        <v>1</v>
      </c>
      <c r="CY30" s="83">
        <v>5</v>
      </c>
      <c r="CZ30" s="273"/>
      <c r="DA30" s="82">
        <v>3</v>
      </c>
      <c r="DB30" s="82">
        <v>2</v>
      </c>
      <c r="DC30" s="82">
        <v>2</v>
      </c>
      <c r="DD30" s="82">
        <v>3</v>
      </c>
      <c r="DE30" s="82">
        <v>1</v>
      </c>
      <c r="DF30" s="84">
        <v>11</v>
      </c>
      <c r="DG30" s="85">
        <v>16</v>
      </c>
      <c r="DH30" s="70">
        <v>0</v>
      </c>
      <c r="DI30" s="71">
        <v>0</v>
      </c>
      <c r="DJ30" s="72">
        <v>0</v>
      </c>
      <c r="DK30" s="276"/>
      <c r="DL30" s="71">
        <v>0</v>
      </c>
      <c r="DM30" s="71">
        <v>0</v>
      </c>
      <c r="DN30" s="71">
        <v>0</v>
      </c>
      <c r="DO30" s="71">
        <v>0</v>
      </c>
      <c r="DP30" s="71">
        <v>0</v>
      </c>
      <c r="DQ30" s="72">
        <v>0</v>
      </c>
      <c r="DR30" s="73">
        <v>0</v>
      </c>
      <c r="DS30" s="70">
        <v>0</v>
      </c>
      <c r="DT30" s="71">
        <v>1</v>
      </c>
      <c r="DU30" s="72">
        <v>1</v>
      </c>
      <c r="DV30" s="276"/>
      <c r="DW30" s="71">
        <v>0</v>
      </c>
      <c r="DX30" s="71">
        <v>0</v>
      </c>
      <c r="DY30" s="71">
        <v>0</v>
      </c>
      <c r="DZ30" s="71">
        <v>0</v>
      </c>
      <c r="EA30" s="71">
        <v>0</v>
      </c>
      <c r="EB30" s="72">
        <v>0</v>
      </c>
      <c r="EC30" s="73">
        <v>1</v>
      </c>
      <c r="ED30" s="70">
        <v>0</v>
      </c>
      <c r="EE30" s="71">
        <v>0</v>
      </c>
      <c r="EF30" s="72">
        <v>0</v>
      </c>
      <c r="EG30" s="276"/>
      <c r="EH30" s="71">
        <v>0</v>
      </c>
      <c r="EI30" s="71">
        <v>0</v>
      </c>
      <c r="EJ30" s="71">
        <v>0</v>
      </c>
      <c r="EK30" s="71">
        <v>0</v>
      </c>
      <c r="EL30" s="71">
        <v>0</v>
      </c>
      <c r="EM30" s="72">
        <v>0</v>
      </c>
      <c r="EN30" s="73">
        <v>0</v>
      </c>
      <c r="EO30" s="70">
        <v>3</v>
      </c>
      <c r="EP30" s="71">
        <v>0</v>
      </c>
      <c r="EQ30" s="72">
        <v>3</v>
      </c>
      <c r="ER30" s="276"/>
      <c r="ES30" s="71">
        <v>0</v>
      </c>
      <c r="ET30" s="71">
        <v>0</v>
      </c>
      <c r="EU30" s="71">
        <v>0</v>
      </c>
      <c r="EV30" s="71">
        <v>0</v>
      </c>
      <c r="EW30" s="71">
        <v>0</v>
      </c>
      <c r="EX30" s="72">
        <v>0</v>
      </c>
      <c r="EY30" s="73">
        <v>3</v>
      </c>
      <c r="EZ30" s="70">
        <v>0</v>
      </c>
      <c r="FA30" s="71">
        <v>0</v>
      </c>
      <c r="FB30" s="72">
        <v>0</v>
      </c>
      <c r="FC30" s="276"/>
      <c r="FD30" s="71">
        <v>3</v>
      </c>
      <c r="FE30" s="71">
        <v>1</v>
      </c>
      <c r="FF30" s="71">
        <v>0</v>
      </c>
      <c r="FG30" s="71">
        <v>1</v>
      </c>
      <c r="FH30" s="71">
        <v>1</v>
      </c>
      <c r="FI30" s="72">
        <v>6</v>
      </c>
      <c r="FJ30" s="73">
        <v>6</v>
      </c>
      <c r="FK30" s="70">
        <v>1</v>
      </c>
      <c r="FL30" s="71">
        <v>0</v>
      </c>
      <c r="FM30" s="72">
        <v>1</v>
      </c>
      <c r="FN30" s="276"/>
      <c r="FO30" s="71">
        <v>0</v>
      </c>
      <c r="FP30" s="71">
        <v>1</v>
      </c>
      <c r="FQ30" s="71">
        <v>2</v>
      </c>
      <c r="FR30" s="71">
        <v>2</v>
      </c>
      <c r="FS30" s="71">
        <v>0</v>
      </c>
      <c r="FT30" s="72">
        <v>5</v>
      </c>
      <c r="FU30" s="73">
        <v>6</v>
      </c>
      <c r="FV30" s="70">
        <v>0</v>
      </c>
      <c r="FW30" s="71">
        <v>0</v>
      </c>
      <c r="FX30" s="72">
        <v>0</v>
      </c>
      <c r="FY30" s="276"/>
      <c r="FZ30" s="71">
        <v>0</v>
      </c>
      <c r="GA30" s="71">
        <v>0</v>
      </c>
      <c r="GB30" s="71">
        <v>0</v>
      </c>
      <c r="GC30" s="71">
        <v>0</v>
      </c>
      <c r="GD30" s="71">
        <v>0</v>
      </c>
      <c r="GE30" s="72">
        <v>0</v>
      </c>
      <c r="GF30" s="73">
        <v>0</v>
      </c>
      <c r="GG30" s="70">
        <v>4</v>
      </c>
      <c r="GH30" s="71">
        <v>1</v>
      </c>
      <c r="GI30" s="72">
        <v>5</v>
      </c>
      <c r="GJ30" s="276"/>
      <c r="GK30" s="71">
        <v>3</v>
      </c>
      <c r="GL30" s="71">
        <v>2</v>
      </c>
      <c r="GM30" s="71">
        <v>2</v>
      </c>
      <c r="GN30" s="71">
        <v>3</v>
      </c>
      <c r="GO30" s="71">
        <v>1</v>
      </c>
      <c r="GP30" s="72">
        <v>11</v>
      </c>
      <c r="GQ30" s="73">
        <v>16</v>
      </c>
      <c r="GR30" s="126">
        <v>21</v>
      </c>
      <c r="GS30" s="82">
        <v>20</v>
      </c>
      <c r="GT30" s="83">
        <v>41</v>
      </c>
      <c r="GU30" s="273"/>
      <c r="GV30" s="82">
        <v>21</v>
      </c>
      <c r="GW30" s="82">
        <v>24</v>
      </c>
      <c r="GX30" s="82">
        <v>24</v>
      </c>
      <c r="GY30" s="82">
        <v>20</v>
      </c>
      <c r="GZ30" s="82">
        <v>11</v>
      </c>
      <c r="HA30" s="84">
        <v>100</v>
      </c>
      <c r="HB30" s="85">
        <v>141</v>
      </c>
      <c r="HC30" s="70">
        <v>1</v>
      </c>
      <c r="HD30" s="71">
        <v>0</v>
      </c>
      <c r="HE30" s="72">
        <v>1</v>
      </c>
      <c r="HF30" s="276"/>
      <c r="HG30" s="71">
        <v>0</v>
      </c>
      <c r="HH30" s="71">
        <v>1</v>
      </c>
      <c r="HI30" s="71">
        <v>0</v>
      </c>
      <c r="HJ30" s="71">
        <v>0</v>
      </c>
      <c r="HK30" s="71">
        <v>0</v>
      </c>
      <c r="HL30" s="72">
        <v>1</v>
      </c>
      <c r="HM30" s="73">
        <v>2</v>
      </c>
      <c r="HN30" s="70">
        <v>0</v>
      </c>
      <c r="HO30" s="71">
        <v>3</v>
      </c>
      <c r="HP30" s="72">
        <v>3</v>
      </c>
      <c r="HQ30" s="276"/>
      <c r="HR30" s="71">
        <v>1</v>
      </c>
      <c r="HS30" s="71">
        <v>2</v>
      </c>
      <c r="HT30" s="71">
        <v>1</v>
      </c>
      <c r="HU30" s="71">
        <v>1</v>
      </c>
      <c r="HV30" s="71">
        <v>1</v>
      </c>
      <c r="HW30" s="72">
        <v>6</v>
      </c>
      <c r="HX30" s="73">
        <v>9</v>
      </c>
      <c r="HY30" s="70">
        <v>1</v>
      </c>
      <c r="HZ30" s="71">
        <v>1</v>
      </c>
      <c r="IA30" s="72">
        <v>2</v>
      </c>
      <c r="IB30" s="276"/>
      <c r="IC30" s="71">
        <v>1</v>
      </c>
      <c r="ID30" s="71">
        <v>0</v>
      </c>
      <c r="IE30" s="71">
        <v>3</v>
      </c>
      <c r="IF30" s="71">
        <v>0</v>
      </c>
      <c r="IG30" s="71">
        <v>1</v>
      </c>
      <c r="IH30" s="72">
        <v>5</v>
      </c>
      <c r="II30" s="73">
        <v>7</v>
      </c>
      <c r="IJ30" s="70">
        <v>7</v>
      </c>
      <c r="IK30" s="71">
        <v>1</v>
      </c>
      <c r="IL30" s="72">
        <v>8</v>
      </c>
      <c r="IM30" s="276"/>
      <c r="IN30" s="71">
        <v>8</v>
      </c>
      <c r="IO30" s="71">
        <v>6</v>
      </c>
      <c r="IP30" s="71">
        <v>3</v>
      </c>
      <c r="IQ30" s="71">
        <v>2</v>
      </c>
      <c r="IR30" s="71">
        <v>4</v>
      </c>
      <c r="IS30" s="72">
        <v>23</v>
      </c>
      <c r="IT30" s="73">
        <v>31</v>
      </c>
      <c r="IU30" s="70">
        <v>5</v>
      </c>
      <c r="IV30" s="71">
        <v>8</v>
      </c>
      <c r="IW30" s="72">
        <v>13</v>
      </c>
      <c r="IX30" s="276"/>
      <c r="IY30" s="71">
        <v>6</v>
      </c>
      <c r="IZ30" s="71">
        <v>10</v>
      </c>
      <c r="JA30" s="71">
        <v>7</v>
      </c>
      <c r="JB30" s="71">
        <v>8</v>
      </c>
      <c r="JC30" s="71">
        <v>3</v>
      </c>
      <c r="JD30" s="72">
        <v>34</v>
      </c>
      <c r="JE30" s="73">
        <v>47</v>
      </c>
      <c r="JF30" s="70">
        <v>7</v>
      </c>
      <c r="JG30" s="71">
        <v>7</v>
      </c>
      <c r="JH30" s="72">
        <v>14</v>
      </c>
      <c r="JI30" s="276"/>
      <c r="JJ30" s="71">
        <v>5</v>
      </c>
      <c r="JK30" s="71">
        <v>5</v>
      </c>
      <c r="JL30" s="71">
        <v>10</v>
      </c>
      <c r="JM30" s="71">
        <v>9</v>
      </c>
      <c r="JN30" s="71">
        <v>2</v>
      </c>
      <c r="JO30" s="72">
        <v>31</v>
      </c>
      <c r="JP30" s="73">
        <v>45</v>
      </c>
      <c r="JQ30" s="70">
        <v>0</v>
      </c>
      <c r="JR30" s="71">
        <v>0</v>
      </c>
      <c r="JS30" s="72">
        <v>0</v>
      </c>
      <c r="JT30" s="276"/>
      <c r="JU30" s="71">
        <v>0</v>
      </c>
      <c r="JV30" s="71">
        <v>0</v>
      </c>
      <c r="JW30" s="71">
        <v>0</v>
      </c>
      <c r="JX30" s="71">
        <v>0</v>
      </c>
      <c r="JY30" s="71">
        <v>0</v>
      </c>
      <c r="JZ30" s="72">
        <v>0</v>
      </c>
      <c r="KA30" s="73">
        <v>0</v>
      </c>
      <c r="KB30" s="70">
        <v>21</v>
      </c>
      <c r="KC30" s="71">
        <v>20</v>
      </c>
      <c r="KD30" s="72">
        <v>41</v>
      </c>
      <c r="KE30" s="276"/>
      <c r="KF30" s="71">
        <v>21</v>
      </c>
      <c r="KG30" s="71">
        <v>24</v>
      </c>
      <c r="KH30" s="71">
        <v>24</v>
      </c>
      <c r="KI30" s="71">
        <v>20</v>
      </c>
      <c r="KJ30" s="71">
        <v>11</v>
      </c>
      <c r="KK30" s="72">
        <v>100</v>
      </c>
      <c r="KL30" s="73">
        <v>141</v>
      </c>
    </row>
    <row r="31" spans="1:298" ht="19.5" customHeight="1" x14ac:dyDescent="0.2">
      <c r="A31" s="129" t="s">
        <v>28</v>
      </c>
      <c r="B31" s="350">
        <v>3</v>
      </c>
      <c r="C31" s="82">
        <v>4</v>
      </c>
      <c r="D31" s="83">
        <v>7</v>
      </c>
      <c r="E31" s="273"/>
      <c r="F31" s="82">
        <v>7</v>
      </c>
      <c r="G31" s="82">
        <v>6</v>
      </c>
      <c r="H31" s="82">
        <v>2</v>
      </c>
      <c r="I31" s="82">
        <v>2</v>
      </c>
      <c r="J31" s="82">
        <v>0</v>
      </c>
      <c r="K31" s="84">
        <v>17</v>
      </c>
      <c r="L31" s="85">
        <v>24</v>
      </c>
      <c r="M31" s="70">
        <v>0</v>
      </c>
      <c r="N31" s="71">
        <v>0</v>
      </c>
      <c r="O31" s="72">
        <v>0</v>
      </c>
      <c r="P31" s="276"/>
      <c r="Q31" s="71">
        <v>0</v>
      </c>
      <c r="R31" s="71">
        <v>0</v>
      </c>
      <c r="S31" s="71">
        <v>0</v>
      </c>
      <c r="T31" s="71">
        <v>0</v>
      </c>
      <c r="U31" s="71">
        <v>0</v>
      </c>
      <c r="V31" s="72">
        <v>0</v>
      </c>
      <c r="W31" s="73">
        <v>0</v>
      </c>
      <c r="X31" s="70">
        <v>0</v>
      </c>
      <c r="Y31" s="71">
        <v>0</v>
      </c>
      <c r="Z31" s="72">
        <v>0</v>
      </c>
      <c r="AA31" s="276"/>
      <c r="AB31" s="71">
        <v>0</v>
      </c>
      <c r="AC31" s="71">
        <v>1</v>
      </c>
      <c r="AD31" s="71">
        <v>0</v>
      </c>
      <c r="AE31" s="71">
        <v>0</v>
      </c>
      <c r="AF31" s="71">
        <v>0</v>
      </c>
      <c r="AG31" s="72">
        <v>1</v>
      </c>
      <c r="AH31" s="73">
        <v>1</v>
      </c>
      <c r="AI31" s="70">
        <v>1</v>
      </c>
      <c r="AJ31" s="71">
        <v>1</v>
      </c>
      <c r="AK31" s="72">
        <v>2</v>
      </c>
      <c r="AL31" s="276"/>
      <c r="AM31" s="71">
        <v>0</v>
      </c>
      <c r="AN31" s="71">
        <v>1</v>
      </c>
      <c r="AO31" s="71">
        <v>0</v>
      </c>
      <c r="AP31" s="71">
        <v>0</v>
      </c>
      <c r="AQ31" s="71">
        <v>0</v>
      </c>
      <c r="AR31" s="72">
        <v>1</v>
      </c>
      <c r="AS31" s="73">
        <v>3</v>
      </c>
      <c r="AT31" s="70">
        <v>2</v>
      </c>
      <c r="AU31" s="71">
        <v>2</v>
      </c>
      <c r="AV31" s="72">
        <v>4</v>
      </c>
      <c r="AW31" s="276"/>
      <c r="AX31" s="71">
        <v>1</v>
      </c>
      <c r="AY31" s="71">
        <v>3</v>
      </c>
      <c r="AZ31" s="71">
        <v>0</v>
      </c>
      <c r="BA31" s="71">
        <v>1</v>
      </c>
      <c r="BB31" s="71">
        <v>0</v>
      </c>
      <c r="BC31" s="72">
        <v>5</v>
      </c>
      <c r="BD31" s="73">
        <v>9</v>
      </c>
      <c r="BE31" s="70">
        <v>0</v>
      </c>
      <c r="BF31" s="71">
        <v>1</v>
      </c>
      <c r="BG31" s="72">
        <v>1</v>
      </c>
      <c r="BH31" s="276"/>
      <c r="BI31" s="71">
        <v>6</v>
      </c>
      <c r="BJ31" s="71">
        <v>0</v>
      </c>
      <c r="BK31" s="71">
        <v>0</v>
      </c>
      <c r="BL31" s="71">
        <v>1</v>
      </c>
      <c r="BM31" s="71">
        <v>0</v>
      </c>
      <c r="BN31" s="72">
        <v>7</v>
      </c>
      <c r="BO31" s="73">
        <v>8</v>
      </c>
      <c r="BP31" s="70">
        <v>0</v>
      </c>
      <c r="BQ31" s="71">
        <v>0</v>
      </c>
      <c r="BR31" s="72">
        <v>0</v>
      </c>
      <c r="BS31" s="276"/>
      <c r="BT31" s="71">
        <v>0</v>
      </c>
      <c r="BU31" s="71">
        <v>1</v>
      </c>
      <c r="BV31" s="71">
        <v>2</v>
      </c>
      <c r="BW31" s="71">
        <v>0</v>
      </c>
      <c r="BX31" s="71">
        <v>0</v>
      </c>
      <c r="BY31" s="72">
        <v>3</v>
      </c>
      <c r="BZ31" s="73">
        <v>3</v>
      </c>
      <c r="CA31" s="70">
        <v>0</v>
      </c>
      <c r="CB31" s="71">
        <v>0</v>
      </c>
      <c r="CC31" s="72">
        <v>0</v>
      </c>
      <c r="CD31" s="276"/>
      <c r="CE31" s="71">
        <v>0</v>
      </c>
      <c r="CF31" s="71">
        <v>0</v>
      </c>
      <c r="CG31" s="71">
        <v>0</v>
      </c>
      <c r="CH31" s="71">
        <v>0</v>
      </c>
      <c r="CI31" s="71">
        <v>0</v>
      </c>
      <c r="CJ31" s="72">
        <v>0</v>
      </c>
      <c r="CK31" s="73">
        <v>0</v>
      </c>
      <c r="CL31" s="70">
        <v>3</v>
      </c>
      <c r="CM31" s="71">
        <v>4</v>
      </c>
      <c r="CN31" s="72">
        <v>7</v>
      </c>
      <c r="CO31" s="276"/>
      <c r="CP31" s="71">
        <v>7</v>
      </c>
      <c r="CQ31" s="71">
        <v>6</v>
      </c>
      <c r="CR31" s="71">
        <v>2</v>
      </c>
      <c r="CS31" s="71">
        <v>2</v>
      </c>
      <c r="CT31" s="71">
        <v>0</v>
      </c>
      <c r="CU31" s="72">
        <v>17</v>
      </c>
      <c r="CV31" s="73">
        <v>24</v>
      </c>
      <c r="CW31" s="126">
        <v>1</v>
      </c>
      <c r="CX31" s="82">
        <v>0</v>
      </c>
      <c r="CY31" s="83">
        <v>1</v>
      </c>
      <c r="CZ31" s="273"/>
      <c r="DA31" s="82">
        <v>2</v>
      </c>
      <c r="DB31" s="82">
        <v>2</v>
      </c>
      <c r="DC31" s="82">
        <v>0</v>
      </c>
      <c r="DD31" s="82">
        <v>0</v>
      </c>
      <c r="DE31" s="82">
        <v>1</v>
      </c>
      <c r="DF31" s="84">
        <v>5</v>
      </c>
      <c r="DG31" s="85">
        <v>6</v>
      </c>
      <c r="DH31" s="70">
        <v>0</v>
      </c>
      <c r="DI31" s="71">
        <v>0</v>
      </c>
      <c r="DJ31" s="72">
        <v>0</v>
      </c>
      <c r="DK31" s="276"/>
      <c r="DL31" s="71">
        <v>0</v>
      </c>
      <c r="DM31" s="71">
        <v>0</v>
      </c>
      <c r="DN31" s="71">
        <v>0</v>
      </c>
      <c r="DO31" s="71">
        <v>0</v>
      </c>
      <c r="DP31" s="71">
        <v>0</v>
      </c>
      <c r="DQ31" s="72">
        <v>0</v>
      </c>
      <c r="DR31" s="73">
        <v>0</v>
      </c>
      <c r="DS31" s="70">
        <v>0</v>
      </c>
      <c r="DT31" s="71">
        <v>0</v>
      </c>
      <c r="DU31" s="72">
        <v>0</v>
      </c>
      <c r="DV31" s="276"/>
      <c r="DW31" s="71">
        <v>0</v>
      </c>
      <c r="DX31" s="71">
        <v>0</v>
      </c>
      <c r="DY31" s="71">
        <v>0</v>
      </c>
      <c r="DZ31" s="71">
        <v>0</v>
      </c>
      <c r="EA31" s="71">
        <v>0</v>
      </c>
      <c r="EB31" s="72">
        <v>0</v>
      </c>
      <c r="EC31" s="73">
        <v>0</v>
      </c>
      <c r="ED31" s="70">
        <v>1</v>
      </c>
      <c r="EE31" s="71">
        <v>0</v>
      </c>
      <c r="EF31" s="72">
        <v>1</v>
      </c>
      <c r="EG31" s="276"/>
      <c r="EH31" s="71">
        <v>0</v>
      </c>
      <c r="EI31" s="71">
        <v>0</v>
      </c>
      <c r="EJ31" s="71">
        <v>0</v>
      </c>
      <c r="EK31" s="71">
        <v>0</v>
      </c>
      <c r="EL31" s="71">
        <v>0</v>
      </c>
      <c r="EM31" s="72">
        <v>0</v>
      </c>
      <c r="EN31" s="73">
        <v>1</v>
      </c>
      <c r="EO31" s="70">
        <v>0</v>
      </c>
      <c r="EP31" s="71">
        <v>0</v>
      </c>
      <c r="EQ31" s="72">
        <v>0</v>
      </c>
      <c r="ER31" s="276"/>
      <c r="ES31" s="71">
        <v>1</v>
      </c>
      <c r="ET31" s="71">
        <v>1</v>
      </c>
      <c r="EU31" s="71">
        <v>0</v>
      </c>
      <c r="EV31" s="71">
        <v>0</v>
      </c>
      <c r="EW31" s="71">
        <v>1</v>
      </c>
      <c r="EX31" s="72">
        <v>3</v>
      </c>
      <c r="EY31" s="73">
        <v>3</v>
      </c>
      <c r="EZ31" s="70">
        <v>0</v>
      </c>
      <c r="FA31" s="71">
        <v>0</v>
      </c>
      <c r="FB31" s="72">
        <v>0</v>
      </c>
      <c r="FC31" s="276"/>
      <c r="FD31" s="71">
        <v>0</v>
      </c>
      <c r="FE31" s="71">
        <v>0</v>
      </c>
      <c r="FF31" s="71">
        <v>0</v>
      </c>
      <c r="FG31" s="71">
        <v>0</v>
      </c>
      <c r="FH31" s="71">
        <v>0</v>
      </c>
      <c r="FI31" s="72">
        <v>0</v>
      </c>
      <c r="FJ31" s="73">
        <v>0</v>
      </c>
      <c r="FK31" s="70">
        <v>0</v>
      </c>
      <c r="FL31" s="71">
        <v>0</v>
      </c>
      <c r="FM31" s="72">
        <v>0</v>
      </c>
      <c r="FN31" s="276"/>
      <c r="FO31" s="71">
        <v>1</v>
      </c>
      <c r="FP31" s="71">
        <v>1</v>
      </c>
      <c r="FQ31" s="71">
        <v>0</v>
      </c>
      <c r="FR31" s="71">
        <v>0</v>
      </c>
      <c r="FS31" s="71">
        <v>0</v>
      </c>
      <c r="FT31" s="72">
        <v>2</v>
      </c>
      <c r="FU31" s="73">
        <v>2</v>
      </c>
      <c r="FV31" s="70">
        <v>0</v>
      </c>
      <c r="FW31" s="71">
        <v>0</v>
      </c>
      <c r="FX31" s="72">
        <v>0</v>
      </c>
      <c r="FY31" s="276"/>
      <c r="FZ31" s="71">
        <v>0</v>
      </c>
      <c r="GA31" s="71">
        <v>0</v>
      </c>
      <c r="GB31" s="71">
        <v>0</v>
      </c>
      <c r="GC31" s="71">
        <v>0</v>
      </c>
      <c r="GD31" s="71">
        <v>0</v>
      </c>
      <c r="GE31" s="72">
        <v>0</v>
      </c>
      <c r="GF31" s="73">
        <v>0</v>
      </c>
      <c r="GG31" s="70">
        <v>1</v>
      </c>
      <c r="GH31" s="71">
        <v>0</v>
      </c>
      <c r="GI31" s="72">
        <v>1</v>
      </c>
      <c r="GJ31" s="276"/>
      <c r="GK31" s="71">
        <v>2</v>
      </c>
      <c r="GL31" s="71">
        <v>2</v>
      </c>
      <c r="GM31" s="71">
        <v>0</v>
      </c>
      <c r="GN31" s="71">
        <v>0</v>
      </c>
      <c r="GO31" s="71">
        <v>1</v>
      </c>
      <c r="GP31" s="72">
        <v>5</v>
      </c>
      <c r="GQ31" s="73">
        <v>6</v>
      </c>
      <c r="GR31" s="126">
        <v>4</v>
      </c>
      <c r="GS31" s="82">
        <v>4</v>
      </c>
      <c r="GT31" s="83">
        <v>8</v>
      </c>
      <c r="GU31" s="273"/>
      <c r="GV31" s="82">
        <v>9</v>
      </c>
      <c r="GW31" s="82">
        <v>8</v>
      </c>
      <c r="GX31" s="82">
        <v>2</v>
      </c>
      <c r="GY31" s="82">
        <v>2</v>
      </c>
      <c r="GZ31" s="82">
        <v>1</v>
      </c>
      <c r="HA31" s="84">
        <v>22</v>
      </c>
      <c r="HB31" s="85">
        <v>30</v>
      </c>
      <c r="HC31" s="70">
        <v>0</v>
      </c>
      <c r="HD31" s="71">
        <v>0</v>
      </c>
      <c r="HE31" s="72">
        <v>0</v>
      </c>
      <c r="HF31" s="276"/>
      <c r="HG31" s="71">
        <v>0</v>
      </c>
      <c r="HH31" s="71">
        <v>0</v>
      </c>
      <c r="HI31" s="71">
        <v>0</v>
      </c>
      <c r="HJ31" s="71">
        <v>0</v>
      </c>
      <c r="HK31" s="71">
        <v>0</v>
      </c>
      <c r="HL31" s="72">
        <v>0</v>
      </c>
      <c r="HM31" s="73">
        <v>0</v>
      </c>
      <c r="HN31" s="70">
        <v>0</v>
      </c>
      <c r="HO31" s="71">
        <v>0</v>
      </c>
      <c r="HP31" s="72">
        <v>0</v>
      </c>
      <c r="HQ31" s="276"/>
      <c r="HR31" s="71">
        <v>0</v>
      </c>
      <c r="HS31" s="71">
        <v>1</v>
      </c>
      <c r="HT31" s="71">
        <v>0</v>
      </c>
      <c r="HU31" s="71">
        <v>0</v>
      </c>
      <c r="HV31" s="71">
        <v>0</v>
      </c>
      <c r="HW31" s="72">
        <v>1</v>
      </c>
      <c r="HX31" s="73">
        <v>1</v>
      </c>
      <c r="HY31" s="70">
        <v>2</v>
      </c>
      <c r="HZ31" s="71">
        <v>1</v>
      </c>
      <c r="IA31" s="72">
        <v>3</v>
      </c>
      <c r="IB31" s="276"/>
      <c r="IC31" s="71">
        <v>0</v>
      </c>
      <c r="ID31" s="71">
        <v>1</v>
      </c>
      <c r="IE31" s="71">
        <v>0</v>
      </c>
      <c r="IF31" s="71">
        <v>0</v>
      </c>
      <c r="IG31" s="71">
        <v>0</v>
      </c>
      <c r="IH31" s="72">
        <v>1</v>
      </c>
      <c r="II31" s="73">
        <v>4</v>
      </c>
      <c r="IJ31" s="70">
        <v>2</v>
      </c>
      <c r="IK31" s="71">
        <v>2</v>
      </c>
      <c r="IL31" s="72">
        <v>4</v>
      </c>
      <c r="IM31" s="276"/>
      <c r="IN31" s="71">
        <v>2</v>
      </c>
      <c r="IO31" s="71">
        <v>4</v>
      </c>
      <c r="IP31" s="71">
        <v>0</v>
      </c>
      <c r="IQ31" s="71">
        <v>1</v>
      </c>
      <c r="IR31" s="71">
        <v>1</v>
      </c>
      <c r="IS31" s="72">
        <v>8</v>
      </c>
      <c r="IT31" s="73">
        <v>12</v>
      </c>
      <c r="IU31" s="70">
        <v>0</v>
      </c>
      <c r="IV31" s="71">
        <v>1</v>
      </c>
      <c r="IW31" s="72">
        <v>1</v>
      </c>
      <c r="IX31" s="276"/>
      <c r="IY31" s="71">
        <v>6</v>
      </c>
      <c r="IZ31" s="71">
        <v>0</v>
      </c>
      <c r="JA31" s="71">
        <v>0</v>
      </c>
      <c r="JB31" s="71">
        <v>1</v>
      </c>
      <c r="JC31" s="71">
        <v>0</v>
      </c>
      <c r="JD31" s="72">
        <v>7</v>
      </c>
      <c r="JE31" s="73">
        <v>8</v>
      </c>
      <c r="JF31" s="70">
        <v>0</v>
      </c>
      <c r="JG31" s="71">
        <v>0</v>
      </c>
      <c r="JH31" s="72">
        <v>0</v>
      </c>
      <c r="JI31" s="276"/>
      <c r="JJ31" s="71">
        <v>1</v>
      </c>
      <c r="JK31" s="71">
        <v>2</v>
      </c>
      <c r="JL31" s="71">
        <v>2</v>
      </c>
      <c r="JM31" s="71">
        <v>0</v>
      </c>
      <c r="JN31" s="71">
        <v>0</v>
      </c>
      <c r="JO31" s="72">
        <v>5</v>
      </c>
      <c r="JP31" s="73">
        <v>5</v>
      </c>
      <c r="JQ31" s="70">
        <v>0</v>
      </c>
      <c r="JR31" s="71">
        <v>0</v>
      </c>
      <c r="JS31" s="72">
        <v>0</v>
      </c>
      <c r="JT31" s="276"/>
      <c r="JU31" s="71">
        <v>0</v>
      </c>
      <c r="JV31" s="71">
        <v>0</v>
      </c>
      <c r="JW31" s="71">
        <v>0</v>
      </c>
      <c r="JX31" s="71">
        <v>0</v>
      </c>
      <c r="JY31" s="71">
        <v>0</v>
      </c>
      <c r="JZ31" s="72">
        <v>0</v>
      </c>
      <c r="KA31" s="73">
        <v>0</v>
      </c>
      <c r="KB31" s="70">
        <v>4</v>
      </c>
      <c r="KC31" s="71">
        <v>4</v>
      </c>
      <c r="KD31" s="72">
        <v>8</v>
      </c>
      <c r="KE31" s="276"/>
      <c r="KF31" s="71">
        <v>9</v>
      </c>
      <c r="KG31" s="71">
        <v>8</v>
      </c>
      <c r="KH31" s="71">
        <v>2</v>
      </c>
      <c r="KI31" s="71">
        <v>2</v>
      </c>
      <c r="KJ31" s="71">
        <v>1</v>
      </c>
      <c r="KK31" s="72">
        <v>22</v>
      </c>
      <c r="KL31" s="73">
        <v>30</v>
      </c>
    </row>
    <row r="32" spans="1:298" ht="19.5" customHeight="1" x14ac:dyDescent="0.2">
      <c r="A32" s="129" t="s">
        <v>29</v>
      </c>
      <c r="B32" s="350">
        <v>3</v>
      </c>
      <c r="C32" s="82">
        <v>3</v>
      </c>
      <c r="D32" s="83">
        <v>6</v>
      </c>
      <c r="E32" s="273"/>
      <c r="F32" s="82">
        <v>5</v>
      </c>
      <c r="G32" s="82">
        <v>6</v>
      </c>
      <c r="H32" s="82">
        <v>4</v>
      </c>
      <c r="I32" s="82">
        <v>4</v>
      </c>
      <c r="J32" s="82">
        <v>3</v>
      </c>
      <c r="K32" s="84">
        <v>22</v>
      </c>
      <c r="L32" s="85">
        <v>28</v>
      </c>
      <c r="M32" s="70">
        <v>0</v>
      </c>
      <c r="N32" s="71">
        <v>0</v>
      </c>
      <c r="O32" s="72">
        <v>0</v>
      </c>
      <c r="P32" s="276"/>
      <c r="Q32" s="71">
        <v>0</v>
      </c>
      <c r="R32" s="71">
        <v>0</v>
      </c>
      <c r="S32" s="71">
        <v>1</v>
      </c>
      <c r="T32" s="71">
        <v>0</v>
      </c>
      <c r="U32" s="71">
        <v>0</v>
      </c>
      <c r="V32" s="72">
        <v>1</v>
      </c>
      <c r="W32" s="73">
        <v>1</v>
      </c>
      <c r="X32" s="70">
        <v>0</v>
      </c>
      <c r="Y32" s="71">
        <v>0</v>
      </c>
      <c r="Z32" s="72">
        <v>0</v>
      </c>
      <c r="AA32" s="276"/>
      <c r="AB32" s="71">
        <v>0</v>
      </c>
      <c r="AC32" s="71">
        <v>0</v>
      </c>
      <c r="AD32" s="71">
        <v>0</v>
      </c>
      <c r="AE32" s="71">
        <v>0</v>
      </c>
      <c r="AF32" s="71">
        <v>0</v>
      </c>
      <c r="AG32" s="72">
        <v>0</v>
      </c>
      <c r="AH32" s="73">
        <v>0</v>
      </c>
      <c r="AI32" s="70">
        <v>2</v>
      </c>
      <c r="AJ32" s="71">
        <v>0</v>
      </c>
      <c r="AK32" s="72">
        <v>2</v>
      </c>
      <c r="AL32" s="276"/>
      <c r="AM32" s="71">
        <v>1</v>
      </c>
      <c r="AN32" s="71">
        <v>1</v>
      </c>
      <c r="AO32" s="71">
        <v>0</v>
      </c>
      <c r="AP32" s="71">
        <v>0</v>
      </c>
      <c r="AQ32" s="71">
        <v>1</v>
      </c>
      <c r="AR32" s="72">
        <v>3</v>
      </c>
      <c r="AS32" s="73">
        <v>5</v>
      </c>
      <c r="AT32" s="70">
        <v>1</v>
      </c>
      <c r="AU32" s="71">
        <v>2</v>
      </c>
      <c r="AV32" s="72">
        <v>3</v>
      </c>
      <c r="AW32" s="276"/>
      <c r="AX32" s="71">
        <v>1</v>
      </c>
      <c r="AY32" s="71">
        <v>1</v>
      </c>
      <c r="AZ32" s="71">
        <v>0</v>
      </c>
      <c r="BA32" s="71">
        <v>0</v>
      </c>
      <c r="BB32" s="71">
        <v>0</v>
      </c>
      <c r="BC32" s="72">
        <v>2</v>
      </c>
      <c r="BD32" s="73">
        <v>5</v>
      </c>
      <c r="BE32" s="70">
        <v>0</v>
      </c>
      <c r="BF32" s="71">
        <v>1</v>
      </c>
      <c r="BG32" s="72">
        <v>1</v>
      </c>
      <c r="BH32" s="276"/>
      <c r="BI32" s="71">
        <v>3</v>
      </c>
      <c r="BJ32" s="71">
        <v>3</v>
      </c>
      <c r="BK32" s="71">
        <v>1</v>
      </c>
      <c r="BL32" s="71">
        <v>3</v>
      </c>
      <c r="BM32" s="71">
        <v>1</v>
      </c>
      <c r="BN32" s="72">
        <v>11</v>
      </c>
      <c r="BO32" s="73">
        <v>12</v>
      </c>
      <c r="BP32" s="70">
        <v>0</v>
      </c>
      <c r="BQ32" s="71">
        <v>0</v>
      </c>
      <c r="BR32" s="72">
        <v>0</v>
      </c>
      <c r="BS32" s="276"/>
      <c r="BT32" s="71">
        <v>0</v>
      </c>
      <c r="BU32" s="71">
        <v>1</v>
      </c>
      <c r="BV32" s="71">
        <v>2</v>
      </c>
      <c r="BW32" s="71">
        <v>1</v>
      </c>
      <c r="BX32" s="71">
        <v>1</v>
      </c>
      <c r="BY32" s="72">
        <v>5</v>
      </c>
      <c r="BZ32" s="73">
        <v>5</v>
      </c>
      <c r="CA32" s="70">
        <v>0</v>
      </c>
      <c r="CB32" s="71">
        <v>0</v>
      </c>
      <c r="CC32" s="72">
        <v>0</v>
      </c>
      <c r="CD32" s="276"/>
      <c r="CE32" s="71">
        <v>0</v>
      </c>
      <c r="CF32" s="71">
        <v>0</v>
      </c>
      <c r="CG32" s="71">
        <v>0</v>
      </c>
      <c r="CH32" s="71">
        <v>0</v>
      </c>
      <c r="CI32" s="71">
        <v>0</v>
      </c>
      <c r="CJ32" s="72">
        <v>0</v>
      </c>
      <c r="CK32" s="73">
        <v>0</v>
      </c>
      <c r="CL32" s="70">
        <v>3</v>
      </c>
      <c r="CM32" s="71">
        <v>3</v>
      </c>
      <c r="CN32" s="72">
        <v>6</v>
      </c>
      <c r="CO32" s="276"/>
      <c r="CP32" s="71">
        <v>5</v>
      </c>
      <c r="CQ32" s="71">
        <v>6</v>
      </c>
      <c r="CR32" s="71">
        <v>4</v>
      </c>
      <c r="CS32" s="71">
        <v>4</v>
      </c>
      <c r="CT32" s="71">
        <v>3</v>
      </c>
      <c r="CU32" s="72">
        <v>22</v>
      </c>
      <c r="CV32" s="73">
        <v>28</v>
      </c>
      <c r="CW32" s="126">
        <v>1</v>
      </c>
      <c r="CX32" s="82">
        <v>0</v>
      </c>
      <c r="CY32" s="83">
        <v>1</v>
      </c>
      <c r="CZ32" s="273"/>
      <c r="DA32" s="82">
        <v>3</v>
      </c>
      <c r="DB32" s="82">
        <v>2</v>
      </c>
      <c r="DC32" s="82">
        <v>0</v>
      </c>
      <c r="DD32" s="82">
        <v>1</v>
      </c>
      <c r="DE32" s="82">
        <v>0</v>
      </c>
      <c r="DF32" s="84">
        <v>6</v>
      </c>
      <c r="DG32" s="85">
        <v>7</v>
      </c>
      <c r="DH32" s="70">
        <v>0</v>
      </c>
      <c r="DI32" s="71">
        <v>0</v>
      </c>
      <c r="DJ32" s="72">
        <v>0</v>
      </c>
      <c r="DK32" s="276"/>
      <c r="DL32" s="71">
        <v>0</v>
      </c>
      <c r="DM32" s="71">
        <v>0</v>
      </c>
      <c r="DN32" s="71">
        <v>0</v>
      </c>
      <c r="DO32" s="71">
        <v>0</v>
      </c>
      <c r="DP32" s="71">
        <v>0</v>
      </c>
      <c r="DQ32" s="72">
        <v>0</v>
      </c>
      <c r="DR32" s="73">
        <v>0</v>
      </c>
      <c r="DS32" s="70">
        <v>0</v>
      </c>
      <c r="DT32" s="71">
        <v>0</v>
      </c>
      <c r="DU32" s="72">
        <v>0</v>
      </c>
      <c r="DV32" s="276"/>
      <c r="DW32" s="71">
        <v>0</v>
      </c>
      <c r="DX32" s="71">
        <v>0</v>
      </c>
      <c r="DY32" s="71">
        <v>0</v>
      </c>
      <c r="DZ32" s="71">
        <v>0</v>
      </c>
      <c r="EA32" s="71">
        <v>0</v>
      </c>
      <c r="EB32" s="72">
        <v>0</v>
      </c>
      <c r="EC32" s="73">
        <v>0</v>
      </c>
      <c r="ED32" s="70">
        <v>0</v>
      </c>
      <c r="EE32" s="71">
        <v>0</v>
      </c>
      <c r="EF32" s="72">
        <v>0</v>
      </c>
      <c r="EG32" s="276"/>
      <c r="EH32" s="71">
        <v>0</v>
      </c>
      <c r="EI32" s="71">
        <v>0</v>
      </c>
      <c r="EJ32" s="71">
        <v>0</v>
      </c>
      <c r="EK32" s="71">
        <v>0</v>
      </c>
      <c r="EL32" s="71">
        <v>0</v>
      </c>
      <c r="EM32" s="72">
        <v>0</v>
      </c>
      <c r="EN32" s="73">
        <v>0</v>
      </c>
      <c r="EO32" s="70">
        <v>0</v>
      </c>
      <c r="EP32" s="71">
        <v>0</v>
      </c>
      <c r="EQ32" s="72">
        <v>0</v>
      </c>
      <c r="ER32" s="276"/>
      <c r="ES32" s="71">
        <v>2</v>
      </c>
      <c r="ET32" s="71">
        <v>0</v>
      </c>
      <c r="EU32" s="71">
        <v>0</v>
      </c>
      <c r="EV32" s="71">
        <v>0</v>
      </c>
      <c r="EW32" s="71">
        <v>0</v>
      </c>
      <c r="EX32" s="72">
        <v>2</v>
      </c>
      <c r="EY32" s="73">
        <v>2</v>
      </c>
      <c r="EZ32" s="70">
        <v>1</v>
      </c>
      <c r="FA32" s="71">
        <v>0</v>
      </c>
      <c r="FB32" s="72">
        <v>1</v>
      </c>
      <c r="FC32" s="276"/>
      <c r="FD32" s="71">
        <v>1</v>
      </c>
      <c r="FE32" s="71">
        <v>0</v>
      </c>
      <c r="FF32" s="71">
        <v>0</v>
      </c>
      <c r="FG32" s="71">
        <v>1</v>
      </c>
      <c r="FH32" s="71">
        <v>0</v>
      </c>
      <c r="FI32" s="72">
        <v>2</v>
      </c>
      <c r="FJ32" s="73">
        <v>3</v>
      </c>
      <c r="FK32" s="70">
        <v>0</v>
      </c>
      <c r="FL32" s="71">
        <v>0</v>
      </c>
      <c r="FM32" s="72">
        <v>0</v>
      </c>
      <c r="FN32" s="276"/>
      <c r="FO32" s="71">
        <v>0</v>
      </c>
      <c r="FP32" s="71">
        <v>2</v>
      </c>
      <c r="FQ32" s="71">
        <v>0</v>
      </c>
      <c r="FR32" s="71">
        <v>0</v>
      </c>
      <c r="FS32" s="71">
        <v>0</v>
      </c>
      <c r="FT32" s="72">
        <v>2</v>
      </c>
      <c r="FU32" s="73">
        <v>2</v>
      </c>
      <c r="FV32" s="70">
        <v>0</v>
      </c>
      <c r="FW32" s="71">
        <v>0</v>
      </c>
      <c r="FX32" s="72">
        <v>0</v>
      </c>
      <c r="FY32" s="276"/>
      <c r="FZ32" s="71">
        <v>0</v>
      </c>
      <c r="GA32" s="71">
        <v>0</v>
      </c>
      <c r="GB32" s="71">
        <v>0</v>
      </c>
      <c r="GC32" s="71">
        <v>0</v>
      </c>
      <c r="GD32" s="71">
        <v>0</v>
      </c>
      <c r="GE32" s="72">
        <v>0</v>
      </c>
      <c r="GF32" s="73">
        <v>0</v>
      </c>
      <c r="GG32" s="70">
        <v>1</v>
      </c>
      <c r="GH32" s="71">
        <v>0</v>
      </c>
      <c r="GI32" s="72">
        <v>1</v>
      </c>
      <c r="GJ32" s="276"/>
      <c r="GK32" s="71">
        <v>3</v>
      </c>
      <c r="GL32" s="71">
        <v>2</v>
      </c>
      <c r="GM32" s="71">
        <v>0</v>
      </c>
      <c r="GN32" s="71">
        <v>1</v>
      </c>
      <c r="GO32" s="71">
        <v>0</v>
      </c>
      <c r="GP32" s="72">
        <v>6</v>
      </c>
      <c r="GQ32" s="73">
        <v>7</v>
      </c>
      <c r="GR32" s="126">
        <v>4</v>
      </c>
      <c r="GS32" s="82">
        <v>3</v>
      </c>
      <c r="GT32" s="83">
        <v>7</v>
      </c>
      <c r="GU32" s="273"/>
      <c r="GV32" s="82">
        <v>8</v>
      </c>
      <c r="GW32" s="82">
        <v>8</v>
      </c>
      <c r="GX32" s="82">
        <v>4</v>
      </c>
      <c r="GY32" s="82">
        <v>5</v>
      </c>
      <c r="GZ32" s="82">
        <v>3</v>
      </c>
      <c r="HA32" s="84">
        <v>28</v>
      </c>
      <c r="HB32" s="85">
        <v>35</v>
      </c>
      <c r="HC32" s="70">
        <v>0</v>
      </c>
      <c r="HD32" s="71">
        <v>0</v>
      </c>
      <c r="HE32" s="72">
        <v>0</v>
      </c>
      <c r="HF32" s="276"/>
      <c r="HG32" s="71">
        <v>0</v>
      </c>
      <c r="HH32" s="71">
        <v>0</v>
      </c>
      <c r="HI32" s="71">
        <v>1</v>
      </c>
      <c r="HJ32" s="71">
        <v>0</v>
      </c>
      <c r="HK32" s="71">
        <v>0</v>
      </c>
      <c r="HL32" s="72">
        <v>1</v>
      </c>
      <c r="HM32" s="73">
        <v>1</v>
      </c>
      <c r="HN32" s="70">
        <v>0</v>
      </c>
      <c r="HO32" s="71">
        <v>0</v>
      </c>
      <c r="HP32" s="72">
        <v>0</v>
      </c>
      <c r="HQ32" s="276"/>
      <c r="HR32" s="71">
        <v>0</v>
      </c>
      <c r="HS32" s="71">
        <v>0</v>
      </c>
      <c r="HT32" s="71">
        <v>0</v>
      </c>
      <c r="HU32" s="71">
        <v>0</v>
      </c>
      <c r="HV32" s="71">
        <v>0</v>
      </c>
      <c r="HW32" s="72">
        <v>0</v>
      </c>
      <c r="HX32" s="73">
        <v>0</v>
      </c>
      <c r="HY32" s="70">
        <v>2</v>
      </c>
      <c r="HZ32" s="71">
        <v>0</v>
      </c>
      <c r="IA32" s="72">
        <v>2</v>
      </c>
      <c r="IB32" s="276"/>
      <c r="IC32" s="71">
        <v>1</v>
      </c>
      <c r="ID32" s="71">
        <v>1</v>
      </c>
      <c r="IE32" s="71">
        <v>0</v>
      </c>
      <c r="IF32" s="71">
        <v>0</v>
      </c>
      <c r="IG32" s="71">
        <v>1</v>
      </c>
      <c r="IH32" s="72">
        <v>3</v>
      </c>
      <c r="II32" s="73">
        <v>5</v>
      </c>
      <c r="IJ32" s="70">
        <v>1</v>
      </c>
      <c r="IK32" s="71">
        <v>2</v>
      </c>
      <c r="IL32" s="72">
        <v>3</v>
      </c>
      <c r="IM32" s="276"/>
      <c r="IN32" s="71">
        <v>3</v>
      </c>
      <c r="IO32" s="71">
        <v>1</v>
      </c>
      <c r="IP32" s="71">
        <v>0</v>
      </c>
      <c r="IQ32" s="71">
        <v>0</v>
      </c>
      <c r="IR32" s="71">
        <v>0</v>
      </c>
      <c r="IS32" s="72">
        <v>4</v>
      </c>
      <c r="IT32" s="73">
        <v>7</v>
      </c>
      <c r="IU32" s="70">
        <v>1</v>
      </c>
      <c r="IV32" s="71">
        <v>1</v>
      </c>
      <c r="IW32" s="72">
        <v>2</v>
      </c>
      <c r="IX32" s="276"/>
      <c r="IY32" s="71">
        <v>4</v>
      </c>
      <c r="IZ32" s="71">
        <v>3</v>
      </c>
      <c r="JA32" s="71">
        <v>1</v>
      </c>
      <c r="JB32" s="71">
        <v>4</v>
      </c>
      <c r="JC32" s="71">
        <v>1</v>
      </c>
      <c r="JD32" s="72">
        <v>13</v>
      </c>
      <c r="JE32" s="73">
        <v>15</v>
      </c>
      <c r="JF32" s="70">
        <v>0</v>
      </c>
      <c r="JG32" s="71">
        <v>0</v>
      </c>
      <c r="JH32" s="72">
        <v>0</v>
      </c>
      <c r="JI32" s="276"/>
      <c r="JJ32" s="71">
        <v>0</v>
      </c>
      <c r="JK32" s="71">
        <v>3</v>
      </c>
      <c r="JL32" s="71">
        <v>2</v>
      </c>
      <c r="JM32" s="71">
        <v>1</v>
      </c>
      <c r="JN32" s="71">
        <v>1</v>
      </c>
      <c r="JO32" s="72">
        <v>7</v>
      </c>
      <c r="JP32" s="73">
        <v>7</v>
      </c>
      <c r="JQ32" s="70">
        <v>0</v>
      </c>
      <c r="JR32" s="71">
        <v>0</v>
      </c>
      <c r="JS32" s="72">
        <v>0</v>
      </c>
      <c r="JT32" s="276"/>
      <c r="JU32" s="71">
        <v>0</v>
      </c>
      <c r="JV32" s="71">
        <v>0</v>
      </c>
      <c r="JW32" s="71">
        <v>0</v>
      </c>
      <c r="JX32" s="71">
        <v>0</v>
      </c>
      <c r="JY32" s="71">
        <v>0</v>
      </c>
      <c r="JZ32" s="72">
        <v>0</v>
      </c>
      <c r="KA32" s="73">
        <v>0</v>
      </c>
      <c r="KB32" s="70">
        <v>4</v>
      </c>
      <c r="KC32" s="71">
        <v>3</v>
      </c>
      <c r="KD32" s="72">
        <v>7</v>
      </c>
      <c r="KE32" s="276"/>
      <c r="KF32" s="71">
        <v>8</v>
      </c>
      <c r="KG32" s="71">
        <v>8</v>
      </c>
      <c r="KH32" s="71">
        <v>4</v>
      </c>
      <c r="KI32" s="71">
        <v>5</v>
      </c>
      <c r="KJ32" s="71">
        <v>3</v>
      </c>
      <c r="KK32" s="72">
        <v>28</v>
      </c>
      <c r="KL32" s="73">
        <v>35</v>
      </c>
    </row>
    <row r="33" spans="1:298" ht="19.5" customHeight="1" x14ac:dyDescent="0.2">
      <c r="A33" s="129" t="s">
        <v>30</v>
      </c>
      <c r="B33" s="350">
        <v>3</v>
      </c>
      <c r="C33" s="82">
        <v>2</v>
      </c>
      <c r="D33" s="83">
        <v>5</v>
      </c>
      <c r="E33" s="273"/>
      <c r="F33" s="82">
        <v>6</v>
      </c>
      <c r="G33" s="82">
        <v>5</v>
      </c>
      <c r="H33" s="82">
        <v>3</v>
      </c>
      <c r="I33" s="82">
        <v>7</v>
      </c>
      <c r="J33" s="82">
        <v>1</v>
      </c>
      <c r="K33" s="84">
        <v>22</v>
      </c>
      <c r="L33" s="85">
        <v>27</v>
      </c>
      <c r="M33" s="70">
        <v>0</v>
      </c>
      <c r="N33" s="71">
        <v>0</v>
      </c>
      <c r="O33" s="72">
        <v>0</v>
      </c>
      <c r="P33" s="276"/>
      <c r="Q33" s="71">
        <v>0</v>
      </c>
      <c r="R33" s="71">
        <v>0</v>
      </c>
      <c r="S33" s="71">
        <v>0</v>
      </c>
      <c r="T33" s="71">
        <v>0</v>
      </c>
      <c r="U33" s="71">
        <v>0</v>
      </c>
      <c r="V33" s="72">
        <v>0</v>
      </c>
      <c r="W33" s="73">
        <v>0</v>
      </c>
      <c r="X33" s="70">
        <v>0</v>
      </c>
      <c r="Y33" s="71">
        <v>1</v>
      </c>
      <c r="Z33" s="72">
        <v>1</v>
      </c>
      <c r="AA33" s="276"/>
      <c r="AB33" s="71">
        <v>0</v>
      </c>
      <c r="AC33" s="71">
        <v>0</v>
      </c>
      <c r="AD33" s="71">
        <v>0</v>
      </c>
      <c r="AE33" s="71">
        <v>0</v>
      </c>
      <c r="AF33" s="71">
        <v>0</v>
      </c>
      <c r="AG33" s="72">
        <v>0</v>
      </c>
      <c r="AH33" s="73">
        <v>1</v>
      </c>
      <c r="AI33" s="70">
        <v>0</v>
      </c>
      <c r="AJ33" s="71">
        <v>1</v>
      </c>
      <c r="AK33" s="72">
        <v>1</v>
      </c>
      <c r="AL33" s="276"/>
      <c r="AM33" s="71">
        <v>0</v>
      </c>
      <c r="AN33" s="71">
        <v>0</v>
      </c>
      <c r="AO33" s="71">
        <v>1</v>
      </c>
      <c r="AP33" s="71">
        <v>1</v>
      </c>
      <c r="AQ33" s="71">
        <v>0</v>
      </c>
      <c r="AR33" s="72">
        <v>2</v>
      </c>
      <c r="AS33" s="73">
        <v>3</v>
      </c>
      <c r="AT33" s="70">
        <v>0</v>
      </c>
      <c r="AU33" s="71">
        <v>0</v>
      </c>
      <c r="AV33" s="72">
        <v>0</v>
      </c>
      <c r="AW33" s="276"/>
      <c r="AX33" s="71">
        <v>0</v>
      </c>
      <c r="AY33" s="71">
        <v>1</v>
      </c>
      <c r="AZ33" s="71">
        <v>1</v>
      </c>
      <c r="BA33" s="71">
        <v>1</v>
      </c>
      <c r="BB33" s="71">
        <v>0</v>
      </c>
      <c r="BC33" s="72">
        <v>3</v>
      </c>
      <c r="BD33" s="73">
        <v>3</v>
      </c>
      <c r="BE33" s="70">
        <v>2</v>
      </c>
      <c r="BF33" s="71">
        <v>0</v>
      </c>
      <c r="BG33" s="72">
        <v>2</v>
      </c>
      <c r="BH33" s="276"/>
      <c r="BI33" s="71">
        <v>3</v>
      </c>
      <c r="BJ33" s="71">
        <v>0</v>
      </c>
      <c r="BK33" s="71">
        <v>1</v>
      </c>
      <c r="BL33" s="71">
        <v>1</v>
      </c>
      <c r="BM33" s="71">
        <v>0</v>
      </c>
      <c r="BN33" s="72">
        <v>5</v>
      </c>
      <c r="BO33" s="73">
        <v>7</v>
      </c>
      <c r="BP33" s="70">
        <v>1</v>
      </c>
      <c r="BQ33" s="71">
        <v>0</v>
      </c>
      <c r="BR33" s="72">
        <v>1</v>
      </c>
      <c r="BS33" s="276"/>
      <c r="BT33" s="71">
        <v>3</v>
      </c>
      <c r="BU33" s="71">
        <v>4</v>
      </c>
      <c r="BV33" s="71">
        <v>0</v>
      </c>
      <c r="BW33" s="71">
        <v>4</v>
      </c>
      <c r="BX33" s="71">
        <v>1</v>
      </c>
      <c r="BY33" s="72">
        <v>12</v>
      </c>
      <c r="BZ33" s="73">
        <v>13</v>
      </c>
      <c r="CA33" s="70">
        <v>0</v>
      </c>
      <c r="CB33" s="71">
        <v>0</v>
      </c>
      <c r="CC33" s="72">
        <v>0</v>
      </c>
      <c r="CD33" s="276"/>
      <c r="CE33" s="71">
        <v>0</v>
      </c>
      <c r="CF33" s="71">
        <v>0</v>
      </c>
      <c r="CG33" s="71">
        <v>0</v>
      </c>
      <c r="CH33" s="71">
        <v>0</v>
      </c>
      <c r="CI33" s="71">
        <v>0</v>
      </c>
      <c r="CJ33" s="72">
        <v>0</v>
      </c>
      <c r="CK33" s="73">
        <v>0</v>
      </c>
      <c r="CL33" s="70">
        <v>3</v>
      </c>
      <c r="CM33" s="71">
        <v>2</v>
      </c>
      <c r="CN33" s="72">
        <v>5</v>
      </c>
      <c r="CO33" s="276"/>
      <c r="CP33" s="71">
        <v>6</v>
      </c>
      <c r="CQ33" s="71">
        <v>5</v>
      </c>
      <c r="CR33" s="71">
        <v>3</v>
      </c>
      <c r="CS33" s="71">
        <v>7</v>
      </c>
      <c r="CT33" s="71">
        <v>1</v>
      </c>
      <c r="CU33" s="72">
        <v>22</v>
      </c>
      <c r="CV33" s="73">
        <v>27</v>
      </c>
      <c r="CW33" s="126">
        <v>2</v>
      </c>
      <c r="CX33" s="82">
        <v>0</v>
      </c>
      <c r="CY33" s="83">
        <v>2</v>
      </c>
      <c r="CZ33" s="273"/>
      <c r="DA33" s="82">
        <v>2</v>
      </c>
      <c r="DB33" s="82">
        <v>0</v>
      </c>
      <c r="DC33" s="82">
        <v>2</v>
      </c>
      <c r="DD33" s="82">
        <v>3</v>
      </c>
      <c r="DE33" s="82">
        <v>0</v>
      </c>
      <c r="DF33" s="84">
        <v>7</v>
      </c>
      <c r="DG33" s="85">
        <v>9</v>
      </c>
      <c r="DH33" s="70">
        <v>0</v>
      </c>
      <c r="DI33" s="71">
        <v>0</v>
      </c>
      <c r="DJ33" s="72">
        <v>0</v>
      </c>
      <c r="DK33" s="276"/>
      <c r="DL33" s="71">
        <v>0</v>
      </c>
      <c r="DM33" s="71">
        <v>0</v>
      </c>
      <c r="DN33" s="71">
        <v>0</v>
      </c>
      <c r="DO33" s="71">
        <v>0</v>
      </c>
      <c r="DP33" s="71">
        <v>0</v>
      </c>
      <c r="DQ33" s="72">
        <v>0</v>
      </c>
      <c r="DR33" s="73">
        <v>0</v>
      </c>
      <c r="DS33" s="70">
        <v>1</v>
      </c>
      <c r="DT33" s="71">
        <v>0</v>
      </c>
      <c r="DU33" s="72">
        <v>1</v>
      </c>
      <c r="DV33" s="276"/>
      <c r="DW33" s="71">
        <v>0</v>
      </c>
      <c r="DX33" s="71">
        <v>0</v>
      </c>
      <c r="DY33" s="71">
        <v>0</v>
      </c>
      <c r="DZ33" s="71">
        <v>0</v>
      </c>
      <c r="EA33" s="71">
        <v>0</v>
      </c>
      <c r="EB33" s="72">
        <v>0</v>
      </c>
      <c r="EC33" s="73">
        <v>1</v>
      </c>
      <c r="ED33" s="70">
        <v>1</v>
      </c>
      <c r="EE33" s="71">
        <v>0</v>
      </c>
      <c r="EF33" s="72">
        <v>1</v>
      </c>
      <c r="EG33" s="276"/>
      <c r="EH33" s="71">
        <v>0</v>
      </c>
      <c r="EI33" s="71">
        <v>0</v>
      </c>
      <c r="EJ33" s="71">
        <v>0</v>
      </c>
      <c r="EK33" s="71">
        <v>0</v>
      </c>
      <c r="EL33" s="71">
        <v>0</v>
      </c>
      <c r="EM33" s="72">
        <v>0</v>
      </c>
      <c r="EN33" s="73">
        <v>1</v>
      </c>
      <c r="EO33" s="70">
        <v>0</v>
      </c>
      <c r="EP33" s="71">
        <v>0</v>
      </c>
      <c r="EQ33" s="72">
        <v>0</v>
      </c>
      <c r="ER33" s="276"/>
      <c r="ES33" s="71">
        <v>1</v>
      </c>
      <c r="ET33" s="71">
        <v>0</v>
      </c>
      <c r="EU33" s="71">
        <v>0</v>
      </c>
      <c r="EV33" s="71">
        <v>0</v>
      </c>
      <c r="EW33" s="71">
        <v>0</v>
      </c>
      <c r="EX33" s="72">
        <v>1</v>
      </c>
      <c r="EY33" s="73">
        <v>1</v>
      </c>
      <c r="EZ33" s="70">
        <v>0</v>
      </c>
      <c r="FA33" s="71">
        <v>0</v>
      </c>
      <c r="FB33" s="72">
        <v>0</v>
      </c>
      <c r="FC33" s="276"/>
      <c r="FD33" s="71">
        <v>1</v>
      </c>
      <c r="FE33" s="71">
        <v>0</v>
      </c>
      <c r="FF33" s="71">
        <v>0</v>
      </c>
      <c r="FG33" s="71">
        <v>2</v>
      </c>
      <c r="FH33" s="71">
        <v>0</v>
      </c>
      <c r="FI33" s="72">
        <v>3</v>
      </c>
      <c r="FJ33" s="73">
        <v>3</v>
      </c>
      <c r="FK33" s="70">
        <v>0</v>
      </c>
      <c r="FL33" s="71">
        <v>0</v>
      </c>
      <c r="FM33" s="72">
        <v>0</v>
      </c>
      <c r="FN33" s="276"/>
      <c r="FO33" s="71">
        <v>0</v>
      </c>
      <c r="FP33" s="71">
        <v>0</v>
      </c>
      <c r="FQ33" s="71">
        <v>2</v>
      </c>
      <c r="FR33" s="71">
        <v>1</v>
      </c>
      <c r="FS33" s="71">
        <v>0</v>
      </c>
      <c r="FT33" s="72">
        <v>3</v>
      </c>
      <c r="FU33" s="73">
        <v>3</v>
      </c>
      <c r="FV33" s="70">
        <v>0</v>
      </c>
      <c r="FW33" s="71">
        <v>0</v>
      </c>
      <c r="FX33" s="72">
        <v>0</v>
      </c>
      <c r="FY33" s="276"/>
      <c r="FZ33" s="71">
        <v>0</v>
      </c>
      <c r="GA33" s="71">
        <v>0</v>
      </c>
      <c r="GB33" s="71">
        <v>0</v>
      </c>
      <c r="GC33" s="71">
        <v>0</v>
      </c>
      <c r="GD33" s="71">
        <v>0</v>
      </c>
      <c r="GE33" s="72">
        <v>0</v>
      </c>
      <c r="GF33" s="73">
        <v>0</v>
      </c>
      <c r="GG33" s="70">
        <v>2</v>
      </c>
      <c r="GH33" s="71">
        <v>0</v>
      </c>
      <c r="GI33" s="72">
        <v>2</v>
      </c>
      <c r="GJ33" s="276"/>
      <c r="GK33" s="71">
        <v>2</v>
      </c>
      <c r="GL33" s="71">
        <v>0</v>
      </c>
      <c r="GM33" s="71">
        <v>2</v>
      </c>
      <c r="GN33" s="71">
        <v>3</v>
      </c>
      <c r="GO33" s="71">
        <v>0</v>
      </c>
      <c r="GP33" s="72">
        <v>7</v>
      </c>
      <c r="GQ33" s="73">
        <v>9</v>
      </c>
      <c r="GR33" s="126">
        <v>5</v>
      </c>
      <c r="GS33" s="82">
        <v>2</v>
      </c>
      <c r="GT33" s="83">
        <v>7</v>
      </c>
      <c r="GU33" s="273"/>
      <c r="GV33" s="82">
        <v>8</v>
      </c>
      <c r="GW33" s="82">
        <v>5</v>
      </c>
      <c r="GX33" s="82">
        <v>5</v>
      </c>
      <c r="GY33" s="82">
        <v>10</v>
      </c>
      <c r="GZ33" s="82">
        <v>1</v>
      </c>
      <c r="HA33" s="84">
        <v>29</v>
      </c>
      <c r="HB33" s="85">
        <v>36</v>
      </c>
      <c r="HC33" s="70">
        <v>0</v>
      </c>
      <c r="HD33" s="71">
        <v>0</v>
      </c>
      <c r="HE33" s="72">
        <v>0</v>
      </c>
      <c r="HF33" s="276"/>
      <c r="HG33" s="71">
        <v>0</v>
      </c>
      <c r="HH33" s="71">
        <v>0</v>
      </c>
      <c r="HI33" s="71">
        <v>0</v>
      </c>
      <c r="HJ33" s="71">
        <v>0</v>
      </c>
      <c r="HK33" s="71">
        <v>0</v>
      </c>
      <c r="HL33" s="72">
        <v>0</v>
      </c>
      <c r="HM33" s="73">
        <v>0</v>
      </c>
      <c r="HN33" s="70">
        <v>1</v>
      </c>
      <c r="HO33" s="71">
        <v>1</v>
      </c>
      <c r="HP33" s="72">
        <v>2</v>
      </c>
      <c r="HQ33" s="276"/>
      <c r="HR33" s="71">
        <v>0</v>
      </c>
      <c r="HS33" s="71">
        <v>0</v>
      </c>
      <c r="HT33" s="71">
        <v>0</v>
      </c>
      <c r="HU33" s="71">
        <v>0</v>
      </c>
      <c r="HV33" s="71">
        <v>0</v>
      </c>
      <c r="HW33" s="72">
        <v>0</v>
      </c>
      <c r="HX33" s="73">
        <v>2</v>
      </c>
      <c r="HY33" s="70">
        <v>1</v>
      </c>
      <c r="HZ33" s="71">
        <v>1</v>
      </c>
      <c r="IA33" s="72">
        <v>2</v>
      </c>
      <c r="IB33" s="276"/>
      <c r="IC33" s="71">
        <v>0</v>
      </c>
      <c r="ID33" s="71">
        <v>0</v>
      </c>
      <c r="IE33" s="71">
        <v>1</v>
      </c>
      <c r="IF33" s="71">
        <v>1</v>
      </c>
      <c r="IG33" s="71">
        <v>0</v>
      </c>
      <c r="IH33" s="72">
        <v>2</v>
      </c>
      <c r="II33" s="73">
        <v>4</v>
      </c>
      <c r="IJ33" s="70">
        <v>0</v>
      </c>
      <c r="IK33" s="71">
        <v>0</v>
      </c>
      <c r="IL33" s="72">
        <v>0</v>
      </c>
      <c r="IM33" s="276"/>
      <c r="IN33" s="71">
        <v>1</v>
      </c>
      <c r="IO33" s="71">
        <v>1</v>
      </c>
      <c r="IP33" s="71">
        <v>1</v>
      </c>
      <c r="IQ33" s="71">
        <v>1</v>
      </c>
      <c r="IR33" s="71">
        <v>0</v>
      </c>
      <c r="IS33" s="72">
        <v>4</v>
      </c>
      <c r="IT33" s="73">
        <v>4</v>
      </c>
      <c r="IU33" s="70">
        <v>2</v>
      </c>
      <c r="IV33" s="71">
        <v>0</v>
      </c>
      <c r="IW33" s="72">
        <v>2</v>
      </c>
      <c r="IX33" s="276"/>
      <c r="IY33" s="71">
        <v>4</v>
      </c>
      <c r="IZ33" s="71">
        <v>0</v>
      </c>
      <c r="JA33" s="71">
        <v>1</v>
      </c>
      <c r="JB33" s="71">
        <v>3</v>
      </c>
      <c r="JC33" s="71">
        <v>0</v>
      </c>
      <c r="JD33" s="72">
        <v>8</v>
      </c>
      <c r="JE33" s="73">
        <v>10</v>
      </c>
      <c r="JF33" s="70">
        <v>1</v>
      </c>
      <c r="JG33" s="71">
        <v>0</v>
      </c>
      <c r="JH33" s="72">
        <v>1</v>
      </c>
      <c r="JI33" s="276"/>
      <c r="JJ33" s="71">
        <v>3</v>
      </c>
      <c r="JK33" s="71">
        <v>4</v>
      </c>
      <c r="JL33" s="71">
        <v>2</v>
      </c>
      <c r="JM33" s="71">
        <v>5</v>
      </c>
      <c r="JN33" s="71">
        <v>1</v>
      </c>
      <c r="JO33" s="72">
        <v>15</v>
      </c>
      <c r="JP33" s="73">
        <v>16</v>
      </c>
      <c r="JQ33" s="70">
        <v>0</v>
      </c>
      <c r="JR33" s="71">
        <v>0</v>
      </c>
      <c r="JS33" s="72">
        <v>0</v>
      </c>
      <c r="JT33" s="276"/>
      <c r="JU33" s="71">
        <v>0</v>
      </c>
      <c r="JV33" s="71">
        <v>0</v>
      </c>
      <c r="JW33" s="71">
        <v>0</v>
      </c>
      <c r="JX33" s="71">
        <v>0</v>
      </c>
      <c r="JY33" s="71">
        <v>0</v>
      </c>
      <c r="JZ33" s="72">
        <v>0</v>
      </c>
      <c r="KA33" s="73">
        <v>0</v>
      </c>
      <c r="KB33" s="70">
        <v>5</v>
      </c>
      <c r="KC33" s="71">
        <v>2</v>
      </c>
      <c r="KD33" s="72">
        <v>7</v>
      </c>
      <c r="KE33" s="276"/>
      <c r="KF33" s="71">
        <v>8</v>
      </c>
      <c r="KG33" s="71">
        <v>5</v>
      </c>
      <c r="KH33" s="71">
        <v>5</v>
      </c>
      <c r="KI33" s="71">
        <v>10</v>
      </c>
      <c r="KJ33" s="71">
        <v>1</v>
      </c>
      <c r="KK33" s="72">
        <v>29</v>
      </c>
      <c r="KL33" s="73">
        <v>36</v>
      </c>
    </row>
    <row r="34" spans="1:298" ht="19.5" customHeight="1" x14ac:dyDescent="0.2">
      <c r="A34" s="129" t="s">
        <v>31</v>
      </c>
      <c r="B34" s="350">
        <v>3</v>
      </c>
      <c r="C34" s="82">
        <v>7</v>
      </c>
      <c r="D34" s="83">
        <v>10</v>
      </c>
      <c r="E34" s="273"/>
      <c r="F34" s="82">
        <v>7</v>
      </c>
      <c r="G34" s="82">
        <v>14</v>
      </c>
      <c r="H34" s="82">
        <v>4</v>
      </c>
      <c r="I34" s="82">
        <v>3</v>
      </c>
      <c r="J34" s="82">
        <v>1</v>
      </c>
      <c r="K34" s="84">
        <v>29</v>
      </c>
      <c r="L34" s="85">
        <v>39</v>
      </c>
      <c r="M34" s="70">
        <v>0</v>
      </c>
      <c r="N34" s="71">
        <v>0</v>
      </c>
      <c r="O34" s="72">
        <v>0</v>
      </c>
      <c r="P34" s="276"/>
      <c r="Q34" s="71">
        <v>0</v>
      </c>
      <c r="R34" s="71">
        <v>0</v>
      </c>
      <c r="S34" s="71">
        <v>0</v>
      </c>
      <c r="T34" s="71">
        <v>0</v>
      </c>
      <c r="U34" s="71">
        <v>0</v>
      </c>
      <c r="V34" s="72">
        <v>0</v>
      </c>
      <c r="W34" s="73">
        <v>0</v>
      </c>
      <c r="X34" s="70">
        <v>0</v>
      </c>
      <c r="Y34" s="71">
        <v>1</v>
      </c>
      <c r="Z34" s="72">
        <v>1</v>
      </c>
      <c r="AA34" s="276"/>
      <c r="AB34" s="71">
        <v>0</v>
      </c>
      <c r="AC34" s="71">
        <v>0</v>
      </c>
      <c r="AD34" s="71">
        <v>0</v>
      </c>
      <c r="AE34" s="71">
        <v>0</v>
      </c>
      <c r="AF34" s="71">
        <v>0</v>
      </c>
      <c r="AG34" s="72">
        <v>0</v>
      </c>
      <c r="AH34" s="73">
        <v>1</v>
      </c>
      <c r="AI34" s="70">
        <v>0</v>
      </c>
      <c r="AJ34" s="71">
        <v>0</v>
      </c>
      <c r="AK34" s="72">
        <v>0</v>
      </c>
      <c r="AL34" s="276"/>
      <c r="AM34" s="71">
        <v>1</v>
      </c>
      <c r="AN34" s="71">
        <v>0</v>
      </c>
      <c r="AO34" s="71">
        <v>0</v>
      </c>
      <c r="AP34" s="71">
        <v>1</v>
      </c>
      <c r="AQ34" s="71">
        <v>0</v>
      </c>
      <c r="AR34" s="72">
        <v>2</v>
      </c>
      <c r="AS34" s="73">
        <v>2</v>
      </c>
      <c r="AT34" s="70">
        <v>0</v>
      </c>
      <c r="AU34" s="71">
        <v>0</v>
      </c>
      <c r="AV34" s="72">
        <v>0</v>
      </c>
      <c r="AW34" s="276"/>
      <c r="AX34" s="71">
        <v>3</v>
      </c>
      <c r="AY34" s="71">
        <v>4</v>
      </c>
      <c r="AZ34" s="71">
        <v>1</v>
      </c>
      <c r="BA34" s="71">
        <v>0</v>
      </c>
      <c r="BB34" s="71">
        <v>0</v>
      </c>
      <c r="BC34" s="72">
        <v>8</v>
      </c>
      <c r="BD34" s="73">
        <v>8</v>
      </c>
      <c r="BE34" s="70">
        <v>1</v>
      </c>
      <c r="BF34" s="71">
        <v>2</v>
      </c>
      <c r="BG34" s="72">
        <v>3</v>
      </c>
      <c r="BH34" s="276"/>
      <c r="BI34" s="71">
        <v>0</v>
      </c>
      <c r="BJ34" s="71">
        <v>5</v>
      </c>
      <c r="BK34" s="71">
        <v>0</v>
      </c>
      <c r="BL34" s="71">
        <v>1</v>
      </c>
      <c r="BM34" s="71">
        <v>0</v>
      </c>
      <c r="BN34" s="72">
        <v>6</v>
      </c>
      <c r="BO34" s="73">
        <v>9</v>
      </c>
      <c r="BP34" s="70">
        <v>2</v>
      </c>
      <c r="BQ34" s="71">
        <v>4</v>
      </c>
      <c r="BR34" s="72">
        <v>6</v>
      </c>
      <c r="BS34" s="276"/>
      <c r="BT34" s="71">
        <v>3</v>
      </c>
      <c r="BU34" s="71">
        <v>5</v>
      </c>
      <c r="BV34" s="71">
        <v>3</v>
      </c>
      <c r="BW34" s="71">
        <v>1</v>
      </c>
      <c r="BX34" s="71">
        <v>1</v>
      </c>
      <c r="BY34" s="72">
        <v>13</v>
      </c>
      <c r="BZ34" s="73">
        <v>19</v>
      </c>
      <c r="CA34" s="70">
        <v>0</v>
      </c>
      <c r="CB34" s="71">
        <v>0</v>
      </c>
      <c r="CC34" s="72">
        <v>0</v>
      </c>
      <c r="CD34" s="276"/>
      <c r="CE34" s="71">
        <v>0</v>
      </c>
      <c r="CF34" s="71">
        <v>0</v>
      </c>
      <c r="CG34" s="71">
        <v>0</v>
      </c>
      <c r="CH34" s="71">
        <v>0</v>
      </c>
      <c r="CI34" s="71">
        <v>0</v>
      </c>
      <c r="CJ34" s="72">
        <v>0</v>
      </c>
      <c r="CK34" s="73">
        <v>0</v>
      </c>
      <c r="CL34" s="70">
        <v>3</v>
      </c>
      <c r="CM34" s="71">
        <v>7</v>
      </c>
      <c r="CN34" s="72">
        <v>10</v>
      </c>
      <c r="CO34" s="276"/>
      <c r="CP34" s="71">
        <v>7</v>
      </c>
      <c r="CQ34" s="71">
        <v>14</v>
      </c>
      <c r="CR34" s="71">
        <v>4</v>
      </c>
      <c r="CS34" s="71">
        <v>3</v>
      </c>
      <c r="CT34" s="71">
        <v>1</v>
      </c>
      <c r="CU34" s="72">
        <v>29</v>
      </c>
      <c r="CV34" s="73">
        <v>39</v>
      </c>
      <c r="CW34" s="126">
        <v>1</v>
      </c>
      <c r="CX34" s="82">
        <v>1</v>
      </c>
      <c r="CY34" s="83">
        <v>2</v>
      </c>
      <c r="CZ34" s="273"/>
      <c r="DA34" s="82">
        <v>2</v>
      </c>
      <c r="DB34" s="82">
        <v>3</v>
      </c>
      <c r="DC34" s="82">
        <v>1</v>
      </c>
      <c r="DD34" s="82">
        <v>0</v>
      </c>
      <c r="DE34" s="82">
        <v>0</v>
      </c>
      <c r="DF34" s="84">
        <v>6</v>
      </c>
      <c r="DG34" s="85">
        <v>8</v>
      </c>
      <c r="DH34" s="70">
        <v>0</v>
      </c>
      <c r="DI34" s="71">
        <v>0</v>
      </c>
      <c r="DJ34" s="72">
        <v>0</v>
      </c>
      <c r="DK34" s="276"/>
      <c r="DL34" s="71">
        <v>0</v>
      </c>
      <c r="DM34" s="71">
        <v>0</v>
      </c>
      <c r="DN34" s="71">
        <v>0</v>
      </c>
      <c r="DO34" s="71">
        <v>0</v>
      </c>
      <c r="DP34" s="71">
        <v>0</v>
      </c>
      <c r="DQ34" s="72">
        <v>0</v>
      </c>
      <c r="DR34" s="73">
        <v>0</v>
      </c>
      <c r="DS34" s="70">
        <v>0</v>
      </c>
      <c r="DT34" s="71">
        <v>0</v>
      </c>
      <c r="DU34" s="72">
        <v>0</v>
      </c>
      <c r="DV34" s="276"/>
      <c r="DW34" s="71">
        <v>0</v>
      </c>
      <c r="DX34" s="71">
        <v>0</v>
      </c>
      <c r="DY34" s="71">
        <v>0</v>
      </c>
      <c r="DZ34" s="71">
        <v>0</v>
      </c>
      <c r="EA34" s="71">
        <v>0</v>
      </c>
      <c r="EB34" s="72">
        <v>0</v>
      </c>
      <c r="EC34" s="73">
        <v>0</v>
      </c>
      <c r="ED34" s="70">
        <v>1</v>
      </c>
      <c r="EE34" s="71">
        <v>0</v>
      </c>
      <c r="EF34" s="72">
        <v>1</v>
      </c>
      <c r="EG34" s="276"/>
      <c r="EH34" s="71">
        <v>0</v>
      </c>
      <c r="EI34" s="71">
        <v>0</v>
      </c>
      <c r="EJ34" s="71">
        <v>0</v>
      </c>
      <c r="EK34" s="71">
        <v>0</v>
      </c>
      <c r="EL34" s="71">
        <v>0</v>
      </c>
      <c r="EM34" s="72">
        <v>0</v>
      </c>
      <c r="EN34" s="73">
        <v>1</v>
      </c>
      <c r="EO34" s="70">
        <v>0</v>
      </c>
      <c r="EP34" s="71">
        <v>0</v>
      </c>
      <c r="EQ34" s="72">
        <v>0</v>
      </c>
      <c r="ER34" s="276"/>
      <c r="ES34" s="71">
        <v>0</v>
      </c>
      <c r="ET34" s="71">
        <v>1</v>
      </c>
      <c r="EU34" s="71">
        <v>0</v>
      </c>
      <c r="EV34" s="71">
        <v>0</v>
      </c>
      <c r="EW34" s="71">
        <v>0</v>
      </c>
      <c r="EX34" s="72">
        <v>1</v>
      </c>
      <c r="EY34" s="73">
        <v>1</v>
      </c>
      <c r="EZ34" s="70">
        <v>0</v>
      </c>
      <c r="FA34" s="71">
        <v>1</v>
      </c>
      <c r="FB34" s="72">
        <v>1</v>
      </c>
      <c r="FC34" s="276"/>
      <c r="FD34" s="71">
        <v>0</v>
      </c>
      <c r="FE34" s="71">
        <v>0</v>
      </c>
      <c r="FF34" s="71">
        <v>0</v>
      </c>
      <c r="FG34" s="71">
        <v>0</v>
      </c>
      <c r="FH34" s="71">
        <v>0</v>
      </c>
      <c r="FI34" s="72">
        <v>0</v>
      </c>
      <c r="FJ34" s="73">
        <v>1</v>
      </c>
      <c r="FK34" s="70">
        <v>0</v>
      </c>
      <c r="FL34" s="71">
        <v>0</v>
      </c>
      <c r="FM34" s="72">
        <v>0</v>
      </c>
      <c r="FN34" s="276"/>
      <c r="FO34" s="71">
        <v>2</v>
      </c>
      <c r="FP34" s="71">
        <v>2</v>
      </c>
      <c r="FQ34" s="71">
        <v>1</v>
      </c>
      <c r="FR34" s="71">
        <v>0</v>
      </c>
      <c r="FS34" s="71">
        <v>0</v>
      </c>
      <c r="FT34" s="72">
        <v>5</v>
      </c>
      <c r="FU34" s="73">
        <v>5</v>
      </c>
      <c r="FV34" s="70">
        <v>0</v>
      </c>
      <c r="FW34" s="71">
        <v>0</v>
      </c>
      <c r="FX34" s="72">
        <v>0</v>
      </c>
      <c r="FY34" s="276"/>
      <c r="FZ34" s="71">
        <v>0</v>
      </c>
      <c r="GA34" s="71">
        <v>0</v>
      </c>
      <c r="GB34" s="71">
        <v>0</v>
      </c>
      <c r="GC34" s="71">
        <v>0</v>
      </c>
      <c r="GD34" s="71">
        <v>0</v>
      </c>
      <c r="GE34" s="72">
        <v>0</v>
      </c>
      <c r="GF34" s="73">
        <v>0</v>
      </c>
      <c r="GG34" s="70">
        <v>1</v>
      </c>
      <c r="GH34" s="71">
        <v>1</v>
      </c>
      <c r="GI34" s="72">
        <v>2</v>
      </c>
      <c r="GJ34" s="276"/>
      <c r="GK34" s="71">
        <v>2</v>
      </c>
      <c r="GL34" s="71">
        <v>3</v>
      </c>
      <c r="GM34" s="71">
        <v>1</v>
      </c>
      <c r="GN34" s="71">
        <v>0</v>
      </c>
      <c r="GO34" s="71">
        <v>0</v>
      </c>
      <c r="GP34" s="72">
        <v>6</v>
      </c>
      <c r="GQ34" s="73">
        <v>8</v>
      </c>
      <c r="GR34" s="126">
        <v>4</v>
      </c>
      <c r="GS34" s="82">
        <v>8</v>
      </c>
      <c r="GT34" s="83">
        <v>12</v>
      </c>
      <c r="GU34" s="273"/>
      <c r="GV34" s="82">
        <v>9</v>
      </c>
      <c r="GW34" s="82">
        <v>17</v>
      </c>
      <c r="GX34" s="82">
        <v>5</v>
      </c>
      <c r="GY34" s="82">
        <v>3</v>
      </c>
      <c r="GZ34" s="82">
        <v>1</v>
      </c>
      <c r="HA34" s="84">
        <v>35</v>
      </c>
      <c r="HB34" s="85">
        <v>47</v>
      </c>
      <c r="HC34" s="70">
        <v>0</v>
      </c>
      <c r="HD34" s="71">
        <v>0</v>
      </c>
      <c r="HE34" s="72">
        <v>0</v>
      </c>
      <c r="HF34" s="276"/>
      <c r="HG34" s="71">
        <v>0</v>
      </c>
      <c r="HH34" s="71">
        <v>0</v>
      </c>
      <c r="HI34" s="71">
        <v>0</v>
      </c>
      <c r="HJ34" s="71">
        <v>0</v>
      </c>
      <c r="HK34" s="71">
        <v>0</v>
      </c>
      <c r="HL34" s="72">
        <v>0</v>
      </c>
      <c r="HM34" s="73">
        <v>0</v>
      </c>
      <c r="HN34" s="70">
        <v>0</v>
      </c>
      <c r="HO34" s="71">
        <v>1</v>
      </c>
      <c r="HP34" s="72">
        <v>1</v>
      </c>
      <c r="HQ34" s="276"/>
      <c r="HR34" s="71">
        <v>0</v>
      </c>
      <c r="HS34" s="71">
        <v>0</v>
      </c>
      <c r="HT34" s="71">
        <v>0</v>
      </c>
      <c r="HU34" s="71">
        <v>0</v>
      </c>
      <c r="HV34" s="71">
        <v>0</v>
      </c>
      <c r="HW34" s="72">
        <v>0</v>
      </c>
      <c r="HX34" s="73">
        <v>1</v>
      </c>
      <c r="HY34" s="70">
        <v>1</v>
      </c>
      <c r="HZ34" s="71">
        <v>0</v>
      </c>
      <c r="IA34" s="72">
        <v>1</v>
      </c>
      <c r="IB34" s="276"/>
      <c r="IC34" s="71">
        <v>1</v>
      </c>
      <c r="ID34" s="71">
        <v>0</v>
      </c>
      <c r="IE34" s="71">
        <v>0</v>
      </c>
      <c r="IF34" s="71">
        <v>1</v>
      </c>
      <c r="IG34" s="71">
        <v>0</v>
      </c>
      <c r="IH34" s="72">
        <v>2</v>
      </c>
      <c r="II34" s="73">
        <v>3</v>
      </c>
      <c r="IJ34" s="70">
        <v>0</v>
      </c>
      <c r="IK34" s="71">
        <v>0</v>
      </c>
      <c r="IL34" s="72">
        <v>0</v>
      </c>
      <c r="IM34" s="276"/>
      <c r="IN34" s="71">
        <v>3</v>
      </c>
      <c r="IO34" s="71">
        <v>5</v>
      </c>
      <c r="IP34" s="71">
        <v>1</v>
      </c>
      <c r="IQ34" s="71">
        <v>0</v>
      </c>
      <c r="IR34" s="71">
        <v>0</v>
      </c>
      <c r="IS34" s="72">
        <v>9</v>
      </c>
      <c r="IT34" s="73">
        <v>9</v>
      </c>
      <c r="IU34" s="70">
        <v>1</v>
      </c>
      <c r="IV34" s="71">
        <v>3</v>
      </c>
      <c r="IW34" s="72">
        <v>4</v>
      </c>
      <c r="IX34" s="276"/>
      <c r="IY34" s="71">
        <v>0</v>
      </c>
      <c r="IZ34" s="71">
        <v>5</v>
      </c>
      <c r="JA34" s="71">
        <v>0</v>
      </c>
      <c r="JB34" s="71">
        <v>1</v>
      </c>
      <c r="JC34" s="71">
        <v>0</v>
      </c>
      <c r="JD34" s="72">
        <v>6</v>
      </c>
      <c r="JE34" s="73">
        <v>10</v>
      </c>
      <c r="JF34" s="70">
        <v>2</v>
      </c>
      <c r="JG34" s="71">
        <v>4</v>
      </c>
      <c r="JH34" s="72">
        <v>6</v>
      </c>
      <c r="JI34" s="276"/>
      <c r="JJ34" s="71">
        <v>5</v>
      </c>
      <c r="JK34" s="71">
        <v>7</v>
      </c>
      <c r="JL34" s="71">
        <v>4</v>
      </c>
      <c r="JM34" s="71">
        <v>1</v>
      </c>
      <c r="JN34" s="71">
        <v>1</v>
      </c>
      <c r="JO34" s="72">
        <v>18</v>
      </c>
      <c r="JP34" s="73">
        <v>24</v>
      </c>
      <c r="JQ34" s="70">
        <v>0</v>
      </c>
      <c r="JR34" s="71">
        <v>0</v>
      </c>
      <c r="JS34" s="72">
        <v>0</v>
      </c>
      <c r="JT34" s="276"/>
      <c r="JU34" s="71">
        <v>0</v>
      </c>
      <c r="JV34" s="71">
        <v>0</v>
      </c>
      <c r="JW34" s="71">
        <v>0</v>
      </c>
      <c r="JX34" s="71">
        <v>0</v>
      </c>
      <c r="JY34" s="71">
        <v>0</v>
      </c>
      <c r="JZ34" s="72">
        <v>0</v>
      </c>
      <c r="KA34" s="73">
        <v>0</v>
      </c>
      <c r="KB34" s="70">
        <v>4</v>
      </c>
      <c r="KC34" s="71">
        <v>8</v>
      </c>
      <c r="KD34" s="72">
        <v>12</v>
      </c>
      <c r="KE34" s="276"/>
      <c r="KF34" s="71">
        <v>9</v>
      </c>
      <c r="KG34" s="71">
        <v>17</v>
      </c>
      <c r="KH34" s="71">
        <v>5</v>
      </c>
      <c r="KI34" s="71">
        <v>3</v>
      </c>
      <c r="KJ34" s="71">
        <v>1</v>
      </c>
      <c r="KK34" s="72">
        <v>35</v>
      </c>
      <c r="KL34" s="73">
        <v>47</v>
      </c>
    </row>
    <row r="35" spans="1:298" ht="19.5" customHeight="1" x14ac:dyDescent="0.2">
      <c r="A35" s="129" t="s">
        <v>32</v>
      </c>
      <c r="B35" s="350">
        <v>1</v>
      </c>
      <c r="C35" s="82">
        <v>3</v>
      </c>
      <c r="D35" s="83">
        <v>4</v>
      </c>
      <c r="E35" s="273"/>
      <c r="F35" s="82">
        <v>11</v>
      </c>
      <c r="G35" s="82">
        <v>9</v>
      </c>
      <c r="H35" s="82">
        <v>2</v>
      </c>
      <c r="I35" s="82">
        <v>4</v>
      </c>
      <c r="J35" s="82">
        <v>3</v>
      </c>
      <c r="K35" s="84">
        <v>29</v>
      </c>
      <c r="L35" s="85">
        <v>33</v>
      </c>
      <c r="M35" s="70">
        <v>0</v>
      </c>
      <c r="N35" s="71">
        <v>0</v>
      </c>
      <c r="O35" s="72">
        <v>0</v>
      </c>
      <c r="P35" s="276"/>
      <c r="Q35" s="71">
        <v>0</v>
      </c>
      <c r="R35" s="71">
        <v>0</v>
      </c>
      <c r="S35" s="71">
        <v>0</v>
      </c>
      <c r="T35" s="71">
        <v>0</v>
      </c>
      <c r="U35" s="71">
        <v>0</v>
      </c>
      <c r="V35" s="72">
        <v>0</v>
      </c>
      <c r="W35" s="73">
        <v>0</v>
      </c>
      <c r="X35" s="70">
        <v>0</v>
      </c>
      <c r="Y35" s="71">
        <v>0</v>
      </c>
      <c r="Z35" s="72">
        <v>0</v>
      </c>
      <c r="AA35" s="276"/>
      <c r="AB35" s="71">
        <v>1</v>
      </c>
      <c r="AC35" s="71">
        <v>0</v>
      </c>
      <c r="AD35" s="71">
        <v>0</v>
      </c>
      <c r="AE35" s="71">
        <v>0</v>
      </c>
      <c r="AF35" s="71">
        <v>0</v>
      </c>
      <c r="AG35" s="72">
        <v>1</v>
      </c>
      <c r="AH35" s="73">
        <v>1</v>
      </c>
      <c r="AI35" s="70">
        <v>1</v>
      </c>
      <c r="AJ35" s="71">
        <v>0</v>
      </c>
      <c r="AK35" s="72">
        <v>1</v>
      </c>
      <c r="AL35" s="276"/>
      <c r="AM35" s="71">
        <v>1</v>
      </c>
      <c r="AN35" s="71">
        <v>0</v>
      </c>
      <c r="AO35" s="71">
        <v>0</v>
      </c>
      <c r="AP35" s="71">
        <v>1</v>
      </c>
      <c r="AQ35" s="71">
        <v>0</v>
      </c>
      <c r="AR35" s="72">
        <v>2</v>
      </c>
      <c r="AS35" s="73">
        <v>3</v>
      </c>
      <c r="AT35" s="70">
        <v>0</v>
      </c>
      <c r="AU35" s="71">
        <v>0</v>
      </c>
      <c r="AV35" s="72">
        <v>0</v>
      </c>
      <c r="AW35" s="276"/>
      <c r="AX35" s="71">
        <v>1</v>
      </c>
      <c r="AY35" s="71">
        <v>2</v>
      </c>
      <c r="AZ35" s="71">
        <v>0</v>
      </c>
      <c r="BA35" s="71">
        <v>0</v>
      </c>
      <c r="BB35" s="71">
        <v>2</v>
      </c>
      <c r="BC35" s="72">
        <v>5</v>
      </c>
      <c r="BD35" s="73">
        <v>5</v>
      </c>
      <c r="BE35" s="70">
        <v>0</v>
      </c>
      <c r="BF35" s="71">
        <v>2</v>
      </c>
      <c r="BG35" s="72">
        <v>2</v>
      </c>
      <c r="BH35" s="276"/>
      <c r="BI35" s="71">
        <v>5</v>
      </c>
      <c r="BJ35" s="71">
        <v>3</v>
      </c>
      <c r="BK35" s="71">
        <v>1</v>
      </c>
      <c r="BL35" s="71">
        <v>1</v>
      </c>
      <c r="BM35" s="71">
        <v>1</v>
      </c>
      <c r="BN35" s="72">
        <v>11</v>
      </c>
      <c r="BO35" s="73">
        <v>13</v>
      </c>
      <c r="BP35" s="70">
        <v>0</v>
      </c>
      <c r="BQ35" s="71">
        <v>1</v>
      </c>
      <c r="BR35" s="72">
        <v>1</v>
      </c>
      <c r="BS35" s="276"/>
      <c r="BT35" s="71">
        <v>3</v>
      </c>
      <c r="BU35" s="71">
        <v>4</v>
      </c>
      <c r="BV35" s="71">
        <v>1</v>
      </c>
      <c r="BW35" s="71">
        <v>2</v>
      </c>
      <c r="BX35" s="71">
        <v>0</v>
      </c>
      <c r="BY35" s="72">
        <v>10</v>
      </c>
      <c r="BZ35" s="73">
        <v>11</v>
      </c>
      <c r="CA35" s="70">
        <v>0</v>
      </c>
      <c r="CB35" s="71">
        <v>0</v>
      </c>
      <c r="CC35" s="72">
        <v>0</v>
      </c>
      <c r="CD35" s="276"/>
      <c r="CE35" s="71">
        <v>0</v>
      </c>
      <c r="CF35" s="71">
        <v>0</v>
      </c>
      <c r="CG35" s="71">
        <v>0</v>
      </c>
      <c r="CH35" s="71">
        <v>0</v>
      </c>
      <c r="CI35" s="71">
        <v>0</v>
      </c>
      <c r="CJ35" s="72">
        <v>0</v>
      </c>
      <c r="CK35" s="73">
        <v>0</v>
      </c>
      <c r="CL35" s="70">
        <v>1</v>
      </c>
      <c r="CM35" s="71">
        <v>3</v>
      </c>
      <c r="CN35" s="72">
        <v>4</v>
      </c>
      <c r="CO35" s="276"/>
      <c r="CP35" s="71">
        <v>11</v>
      </c>
      <c r="CQ35" s="71">
        <v>9</v>
      </c>
      <c r="CR35" s="71">
        <v>2</v>
      </c>
      <c r="CS35" s="71">
        <v>4</v>
      </c>
      <c r="CT35" s="71">
        <v>3</v>
      </c>
      <c r="CU35" s="72">
        <v>29</v>
      </c>
      <c r="CV35" s="73">
        <v>33</v>
      </c>
      <c r="CW35" s="126">
        <v>0</v>
      </c>
      <c r="CX35" s="82">
        <v>0</v>
      </c>
      <c r="CY35" s="83">
        <v>0</v>
      </c>
      <c r="CZ35" s="273"/>
      <c r="DA35" s="82">
        <v>1</v>
      </c>
      <c r="DB35" s="82">
        <v>1</v>
      </c>
      <c r="DC35" s="82">
        <v>5</v>
      </c>
      <c r="DD35" s="82">
        <v>4</v>
      </c>
      <c r="DE35" s="82">
        <v>0</v>
      </c>
      <c r="DF35" s="84">
        <v>11</v>
      </c>
      <c r="DG35" s="85">
        <v>11</v>
      </c>
      <c r="DH35" s="70">
        <v>0</v>
      </c>
      <c r="DI35" s="71">
        <v>0</v>
      </c>
      <c r="DJ35" s="72">
        <v>0</v>
      </c>
      <c r="DK35" s="276"/>
      <c r="DL35" s="71">
        <v>1</v>
      </c>
      <c r="DM35" s="71">
        <v>0</v>
      </c>
      <c r="DN35" s="71">
        <v>0</v>
      </c>
      <c r="DO35" s="71">
        <v>0</v>
      </c>
      <c r="DP35" s="71">
        <v>0</v>
      </c>
      <c r="DQ35" s="72">
        <v>1</v>
      </c>
      <c r="DR35" s="73">
        <v>1</v>
      </c>
      <c r="DS35" s="70">
        <v>0</v>
      </c>
      <c r="DT35" s="71">
        <v>0</v>
      </c>
      <c r="DU35" s="72">
        <v>0</v>
      </c>
      <c r="DV35" s="276"/>
      <c r="DW35" s="71">
        <v>0</v>
      </c>
      <c r="DX35" s="71">
        <v>0</v>
      </c>
      <c r="DY35" s="71">
        <v>0</v>
      </c>
      <c r="DZ35" s="71">
        <v>0</v>
      </c>
      <c r="EA35" s="71">
        <v>0</v>
      </c>
      <c r="EB35" s="72">
        <v>0</v>
      </c>
      <c r="EC35" s="73">
        <v>0</v>
      </c>
      <c r="ED35" s="70">
        <v>0</v>
      </c>
      <c r="EE35" s="71">
        <v>0</v>
      </c>
      <c r="EF35" s="72">
        <v>0</v>
      </c>
      <c r="EG35" s="276"/>
      <c r="EH35" s="71">
        <v>0</v>
      </c>
      <c r="EI35" s="71">
        <v>0</v>
      </c>
      <c r="EJ35" s="71">
        <v>0</v>
      </c>
      <c r="EK35" s="71">
        <v>0</v>
      </c>
      <c r="EL35" s="71">
        <v>0</v>
      </c>
      <c r="EM35" s="72">
        <v>0</v>
      </c>
      <c r="EN35" s="73">
        <v>0</v>
      </c>
      <c r="EO35" s="70">
        <v>0</v>
      </c>
      <c r="EP35" s="71">
        <v>0</v>
      </c>
      <c r="EQ35" s="72">
        <v>0</v>
      </c>
      <c r="ER35" s="276"/>
      <c r="ES35" s="71">
        <v>0</v>
      </c>
      <c r="ET35" s="71">
        <v>0</v>
      </c>
      <c r="EU35" s="71">
        <v>1</v>
      </c>
      <c r="EV35" s="71">
        <v>0</v>
      </c>
      <c r="EW35" s="71">
        <v>0</v>
      </c>
      <c r="EX35" s="72">
        <v>1</v>
      </c>
      <c r="EY35" s="73">
        <v>1</v>
      </c>
      <c r="EZ35" s="70">
        <v>0</v>
      </c>
      <c r="FA35" s="71">
        <v>0</v>
      </c>
      <c r="FB35" s="72">
        <v>0</v>
      </c>
      <c r="FC35" s="276"/>
      <c r="FD35" s="71">
        <v>0</v>
      </c>
      <c r="FE35" s="71">
        <v>0</v>
      </c>
      <c r="FF35" s="71">
        <v>3</v>
      </c>
      <c r="FG35" s="71">
        <v>1</v>
      </c>
      <c r="FH35" s="71">
        <v>0</v>
      </c>
      <c r="FI35" s="72">
        <v>4</v>
      </c>
      <c r="FJ35" s="73">
        <v>4</v>
      </c>
      <c r="FK35" s="70">
        <v>0</v>
      </c>
      <c r="FL35" s="71">
        <v>0</v>
      </c>
      <c r="FM35" s="72">
        <v>0</v>
      </c>
      <c r="FN35" s="276"/>
      <c r="FO35" s="71">
        <v>0</v>
      </c>
      <c r="FP35" s="71">
        <v>1</v>
      </c>
      <c r="FQ35" s="71">
        <v>1</v>
      </c>
      <c r="FR35" s="71">
        <v>3</v>
      </c>
      <c r="FS35" s="71">
        <v>0</v>
      </c>
      <c r="FT35" s="72">
        <v>5</v>
      </c>
      <c r="FU35" s="73">
        <v>5</v>
      </c>
      <c r="FV35" s="70">
        <v>0</v>
      </c>
      <c r="FW35" s="71">
        <v>0</v>
      </c>
      <c r="FX35" s="72">
        <v>0</v>
      </c>
      <c r="FY35" s="276"/>
      <c r="FZ35" s="71">
        <v>0</v>
      </c>
      <c r="GA35" s="71">
        <v>0</v>
      </c>
      <c r="GB35" s="71">
        <v>0</v>
      </c>
      <c r="GC35" s="71">
        <v>0</v>
      </c>
      <c r="GD35" s="71">
        <v>0</v>
      </c>
      <c r="GE35" s="72">
        <v>0</v>
      </c>
      <c r="GF35" s="73">
        <v>0</v>
      </c>
      <c r="GG35" s="70">
        <v>0</v>
      </c>
      <c r="GH35" s="71">
        <v>0</v>
      </c>
      <c r="GI35" s="72">
        <v>0</v>
      </c>
      <c r="GJ35" s="276"/>
      <c r="GK35" s="71">
        <v>1</v>
      </c>
      <c r="GL35" s="71">
        <v>1</v>
      </c>
      <c r="GM35" s="71">
        <v>5</v>
      </c>
      <c r="GN35" s="71">
        <v>4</v>
      </c>
      <c r="GO35" s="71">
        <v>0</v>
      </c>
      <c r="GP35" s="72">
        <v>11</v>
      </c>
      <c r="GQ35" s="73">
        <v>11</v>
      </c>
      <c r="GR35" s="126">
        <v>1</v>
      </c>
      <c r="GS35" s="82">
        <v>3</v>
      </c>
      <c r="GT35" s="83">
        <v>4</v>
      </c>
      <c r="GU35" s="273"/>
      <c r="GV35" s="82">
        <v>12</v>
      </c>
      <c r="GW35" s="82">
        <v>10</v>
      </c>
      <c r="GX35" s="82">
        <v>7</v>
      </c>
      <c r="GY35" s="82">
        <v>8</v>
      </c>
      <c r="GZ35" s="82">
        <v>3</v>
      </c>
      <c r="HA35" s="84">
        <v>40</v>
      </c>
      <c r="HB35" s="85">
        <v>44</v>
      </c>
      <c r="HC35" s="70">
        <v>0</v>
      </c>
      <c r="HD35" s="71">
        <v>0</v>
      </c>
      <c r="HE35" s="72">
        <v>0</v>
      </c>
      <c r="HF35" s="276"/>
      <c r="HG35" s="71">
        <v>1</v>
      </c>
      <c r="HH35" s="71">
        <v>0</v>
      </c>
      <c r="HI35" s="71">
        <v>0</v>
      </c>
      <c r="HJ35" s="71">
        <v>0</v>
      </c>
      <c r="HK35" s="71">
        <v>0</v>
      </c>
      <c r="HL35" s="72">
        <v>1</v>
      </c>
      <c r="HM35" s="73">
        <v>1</v>
      </c>
      <c r="HN35" s="70">
        <v>0</v>
      </c>
      <c r="HO35" s="71">
        <v>0</v>
      </c>
      <c r="HP35" s="72">
        <v>0</v>
      </c>
      <c r="HQ35" s="276"/>
      <c r="HR35" s="71">
        <v>1</v>
      </c>
      <c r="HS35" s="71">
        <v>0</v>
      </c>
      <c r="HT35" s="71">
        <v>0</v>
      </c>
      <c r="HU35" s="71">
        <v>0</v>
      </c>
      <c r="HV35" s="71">
        <v>0</v>
      </c>
      <c r="HW35" s="72">
        <v>1</v>
      </c>
      <c r="HX35" s="73">
        <v>1</v>
      </c>
      <c r="HY35" s="70">
        <v>1</v>
      </c>
      <c r="HZ35" s="71">
        <v>0</v>
      </c>
      <c r="IA35" s="72">
        <v>1</v>
      </c>
      <c r="IB35" s="276"/>
      <c r="IC35" s="71">
        <v>1</v>
      </c>
      <c r="ID35" s="71">
        <v>0</v>
      </c>
      <c r="IE35" s="71">
        <v>0</v>
      </c>
      <c r="IF35" s="71">
        <v>1</v>
      </c>
      <c r="IG35" s="71">
        <v>0</v>
      </c>
      <c r="IH35" s="72">
        <v>2</v>
      </c>
      <c r="II35" s="73">
        <v>3</v>
      </c>
      <c r="IJ35" s="70">
        <v>0</v>
      </c>
      <c r="IK35" s="71">
        <v>0</v>
      </c>
      <c r="IL35" s="72">
        <v>0</v>
      </c>
      <c r="IM35" s="276"/>
      <c r="IN35" s="71">
        <v>1</v>
      </c>
      <c r="IO35" s="71">
        <v>2</v>
      </c>
      <c r="IP35" s="71">
        <v>1</v>
      </c>
      <c r="IQ35" s="71">
        <v>0</v>
      </c>
      <c r="IR35" s="71">
        <v>2</v>
      </c>
      <c r="IS35" s="72">
        <v>6</v>
      </c>
      <c r="IT35" s="73">
        <v>6</v>
      </c>
      <c r="IU35" s="70">
        <v>0</v>
      </c>
      <c r="IV35" s="71">
        <v>2</v>
      </c>
      <c r="IW35" s="72">
        <v>2</v>
      </c>
      <c r="IX35" s="276"/>
      <c r="IY35" s="71">
        <v>5</v>
      </c>
      <c r="IZ35" s="71">
        <v>3</v>
      </c>
      <c r="JA35" s="71">
        <v>4</v>
      </c>
      <c r="JB35" s="71">
        <v>2</v>
      </c>
      <c r="JC35" s="71">
        <v>1</v>
      </c>
      <c r="JD35" s="72">
        <v>15</v>
      </c>
      <c r="JE35" s="73">
        <v>17</v>
      </c>
      <c r="JF35" s="70">
        <v>0</v>
      </c>
      <c r="JG35" s="71">
        <v>1</v>
      </c>
      <c r="JH35" s="72">
        <v>1</v>
      </c>
      <c r="JI35" s="276"/>
      <c r="JJ35" s="71">
        <v>3</v>
      </c>
      <c r="JK35" s="71">
        <v>5</v>
      </c>
      <c r="JL35" s="71">
        <v>2</v>
      </c>
      <c r="JM35" s="71">
        <v>5</v>
      </c>
      <c r="JN35" s="71">
        <v>0</v>
      </c>
      <c r="JO35" s="72">
        <v>15</v>
      </c>
      <c r="JP35" s="73">
        <v>16</v>
      </c>
      <c r="JQ35" s="70">
        <v>0</v>
      </c>
      <c r="JR35" s="71">
        <v>0</v>
      </c>
      <c r="JS35" s="72">
        <v>0</v>
      </c>
      <c r="JT35" s="276"/>
      <c r="JU35" s="71">
        <v>0</v>
      </c>
      <c r="JV35" s="71">
        <v>0</v>
      </c>
      <c r="JW35" s="71">
        <v>0</v>
      </c>
      <c r="JX35" s="71">
        <v>0</v>
      </c>
      <c r="JY35" s="71">
        <v>0</v>
      </c>
      <c r="JZ35" s="72">
        <v>0</v>
      </c>
      <c r="KA35" s="73">
        <v>0</v>
      </c>
      <c r="KB35" s="70">
        <v>1</v>
      </c>
      <c r="KC35" s="71">
        <v>3</v>
      </c>
      <c r="KD35" s="72">
        <v>4</v>
      </c>
      <c r="KE35" s="276"/>
      <c r="KF35" s="71">
        <v>12</v>
      </c>
      <c r="KG35" s="71">
        <v>10</v>
      </c>
      <c r="KH35" s="71">
        <v>7</v>
      </c>
      <c r="KI35" s="71">
        <v>8</v>
      </c>
      <c r="KJ35" s="71">
        <v>3</v>
      </c>
      <c r="KK35" s="72">
        <v>40</v>
      </c>
      <c r="KL35" s="73">
        <v>44</v>
      </c>
    </row>
    <row r="36" spans="1:298" ht="19.5" customHeight="1" x14ac:dyDescent="0.2">
      <c r="A36" s="129" t="s">
        <v>33</v>
      </c>
      <c r="B36" s="350">
        <v>4</v>
      </c>
      <c r="C36" s="82">
        <v>1</v>
      </c>
      <c r="D36" s="83">
        <v>5</v>
      </c>
      <c r="E36" s="273"/>
      <c r="F36" s="82">
        <v>7</v>
      </c>
      <c r="G36" s="82">
        <v>6</v>
      </c>
      <c r="H36" s="82">
        <v>2</v>
      </c>
      <c r="I36" s="82">
        <v>0</v>
      </c>
      <c r="J36" s="82">
        <v>2</v>
      </c>
      <c r="K36" s="84">
        <v>17</v>
      </c>
      <c r="L36" s="85">
        <v>22</v>
      </c>
      <c r="M36" s="70">
        <v>0</v>
      </c>
      <c r="N36" s="71">
        <v>0</v>
      </c>
      <c r="O36" s="72">
        <v>0</v>
      </c>
      <c r="P36" s="276"/>
      <c r="Q36" s="71">
        <v>0</v>
      </c>
      <c r="R36" s="71">
        <v>0</v>
      </c>
      <c r="S36" s="71">
        <v>1</v>
      </c>
      <c r="T36" s="71">
        <v>0</v>
      </c>
      <c r="U36" s="71">
        <v>0</v>
      </c>
      <c r="V36" s="72">
        <v>1</v>
      </c>
      <c r="W36" s="73">
        <v>1</v>
      </c>
      <c r="X36" s="70">
        <v>1</v>
      </c>
      <c r="Y36" s="71">
        <v>0</v>
      </c>
      <c r="Z36" s="72">
        <v>1</v>
      </c>
      <c r="AA36" s="276"/>
      <c r="AB36" s="71">
        <v>0</v>
      </c>
      <c r="AC36" s="71">
        <v>1</v>
      </c>
      <c r="AD36" s="71">
        <v>0</v>
      </c>
      <c r="AE36" s="71">
        <v>0</v>
      </c>
      <c r="AF36" s="71">
        <v>0</v>
      </c>
      <c r="AG36" s="72">
        <v>1</v>
      </c>
      <c r="AH36" s="73">
        <v>2</v>
      </c>
      <c r="AI36" s="70">
        <v>2</v>
      </c>
      <c r="AJ36" s="71">
        <v>0</v>
      </c>
      <c r="AK36" s="72">
        <v>2</v>
      </c>
      <c r="AL36" s="276"/>
      <c r="AM36" s="71">
        <v>1</v>
      </c>
      <c r="AN36" s="71">
        <v>1</v>
      </c>
      <c r="AO36" s="71">
        <v>0</v>
      </c>
      <c r="AP36" s="71">
        <v>0</v>
      </c>
      <c r="AQ36" s="71">
        <v>1</v>
      </c>
      <c r="AR36" s="72">
        <v>3</v>
      </c>
      <c r="AS36" s="73">
        <v>5</v>
      </c>
      <c r="AT36" s="70">
        <v>0</v>
      </c>
      <c r="AU36" s="71">
        <v>0</v>
      </c>
      <c r="AV36" s="72">
        <v>0</v>
      </c>
      <c r="AW36" s="276"/>
      <c r="AX36" s="71">
        <v>2</v>
      </c>
      <c r="AY36" s="71">
        <v>1</v>
      </c>
      <c r="AZ36" s="71">
        <v>0</v>
      </c>
      <c r="BA36" s="71">
        <v>0</v>
      </c>
      <c r="BB36" s="71">
        <v>1</v>
      </c>
      <c r="BC36" s="72">
        <v>4</v>
      </c>
      <c r="BD36" s="73">
        <v>4</v>
      </c>
      <c r="BE36" s="70">
        <v>1</v>
      </c>
      <c r="BF36" s="71">
        <v>0</v>
      </c>
      <c r="BG36" s="72">
        <v>1</v>
      </c>
      <c r="BH36" s="276"/>
      <c r="BI36" s="71">
        <v>0</v>
      </c>
      <c r="BJ36" s="71">
        <v>2</v>
      </c>
      <c r="BK36" s="71">
        <v>1</v>
      </c>
      <c r="BL36" s="71">
        <v>0</v>
      </c>
      <c r="BM36" s="71">
        <v>0</v>
      </c>
      <c r="BN36" s="72">
        <v>3</v>
      </c>
      <c r="BO36" s="73">
        <v>4</v>
      </c>
      <c r="BP36" s="70">
        <v>0</v>
      </c>
      <c r="BQ36" s="71">
        <v>1</v>
      </c>
      <c r="BR36" s="72">
        <v>1</v>
      </c>
      <c r="BS36" s="276"/>
      <c r="BT36" s="71">
        <v>4</v>
      </c>
      <c r="BU36" s="71">
        <v>1</v>
      </c>
      <c r="BV36" s="71">
        <v>0</v>
      </c>
      <c r="BW36" s="71">
        <v>0</v>
      </c>
      <c r="BX36" s="71">
        <v>0</v>
      </c>
      <c r="BY36" s="72">
        <v>5</v>
      </c>
      <c r="BZ36" s="73">
        <v>6</v>
      </c>
      <c r="CA36" s="70">
        <v>0</v>
      </c>
      <c r="CB36" s="71">
        <v>0</v>
      </c>
      <c r="CC36" s="72">
        <v>0</v>
      </c>
      <c r="CD36" s="276"/>
      <c r="CE36" s="71">
        <v>0</v>
      </c>
      <c r="CF36" s="71">
        <v>0</v>
      </c>
      <c r="CG36" s="71">
        <v>0</v>
      </c>
      <c r="CH36" s="71">
        <v>0</v>
      </c>
      <c r="CI36" s="71">
        <v>0</v>
      </c>
      <c r="CJ36" s="72">
        <v>0</v>
      </c>
      <c r="CK36" s="73">
        <v>0</v>
      </c>
      <c r="CL36" s="70">
        <v>4</v>
      </c>
      <c r="CM36" s="71">
        <v>1</v>
      </c>
      <c r="CN36" s="72">
        <v>5</v>
      </c>
      <c r="CO36" s="276"/>
      <c r="CP36" s="71">
        <v>7</v>
      </c>
      <c r="CQ36" s="71">
        <v>6</v>
      </c>
      <c r="CR36" s="71">
        <v>2</v>
      </c>
      <c r="CS36" s="71">
        <v>0</v>
      </c>
      <c r="CT36" s="71">
        <v>2</v>
      </c>
      <c r="CU36" s="72">
        <v>17</v>
      </c>
      <c r="CV36" s="73">
        <v>22</v>
      </c>
      <c r="CW36" s="126">
        <v>1</v>
      </c>
      <c r="CX36" s="82">
        <v>2</v>
      </c>
      <c r="CY36" s="83">
        <v>3</v>
      </c>
      <c r="CZ36" s="273"/>
      <c r="DA36" s="82">
        <v>0</v>
      </c>
      <c r="DB36" s="82">
        <v>0</v>
      </c>
      <c r="DC36" s="82">
        <v>0</v>
      </c>
      <c r="DD36" s="82">
        <v>1</v>
      </c>
      <c r="DE36" s="82">
        <v>0</v>
      </c>
      <c r="DF36" s="84">
        <v>1</v>
      </c>
      <c r="DG36" s="85">
        <v>4</v>
      </c>
      <c r="DH36" s="70">
        <v>0</v>
      </c>
      <c r="DI36" s="71">
        <v>0</v>
      </c>
      <c r="DJ36" s="72">
        <v>0</v>
      </c>
      <c r="DK36" s="276"/>
      <c r="DL36" s="71">
        <v>0</v>
      </c>
      <c r="DM36" s="71">
        <v>0</v>
      </c>
      <c r="DN36" s="71">
        <v>0</v>
      </c>
      <c r="DO36" s="71">
        <v>0</v>
      </c>
      <c r="DP36" s="71">
        <v>0</v>
      </c>
      <c r="DQ36" s="72">
        <v>0</v>
      </c>
      <c r="DR36" s="73">
        <v>0</v>
      </c>
      <c r="DS36" s="70">
        <v>0</v>
      </c>
      <c r="DT36" s="71">
        <v>0</v>
      </c>
      <c r="DU36" s="72">
        <v>0</v>
      </c>
      <c r="DV36" s="276"/>
      <c r="DW36" s="71">
        <v>0</v>
      </c>
      <c r="DX36" s="71">
        <v>0</v>
      </c>
      <c r="DY36" s="71">
        <v>0</v>
      </c>
      <c r="DZ36" s="71">
        <v>0</v>
      </c>
      <c r="EA36" s="71">
        <v>0</v>
      </c>
      <c r="EB36" s="72">
        <v>0</v>
      </c>
      <c r="EC36" s="73">
        <v>0</v>
      </c>
      <c r="ED36" s="70">
        <v>0</v>
      </c>
      <c r="EE36" s="71">
        <v>0</v>
      </c>
      <c r="EF36" s="72">
        <v>0</v>
      </c>
      <c r="EG36" s="276"/>
      <c r="EH36" s="71">
        <v>0</v>
      </c>
      <c r="EI36" s="71">
        <v>0</v>
      </c>
      <c r="EJ36" s="71">
        <v>0</v>
      </c>
      <c r="EK36" s="71">
        <v>0</v>
      </c>
      <c r="EL36" s="71">
        <v>0</v>
      </c>
      <c r="EM36" s="72">
        <v>0</v>
      </c>
      <c r="EN36" s="73">
        <v>0</v>
      </c>
      <c r="EO36" s="70">
        <v>0</v>
      </c>
      <c r="EP36" s="71">
        <v>0</v>
      </c>
      <c r="EQ36" s="72">
        <v>0</v>
      </c>
      <c r="ER36" s="276"/>
      <c r="ES36" s="71">
        <v>0</v>
      </c>
      <c r="ET36" s="71">
        <v>0</v>
      </c>
      <c r="EU36" s="71">
        <v>0</v>
      </c>
      <c r="EV36" s="71">
        <v>0</v>
      </c>
      <c r="EW36" s="71">
        <v>0</v>
      </c>
      <c r="EX36" s="72">
        <v>0</v>
      </c>
      <c r="EY36" s="73">
        <v>0</v>
      </c>
      <c r="EZ36" s="70">
        <v>1</v>
      </c>
      <c r="FA36" s="71">
        <v>0</v>
      </c>
      <c r="FB36" s="72">
        <v>1</v>
      </c>
      <c r="FC36" s="276"/>
      <c r="FD36" s="71">
        <v>0</v>
      </c>
      <c r="FE36" s="71">
        <v>0</v>
      </c>
      <c r="FF36" s="71">
        <v>0</v>
      </c>
      <c r="FG36" s="71">
        <v>1</v>
      </c>
      <c r="FH36" s="71">
        <v>0</v>
      </c>
      <c r="FI36" s="72">
        <v>1</v>
      </c>
      <c r="FJ36" s="73">
        <v>2</v>
      </c>
      <c r="FK36" s="70">
        <v>0</v>
      </c>
      <c r="FL36" s="71">
        <v>2</v>
      </c>
      <c r="FM36" s="72">
        <v>2</v>
      </c>
      <c r="FN36" s="276"/>
      <c r="FO36" s="71">
        <v>0</v>
      </c>
      <c r="FP36" s="71">
        <v>0</v>
      </c>
      <c r="FQ36" s="71">
        <v>0</v>
      </c>
      <c r="FR36" s="71">
        <v>0</v>
      </c>
      <c r="FS36" s="71">
        <v>0</v>
      </c>
      <c r="FT36" s="72">
        <v>0</v>
      </c>
      <c r="FU36" s="73">
        <v>2</v>
      </c>
      <c r="FV36" s="70">
        <v>0</v>
      </c>
      <c r="FW36" s="71">
        <v>0</v>
      </c>
      <c r="FX36" s="72">
        <v>0</v>
      </c>
      <c r="FY36" s="276"/>
      <c r="FZ36" s="71">
        <v>0</v>
      </c>
      <c r="GA36" s="71">
        <v>0</v>
      </c>
      <c r="GB36" s="71">
        <v>0</v>
      </c>
      <c r="GC36" s="71">
        <v>0</v>
      </c>
      <c r="GD36" s="71">
        <v>0</v>
      </c>
      <c r="GE36" s="72">
        <v>0</v>
      </c>
      <c r="GF36" s="73">
        <v>0</v>
      </c>
      <c r="GG36" s="70">
        <v>1</v>
      </c>
      <c r="GH36" s="71">
        <v>2</v>
      </c>
      <c r="GI36" s="72">
        <v>3</v>
      </c>
      <c r="GJ36" s="276"/>
      <c r="GK36" s="71">
        <v>0</v>
      </c>
      <c r="GL36" s="71">
        <v>0</v>
      </c>
      <c r="GM36" s="71">
        <v>0</v>
      </c>
      <c r="GN36" s="71">
        <v>1</v>
      </c>
      <c r="GO36" s="71">
        <v>0</v>
      </c>
      <c r="GP36" s="72">
        <v>1</v>
      </c>
      <c r="GQ36" s="73">
        <v>4</v>
      </c>
      <c r="GR36" s="126">
        <v>5</v>
      </c>
      <c r="GS36" s="82">
        <v>3</v>
      </c>
      <c r="GT36" s="83">
        <v>8</v>
      </c>
      <c r="GU36" s="273"/>
      <c r="GV36" s="82">
        <v>7</v>
      </c>
      <c r="GW36" s="82">
        <v>6</v>
      </c>
      <c r="GX36" s="82">
        <v>2</v>
      </c>
      <c r="GY36" s="82">
        <v>1</v>
      </c>
      <c r="GZ36" s="82">
        <v>2</v>
      </c>
      <c r="HA36" s="84">
        <v>18</v>
      </c>
      <c r="HB36" s="85">
        <v>26</v>
      </c>
      <c r="HC36" s="70">
        <v>0</v>
      </c>
      <c r="HD36" s="71">
        <v>0</v>
      </c>
      <c r="HE36" s="72">
        <v>0</v>
      </c>
      <c r="HF36" s="276"/>
      <c r="HG36" s="71">
        <v>0</v>
      </c>
      <c r="HH36" s="71">
        <v>0</v>
      </c>
      <c r="HI36" s="71">
        <v>1</v>
      </c>
      <c r="HJ36" s="71">
        <v>0</v>
      </c>
      <c r="HK36" s="71">
        <v>0</v>
      </c>
      <c r="HL36" s="72">
        <v>1</v>
      </c>
      <c r="HM36" s="73">
        <v>1</v>
      </c>
      <c r="HN36" s="70">
        <v>1</v>
      </c>
      <c r="HO36" s="71">
        <v>0</v>
      </c>
      <c r="HP36" s="72">
        <v>1</v>
      </c>
      <c r="HQ36" s="276"/>
      <c r="HR36" s="71">
        <v>0</v>
      </c>
      <c r="HS36" s="71">
        <v>1</v>
      </c>
      <c r="HT36" s="71">
        <v>0</v>
      </c>
      <c r="HU36" s="71">
        <v>0</v>
      </c>
      <c r="HV36" s="71">
        <v>0</v>
      </c>
      <c r="HW36" s="72">
        <v>1</v>
      </c>
      <c r="HX36" s="73">
        <v>2</v>
      </c>
      <c r="HY36" s="70">
        <v>2</v>
      </c>
      <c r="HZ36" s="71">
        <v>0</v>
      </c>
      <c r="IA36" s="72">
        <v>2</v>
      </c>
      <c r="IB36" s="276"/>
      <c r="IC36" s="71">
        <v>1</v>
      </c>
      <c r="ID36" s="71">
        <v>1</v>
      </c>
      <c r="IE36" s="71">
        <v>0</v>
      </c>
      <c r="IF36" s="71">
        <v>0</v>
      </c>
      <c r="IG36" s="71">
        <v>1</v>
      </c>
      <c r="IH36" s="72">
        <v>3</v>
      </c>
      <c r="II36" s="73">
        <v>5</v>
      </c>
      <c r="IJ36" s="70">
        <v>0</v>
      </c>
      <c r="IK36" s="71">
        <v>0</v>
      </c>
      <c r="IL36" s="72">
        <v>0</v>
      </c>
      <c r="IM36" s="276"/>
      <c r="IN36" s="71">
        <v>2</v>
      </c>
      <c r="IO36" s="71">
        <v>1</v>
      </c>
      <c r="IP36" s="71">
        <v>0</v>
      </c>
      <c r="IQ36" s="71">
        <v>0</v>
      </c>
      <c r="IR36" s="71">
        <v>1</v>
      </c>
      <c r="IS36" s="72">
        <v>4</v>
      </c>
      <c r="IT36" s="73">
        <v>4</v>
      </c>
      <c r="IU36" s="70">
        <v>2</v>
      </c>
      <c r="IV36" s="71">
        <v>0</v>
      </c>
      <c r="IW36" s="72">
        <v>2</v>
      </c>
      <c r="IX36" s="276"/>
      <c r="IY36" s="71">
        <v>0</v>
      </c>
      <c r="IZ36" s="71">
        <v>2</v>
      </c>
      <c r="JA36" s="71">
        <v>1</v>
      </c>
      <c r="JB36" s="71">
        <v>1</v>
      </c>
      <c r="JC36" s="71">
        <v>0</v>
      </c>
      <c r="JD36" s="72">
        <v>4</v>
      </c>
      <c r="JE36" s="73">
        <v>6</v>
      </c>
      <c r="JF36" s="70">
        <v>0</v>
      </c>
      <c r="JG36" s="71">
        <v>3</v>
      </c>
      <c r="JH36" s="72">
        <v>3</v>
      </c>
      <c r="JI36" s="276"/>
      <c r="JJ36" s="71">
        <v>4</v>
      </c>
      <c r="JK36" s="71">
        <v>1</v>
      </c>
      <c r="JL36" s="71">
        <v>0</v>
      </c>
      <c r="JM36" s="71">
        <v>0</v>
      </c>
      <c r="JN36" s="71">
        <v>0</v>
      </c>
      <c r="JO36" s="72">
        <v>5</v>
      </c>
      <c r="JP36" s="73">
        <v>8</v>
      </c>
      <c r="JQ36" s="70">
        <v>0</v>
      </c>
      <c r="JR36" s="71">
        <v>0</v>
      </c>
      <c r="JS36" s="72">
        <v>0</v>
      </c>
      <c r="JT36" s="276"/>
      <c r="JU36" s="71">
        <v>0</v>
      </c>
      <c r="JV36" s="71">
        <v>0</v>
      </c>
      <c r="JW36" s="71">
        <v>0</v>
      </c>
      <c r="JX36" s="71">
        <v>0</v>
      </c>
      <c r="JY36" s="71">
        <v>0</v>
      </c>
      <c r="JZ36" s="72">
        <v>0</v>
      </c>
      <c r="KA36" s="73">
        <v>0</v>
      </c>
      <c r="KB36" s="70">
        <v>5</v>
      </c>
      <c r="KC36" s="71">
        <v>3</v>
      </c>
      <c r="KD36" s="72">
        <v>8</v>
      </c>
      <c r="KE36" s="276"/>
      <c r="KF36" s="71">
        <v>7</v>
      </c>
      <c r="KG36" s="71">
        <v>6</v>
      </c>
      <c r="KH36" s="71">
        <v>2</v>
      </c>
      <c r="KI36" s="71">
        <v>1</v>
      </c>
      <c r="KJ36" s="71">
        <v>2</v>
      </c>
      <c r="KK36" s="72">
        <v>18</v>
      </c>
      <c r="KL36" s="73">
        <v>26</v>
      </c>
    </row>
    <row r="37" spans="1:298" ht="19.5" customHeight="1" x14ac:dyDescent="0.2">
      <c r="A37" s="129" t="s">
        <v>34</v>
      </c>
      <c r="B37" s="350">
        <v>3</v>
      </c>
      <c r="C37" s="82">
        <v>2</v>
      </c>
      <c r="D37" s="83">
        <v>5</v>
      </c>
      <c r="E37" s="273"/>
      <c r="F37" s="82">
        <v>7</v>
      </c>
      <c r="G37" s="82">
        <v>3</v>
      </c>
      <c r="H37" s="82">
        <v>5</v>
      </c>
      <c r="I37" s="82">
        <v>0</v>
      </c>
      <c r="J37" s="82">
        <v>1</v>
      </c>
      <c r="K37" s="84">
        <v>16</v>
      </c>
      <c r="L37" s="85">
        <v>21</v>
      </c>
      <c r="M37" s="70">
        <v>0</v>
      </c>
      <c r="N37" s="71">
        <v>0</v>
      </c>
      <c r="O37" s="72">
        <v>0</v>
      </c>
      <c r="P37" s="276"/>
      <c r="Q37" s="71">
        <v>1</v>
      </c>
      <c r="R37" s="71">
        <v>1</v>
      </c>
      <c r="S37" s="71">
        <v>0</v>
      </c>
      <c r="T37" s="71">
        <v>0</v>
      </c>
      <c r="U37" s="71">
        <v>0</v>
      </c>
      <c r="V37" s="72">
        <v>2</v>
      </c>
      <c r="W37" s="73">
        <v>2</v>
      </c>
      <c r="X37" s="70">
        <v>0</v>
      </c>
      <c r="Y37" s="71">
        <v>0</v>
      </c>
      <c r="Z37" s="72">
        <v>0</v>
      </c>
      <c r="AA37" s="276"/>
      <c r="AB37" s="71">
        <v>0</v>
      </c>
      <c r="AC37" s="71">
        <v>0</v>
      </c>
      <c r="AD37" s="71">
        <v>0</v>
      </c>
      <c r="AE37" s="71">
        <v>0</v>
      </c>
      <c r="AF37" s="71">
        <v>0</v>
      </c>
      <c r="AG37" s="72">
        <v>0</v>
      </c>
      <c r="AH37" s="73">
        <v>0</v>
      </c>
      <c r="AI37" s="70">
        <v>0</v>
      </c>
      <c r="AJ37" s="71">
        <v>0</v>
      </c>
      <c r="AK37" s="72">
        <v>0</v>
      </c>
      <c r="AL37" s="276"/>
      <c r="AM37" s="71">
        <v>0</v>
      </c>
      <c r="AN37" s="71">
        <v>0</v>
      </c>
      <c r="AO37" s="71">
        <v>0</v>
      </c>
      <c r="AP37" s="71">
        <v>0</v>
      </c>
      <c r="AQ37" s="71">
        <v>0</v>
      </c>
      <c r="AR37" s="72">
        <v>0</v>
      </c>
      <c r="AS37" s="73">
        <v>0</v>
      </c>
      <c r="AT37" s="70">
        <v>1</v>
      </c>
      <c r="AU37" s="71">
        <v>2</v>
      </c>
      <c r="AV37" s="72">
        <v>3</v>
      </c>
      <c r="AW37" s="276"/>
      <c r="AX37" s="71">
        <v>1</v>
      </c>
      <c r="AY37" s="71">
        <v>0</v>
      </c>
      <c r="AZ37" s="71">
        <v>2</v>
      </c>
      <c r="BA37" s="71">
        <v>0</v>
      </c>
      <c r="BB37" s="71">
        <v>0</v>
      </c>
      <c r="BC37" s="72">
        <v>3</v>
      </c>
      <c r="BD37" s="73">
        <v>6</v>
      </c>
      <c r="BE37" s="70">
        <v>1</v>
      </c>
      <c r="BF37" s="71">
        <v>0</v>
      </c>
      <c r="BG37" s="72">
        <v>1</v>
      </c>
      <c r="BH37" s="276"/>
      <c r="BI37" s="71">
        <v>3</v>
      </c>
      <c r="BJ37" s="71">
        <v>1</v>
      </c>
      <c r="BK37" s="71">
        <v>2</v>
      </c>
      <c r="BL37" s="71">
        <v>0</v>
      </c>
      <c r="BM37" s="71">
        <v>0</v>
      </c>
      <c r="BN37" s="72">
        <v>6</v>
      </c>
      <c r="BO37" s="73">
        <v>7</v>
      </c>
      <c r="BP37" s="70">
        <v>1</v>
      </c>
      <c r="BQ37" s="71">
        <v>0</v>
      </c>
      <c r="BR37" s="72">
        <v>1</v>
      </c>
      <c r="BS37" s="276"/>
      <c r="BT37" s="71">
        <v>2</v>
      </c>
      <c r="BU37" s="71">
        <v>1</v>
      </c>
      <c r="BV37" s="71">
        <v>1</v>
      </c>
      <c r="BW37" s="71">
        <v>0</v>
      </c>
      <c r="BX37" s="71">
        <v>1</v>
      </c>
      <c r="BY37" s="72">
        <v>5</v>
      </c>
      <c r="BZ37" s="73">
        <v>6</v>
      </c>
      <c r="CA37" s="70">
        <v>0</v>
      </c>
      <c r="CB37" s="71">
        <v>0</v>
      </c>
      <c r="CC37" s="72">
        <v>0</v>
      </c>
      <c r="CD37" s="276"/>
      <c r="CE37" s="71">
        <v>0</v>
      </c>
      <c r="CF37" s="71">
        <v>0</v>
      </c>
      <c r="CG37" s="71">
        <v>0</v>
      </c>
      <c r="CH37" s="71">
        <v>0</v>
      </c>
      <c r="CI37" s="71">
        <v>0</v>
      </c>
      <c r="CJ37" s="72">
        <v>0</v>
      </c>
      <c r="CK37" s="73">
        <v>0</v>
      </c>
      <c r="CL37" s="70">
        <v>3</v>
      </c>
      <c r="CM37" s="71">
        <v>2</v>
      </c>
      <c r="CN37" s="72">
        <v>5</v>
      </c>
      <c r="CO37" s="276"/>
      <c r="CP37" s="71">
        <v>7</v>
      </c>
      <c r="CQ37" s="71">
        <v>3</v>
      </c>
      <c r="CR37" s="71">
        <v>5</v>
      </c>
      <c r="CS37" s="71">
        <v>0</v>
      </c>
      <c r="CT37" s="71">
        <v>1</v>
      </c>
      <c r="CU37" s="72">
        <v>16</v>
      </c>
      <c r="CV37" s="73">
        <v>21</v>
      </c>
      <c r="CW37" s="126">
        <v>0</v>
      </c>
      <c r="CX37" s="82">
        <v>0</v>
      </c>
      <c r="CY37" s="83">
        <v>0</v>
      </c>
      <c r="CZ37" s="273"/>
      <c r="DA37" s="82">
        <v>1</v>
      </c>
      <c r="DB37" s="82">
        <v>0</v>
      </c>
      <c r="DC37" s="82">
        <v>0</v>
      </c>
      <c r="DD37" s="82">
        <v>0</v>
      </c>
      <c r="DE37" s="82">
        <v>1</v>
      </c>
      <c r="DF37" s="84">
        <v>2</v>
      </c>
      <c r="DG37" s="85">
        <v>2</v>
      </c>
      <c r="DH37" s="70">
        <v>0</v>
      </c>
      <c r="DI37" s="71">
        <v>0</v>
      </c>
      <c r="DJ37" s="72">
        <v>0</v>
      </c>
      <c r="DK37" s="276"/>
      <c r="DL37" s="71">
        <v>0</v>
      </c>
      <c r="DM37" s="71">
        <v>0</v>
      </c>
      <c r="DN37" s="71">
        <v>0</v>
      </c>
      <c r="DO37" s="71">
        <v>0</v>
      </c>
      <c r="DP37" s="71">
        <v>0</v>
      </c>
      <c r="DQ37" s="72">
        <v>0</v>
      </c>
      <c r="DR37" s="73">
        <v>0</v>
      </c>
      <c r="DS37" s="70">
        <v>0</v>
      </c>
      <c r="DT37" s="71">
        <v>0</v>
      </c>
      <c r="DU37" s="72">
        <v>0</v>
      </c>
      <c r="DV37" s="276"/>
      <c r="DW37" s="71">
        <v>0</v>
      </c>
      <c r="DX37" s="71">
        <v>0</v>
      </c>
      <c r="DY37" s="71">
        <v>0</v>
      </c>
      <c r="DZ37" s="71">
        <v>0</v>
      </c>
      <c r="EA37" s="71">
        <v>0</v>
      </c>
      <c r="EB37" s="72">
        <v>0</v>
      </c>
      <c r="EC37" s="73">
        <v>0</v>
      </c>
      <c r="ED37" s="70">
        <v>0</v>
      </c>
      <c r="EE37" s="71">
        <v>0</v>
      </c>
      <c r="EF37" s="72">
        <v>0</v>
      </c>
      <c r="EG37" s="276"/>
      <c r="EH37" s="71">
        <v>0</v>
      </c>
      <c r="EI37" s="71">
        <v>0</v>
      </c>
      <c r="EJ37" s="71">
        <v>0</v>
      </c>
      <c r="EK37" s="71">
        <v>0</v>
      </c>
      <c r="EL37" s="71">
        <v>0</v>
      </c>
      <c r="EM37" s="72">
        <v>0</v>
      </c>
      <c r="EN37" s="73">
        <v>0</v>
      </c>
      <c r="EO37" s="70">
        <v>0</v>
      </c>
      <c r="EP37" s="71">
        <v>0</v>
      </c>
      <c r="EQ37" s="72">
        <v>0</v>
      </c>
      <c r="ER37" s="276"/>
      <c r="ES37" s="71">
        <v>0</v>
      </c>
      <c r="ET37" s="71">
        <v>0</v>
      </c>
      <c r="EU37" s="71">
        <v>0</v>
      </c>
      <c r="EV37" s="71">
        <v>0</v>
      </c>
      <c r="EW37" s="71">
        <v>0</v>
      </c>
      <c r="EX37" s="72">
        <v>0</v>
      </c>
      <c r="EY37" s="73">
        <v>0</v>
      </c>
      <c r="EZ37" s="70">
        <v>0</v>
      </c>
      <c r="FA37" s="71">
        <v>0</v>
      </c>
      <c r="FB37" s="72">
        <v>0</v>
      </c>
      <c r="FC37" s="276"/>
      <c r="FD37" s="71">
        <v>1</v>
      </c>
      <c r="FE37" s="71">
        <v>0</v>
      </c>
      <c r="FF37" s="71">
        <v>0</v>
      </c>
      <c r="FG37" s="71">
        <v>0</v>
      </c>
      <c r="FH37" s="71">
        <v>0</v>
      </c>
      <c r="FI37" s="72">
        <v>1</v>
      </c>
      <c r="FJ37" s="73">
        <v>1</v>
      </c>
      <c r="FK37" s="70">
        <v>0</v>
      </c>
      <c r="FL37" s="71">
        <v>0</v>
      </c>
      <c r="FM37" s="72">
        <v>0</v>
      </c>
      <c r="FN37" s="276"/>
      <c r="FO37" s="71">
        <v>0</v>
      </c>
      <c r="FP37" s="71">
        <v>0</v>
      </c>
      <c r="FQ37" s="71">
        <v>0</v>
      </c>
      <c r="FR37" s="71">
        <v>0</v>
      </c>
      <c r="FS37" s="71">
        <v>1</v>
      </c>
      <c r="FT37" s="72">
        <v>1</v>
      </c>
      <c r="FU37" s="73">
        <v>1</v>
      </c>
      <c r="FV37" s="70">
        <v>0</v>
      </c>
      <c r="FW37" s="71">
        <v>0</v>
      </c>
      <c r="FX37" s="72">
        <v>0</v>
      </c>
      <c r="FY37" s="276"/>
      <c r="FZ37" s="71">
        <v>0</v>
      </c>
      <c r="GA37" s="71">
        <v>0</v>
      </c>
      <c r="GB37" s="71">
        <v>0</v>
      </c>
      <c r="GC37" s="71">
        <v>0</v>
      </c>
      <c r="GD37" s="71">
        <v>0</v>
      </c>
      <c r="GE37" s="72">
        <v>0</v>
      </c>
      <c r="GF37" s="73">
        <v>0</v>
      </c>
      <c r="GG37" s="70">
        <v>0</v>
      </c>
      <c r="GH37" s="71">
        <v>0</v>
      </c>
      <c r="GI37" s="72">
        <v>0</v>
      </c>
      <c r="GJ37" s="276"/>
      <c r="GK37" s="71">
        <v>1</v>
      </c>
      <c r="GL37" s="71">
        <v>0</v>
      </c>
      <c r="GM37" s="71">
        <v>0</v>
      </c>
      <c r="GN37" s="71">
        <v>0</v>
      </c>
      <c r="GO37" s="71">
        <v>1</v>
      </c>
      <c r="GP37" s="72">
        <v>2</v>
      </c>
      <c r="GQ37" s="73">
        <v>2</v>
      </c>
      <c r="GR37" s="126">
        <v>3</v>
      </c>
      <c r="GS37" s="82">
        <v>2</v>
      </c>
      <c r="GT37" s="83">
        <v>5</v>
      </c>
      <c r="GU37" s="273"/>
      <c r="GV37" s="82">
        <v>8</v>
      </c>
      <c r="GW37" s="82">
        <v>3</v>
      </c>
      <c r="GX37" s="82">
        <v>5</v>
      </c>
      <c r="GY37" s="82">
        <v>0</v>
      </c>
      <c r="GZ37" s="82">
        <v>2</v>
      </c>
      <c r="HA37" s="84">
        <v>18</v>
      </c>
      <c r="HB37" s="85">
        <v>23</v>
      </c>
      <c r="HC37" s="70">
        <v>0</v>
      </c>
      <c r="HD37" s="71">
        <v>0</v>
      </c>
      <c r="HE37" s="72">
        <v>0</v>
      </c>
      <c r="HF37" s="276"/>
      <c r="HG37" s="71">
        <v>1</v>
      </c>
      <c r="HH37" s="71">
        <v>1</v>
      </c>
      <c r="HI37" s="71">
        <v>0</v>
      </c>
      <c r="HJ37" s="71">
        <v>0</v>
      </c>
      <c r="HK37" s="71">
        <v>0</v>
      </c>
      <c r="HL37" s="72">
        <v>2</v>
      </c>
      <c r="HM37" s="73">
        <v>2</v>
      </c>
      <c r="HN37" s="70">
        <v>0</v>
      </c>
      <c r="HO37" s="71">
        <v>0</v>
      </c>
      <c r="HP37" s="72">
        <v>0</v>
      </c>
      <c r="HQ37" s="276"/>
      <c r="HR37" s="71">
        <v>0</v>
      </c>
      <c r="HS37" s="71">
        <v>0</v>
      </c>
      <c r="HT37" s="71">
        <v>0</v>
      </c>
      <c r="HU37" s="71">
        <v>0</v>
      </c>
      <c r="HV37" s="71">
        <v>0</v>
      </c>
      <c r="HW37" s="72">
        <v>0</v>
      </c>
      <c r="HX37" s="73">
        <v>0</v>
      </c>
      <c r="HY37" s="70">
        <v>0</v>
      </c>
      <c r="HZ37" s="71">
        <v>0</v>
      </c>
      <c r="IA37" s="72">
        <v>0</v>
      </c>
      <c r="IB37" s="276"/>
      <c r="IC37" s="71">
        <v>0</v>
      </c>
      <c r="ID37" s="71">
        <v>0</v>
      </c>
      <c r="IE37" s="71">
        <v>0</v>
      </c>
      <c r="IF37" s="71">
        <v>0</v>
      </c>
      <c r="IG37" s="71">
        <v>0</v>
      </c>
      <c r="IH37" s="72">
        <v>0</v>
      </c>
      <c r="II37" s="73">
        <v>0</v>
      </c>
      <c r="IJ37" s="70">
        <v>1</v>
      </c>
      <c r="IK37" s="71">
        <v>2</v>
      </c>
      <c r="IL37" s="72">
        <v>3</v>
      </c>
      <c r="IM37" s="276"/>
      <c r="IN37" s="71">
        <v>1</v>
      </c>
      <c r="IO37" s="71">
        <v>0</v>
      </c>
      <c r="IP37" s="71">
        <v>2</v>
      </c>
      <c r="IQ37" s="71">
        <v>0</v>
      </c>
      <c r="IR37" s="71">
        <v>0</v>
      </c>
      <c r="IS37" s="72">
        <v>3</v>
      </c>
      <c r="IT37" s="73">
        <v>6</v>
      </c>
      <c r="IU37" s="70">
        <v>1</v>
      </c>
      <c r="IV37" s="71">
        <v>0</v>
      </c>
      <c r="IW37" s="72">
        <v>1</v>
      </c>
      <c r="IX37" s="276"/>
      <c r="IY37" s="71">
        <v>4</v>
      </c>
      <c r="IZ37" s="71">
        <v>1</v>
      </c>
      <c r="JA37" s="71">
        <v>2</v>
      </c>
      <c r="JB37" s="71">
        <v>0</v>
      </c>
      <c r="JC37" s="71">
        <v>0</v>
      </c>
      <c r="JD37" s="72">
        <v>7</v>
      </c>
      <c r="JE37" s="73">
        <v>8</v>
      </c>
      <c r="JF37" s="70">
        <v>1</v>
      </c>
      <c r="JG37" s="71">
        <v>0</v>
      </c>
      <c r="JH37" s="72">
        <v>1</v>
      </c>
      <c r="JI37" s="276"/>
      <c r="JJ37" s="71">
        <v>2</v>
      </c>
      <c r="JK37" s="71">
        <v>1</v>
      </c>
      <c r="JL37" s="71">
        <v>1</v>
      </c>
      <c r="JM37" s="71">
        <v>0</v>
      </c>
      <c r="JN37" s="71">
        <v>2</v>
      </c>
      <c r="JO37" s="72">
        <v>6</v>
      </c>
      <c r="JP37" s="73">
        <v>7</v>
      </c>
      <c r="JQ37" s="70">
        <v>0</v>
      </c>
      <c r="JR37" s="71">
        <v>0</v>
      </c>
      <c r="JS37" s="72">
        <v>0</v>
      </c>
      <c r="JT37" s="276"/>
      <c r="JU37" s="71">
        <v>0</v>
      </c>
      <c r="JV37" s="71">
        <v>0</v>
      </c>
      <c r="JW37" s="71">
        <v>0</v>
      </c>
      <c r="JX37" s="71">
        <v>0</v>
      </c>
      <c r="JY37" s="71">
        <v>0</v>
      </c>
      <c r="JZ37" s="72">
        <v>0</v>
      </c>
      <c r="KA37" s="73">
        <v>0</v>
      </c>
      <c r="KB37" s="70">
        <v>3</v>
      </c>
      <c r="KC37" s="71">
        <v>2</v>
      </c>
      <c r="KD37" s="72">
        <v>5</v>
      </c>
      <c r="KE37" s="276"/>
      <c r="KF37" s="71">
        <v>8</v>
      </c>
      <c r="KG37" s="71">
        <v>3</v>
      </c>
      <c r="KH37" s="71">
        <v>5</v>
      </c>
      <c r="KI37" s="71">
        <v>0</v>
      </c>
      <c r="KJ37" s="71">
        <v>2</v>
      </c>
      <c r="KK37" s="72">
        <v>18</v>
      </c>
      <c r="KL37" s="73">
        <v>23</v>
      </c>
    </row>
    <row r="38" spans="1:298" ht="19.5" customHeight="1" x14ac:dyDescent="0.2">
      <c r="A38" s="129" t="s">
        <v>35</v>
      </c>
      <c r="B38" s="350">
        <v>10</v>
      </c>
      <c r="C38" s="82">
        <v>6</v>
      </c>
      <c r="D38" s="83">
        <v>16</v>
      </c>
      <c r="E38" s="273"/>
      <c r="F38" s="82">
        <v>18</v>
      </c>
      <c r="G38" s="82">
        <v>13</v>
      </c>
      <c r="H38" s="82">
        <v>6</v>
      </c>
      <c r="I38" s="82">
        <v>7</v>
      </c>
      <c r="J38" s="82">
        <v>2</v>
      </c>
      <c r="K38" s="84">
        <v>46</v>
      </c>
      <c r="L38" s="85">
        <v>62</v>
      </c>
      <c r="M38" s="70">
        <v>0</v>
      </c>
      <c r="N38" s="71">
        <v>0</v>
      </c>
      <c r="O38" s="72">
        <v>0</v>
      </c>
      <c r="P38" s="276"/>
      <c r="Q38" s="71">
        <v>0</v>
      </c>
      <c r="R38" s="71">
        <v>0</v>
      </c>
      <c r="S38" s="71">
        <v>0</v>
      </c>
      <c r="T38" s="71">
        <v>0</v>
      </c>
      <c r="U38" s="71">
        <v>0</v>
      </c>
      <c r="V38" s="72">
        <v>0</v>
      </c>
      <c r="W38" s="73">
        <v>0</v>
      </c>
      <c r="X38" s="70">
        <v>1</v>
      </c>
      <c r="Y38" s="71">
        <v>1</v>
      </c>
      <c r="Z38" s="72">
        <v>2</v>
      </c>
      <c r="AA38" s="276"/>
      <c r="AB38" s="71">
        <v>0</v>
      </c>
      <c r="AC38" s="71">
        <v>0</v>
      </c>
      <c r="AD38" s="71">
        <v>0</v>
      </c>
      <c r="AE38" s="71">
        <v>0</v>
      </c>
      <c r="AF38" s="71">
        <v>0</v>
      </c>
      <c r="AG38" s="72">
        <v>0</v>
      </c>
      <c r="AH38" s="73">
        <v>2</v>
      </c>
      <c r="AI38" s="70">
        <v>0</v>
      </c>
      <c r="AJ38" s="71">
        <v>1</v>
      </c>
      <c r="AK38" s="72">
        <v>1</v>
      </c>
      <c r="AL38" s="276"/>
      <c r="AM38" s="71">
        <v>3</v>
      </c>
      <c r="AN38" s="71">
        <v>1</v>
      </c>
      <c r="AO38" s="71">
        <v>1</v>
      </c>
      <c r="AP38" s="71">
        <v>1</v>
      </c>
      <c r="AQ38" s="71">
        <v>0</v>
      </c>
      <c r="AR38" s="72">
        <v>6</v>
      </c>
      <c r="AS38" s="73">
        <v>7</v>
      </c>
      <c r="AT38" s="70">
        <v>3</v>
      </c>
      <c r="AU38" s="71">
        <v>1</v>
      </c>
      <c r="AV38" s="72">
        <v>4</v>
      </c>
      <c r="AW38" s="276"/>
      <c r="AX38" s="71">
        <v>4</v>
      </c>
      <c r="AY38" s="71">
        <v>2</v>
      </c>
      <c r="AZ38" s="71">
        <v>2</v>
      </c>
      <c r="BA38" s="71">
        <v>2</v>
      </c>
      <c r="BB38" s="71">
        <v>0</v>
      </c>
      <c r="BC38" s="72">
        <v>10</v>
      </c>
      <c r="BD38" s="73">
        <v>14</v>
      </c>
      <c r="BE38" s="70">
        <v>3</v>
      </c>
      <c r="BF38" s="71">
        <v>2</v>
      </c>
      <c r="BG38" s="72">
        <v>5</v>
      </c>
      <c r="BH38" s="276"/>
      <c r="BI38" s="71">
        <v>4</v>
      </c>
      <c r="BJ38" s="71">
        <v>4</v>
      </c>
      <c r="BK38" s="71">
        <v>1</v>
      </c>
      <c r="BL38" s="71">
        <v>1</v>
      </c>
      <c r="BM38" s="71">
        <v>1</v>
      </c>
      <c r="BN38" s="72">
        <v>11</v>
      </c>
      <c r="BO38" s="73">
        <v>16</v>
      </c>
      <c r="BP38" s="70">
        <v>3</v>
      </c>
      <c r="BQ38" s="71">
        <v>1</v>
      </c>
      <c r="BR38" s="72">
        <v>4</v>
      </c>
      <c r="BS38" s="276"/>
      <c r="BT38" s="71">
        <v>7</v>
      </c>
      <c r="BU38" s="71">
        <v>6</v>
      </c>
      <c r="BV38" s="71">
        <v>2</v>
      </c>
      <c r="BW38" s="71">
        <v>3</v>
      </c>
      <c r="BX38" s="71">
        <v>1</v>
      </c>
      <c r="BY38" s="72">
        <v>19</v>
      </c>
      <c r="BZ38" s="73">
        <v>23</v>
      </c>
      <c r="CA38" s="70">
        <v>0</v>
      </c>
      <c r="CB38" s="71">
        <v>0</v>
      </c>
      <c r="CC38" s="72">
        <v>0</v>
      </c>
      <c r="CD38" s="276"/>
      <c r="CE38" s="71">
        <v>0</v>
      </c>
      <c r="CF38" s="71">
        <v>0</v>
      </c>
      <c r="CG38" s="71">
        <v>0</v>
      </c>
      <c r="CH38" s="71">
        <v>0</v>
      </c>
      <c r="CI38" s="71">
        <v>0</v>
      </c>
      <c r="CJ38" s="72">
        <v>0</v>
      </c>
      <c r="CK38" s="73">
        <v>0</v>
      </c>
      <c r="CL38" s="70">
        <v>10</v>
      </c>
      <c r="CM38" s="71">
        <v>6</v>
      </c>
      <c r="CN38" s="72">
        <v>16</v>
      </c>
      <c r="CO38" s="276"/>
      <c r="CP38" s="71">
        <v>18</v>
      </c>
      <c r="CQ38" s="71">
        <v>13</v>
      </c>
      <c r="CR38" s="71">
        <v>6</v>
      </c>
      <c r="CS38" s="71">
        <v>7</v>
      </c>
      <c r="CT38" s="71">
        <v>2</v>
      </c>
      <c r="CU38" s="72">
        <v>46</v>
      </c>
      <c r="CV38" s="73">
        <v>62</v>
      </c>
      <c r="CW38" s="126">
        <v>3</v>
      </c>
      <c r="CX38" s="82">
        <v>0</v>
      </c>
      <c r="CY38" s="83">
        <v>3</v>
      </c>
      <c r="CZ38" s="273"/>
      <c r="DA38" s="82">
        <v>5</v>
      </c>
      <c r="DB38" s="82">
        <v>4</v>
      </c>
      <c r="DC38" s="82">
        <v>0</v>
      </c>
      <c r="DD38" s="82">
        <v>4</v>
      </c>
      <c r="DE38" s="82">
        <v>1</v>
      </c>
      <c r="DF38" s="84">
        <v>14</v>
      </c>
      <c r="DG38" s="85">
        <v>17</v>
      </c>
      <c r="DH38" s="70">
        <v>0</v>
      </c>
      <c r="DI38" s="71">
        <v>0</v>
      </c>
      <c r="DJ38" s="72">
        <v>0</v>
      </c>
      <c r="DK38" s="276"/>
      <c r="DL38" s="71">
        <v>0</v>
      </c>
      <c r="DM38" s="71">
        <v>0</v>
      </c>
      <c r="DN38" s="71">
        <v>0</v>
      </c>
      <c r="DO38" s="71">
        <v>0</v>
      </c>
      <c r="DP38" s="71">
        <v>0</v>
      </c>
      <c r="DQ38" s="72">
        <v>0</v>
      </c>
      <c r="DR38" s="73">
        <v>0</v>
      </c>
      <c r="DS38" s="70">
        <v>0</v>
      </c>
      <c r="DT38" s="71">
        <v>0</v>
      </c>
      <c r="DU38" s="72">
        <v>0</v>
      </c>
      <c r="DV38" s="276"/>
      <c r="DW38" s="71">
        <v>1</v>
      </c>
      <c r="DX38" s="71">
        <v>0</v>
      </c>
      <c r="DY38" s="71">
        <v>0</v>
      </c>
      <c r="DZ38" s="71">
        <v>0</v>
      </c>
      <c r="EA38" s="71">
        <v>0</v>
      </c>
      <c r="EB38" s="72">
        <v>1</v>
      </c>
      <c r="EC38" s="73">
        <v>1</v>
      </c>
      <c r="ED38" s="70">
        <v>0</v>
      </c>
      <c r="EE38" s="71">
        <v>0</v>
      </c>
      <c r="EF38" s="72">
        <v>0</v>
      </c>
      <c r="EG38" s="276"/>
      <c r="EH38" s="71">
        <v>0</v>
      </c>
      <c r="EI38" s="71">
        <v>0</v>
      </c>
      <c r="EJ38" s="71">
        <v>0</v>
      </c>
      <c r="EK38" s="71">
        <v>0</v>
      </c>
      <c r="EL38" s="71">
        <v>0</v>
      </c>
      <c r="EM38" s="72">
        <v>0</v>
      </c>
      <c r="EN38" s="73">
        <v>0</v>
      </c>
      <c r="EO38" s="70">
        <v>1</v>
      </c>
      <c r="EP38" s="71">
        <v>0</v>
      </c>
      <c r="EQ38" s="72">
        <v>1</v>
      </c>
      <c r="ER38" s="276"/>
      <c r="ES38" s="71">
        <v>0</v>
      </c>
      <c r="ET38" s="71">
        <v>1</v>
      </c>
      <c r="EU38" s="71">
        <v>0</v>
      </c>
      <c r="EV38" s="71">
        <v>0</v>
      </c>
      <c r="EW38" s="71">
        <v>0</v>
      </c>
      <c r="EX38" s="72">
        <v>1</v>
      </c>
      <c r="EY38" s="73">
        <v>2</v>
      </c>
      <c r="EZ38" s="70">
        <v>0</v>
      </c>
      <c r="FA38" s="71">
        <v>0</v>
      </c>
      <c r="FB38" s="72">
        <v>0</v>
      </c>
      <c r="FC38" s="276"/>
      <c r="FD38" s="71">
        <v>2</v>
      </c>
      <c r="FE38" s="71">
        <v>1</v>
      </c>
      <c r="FF38" s="71">
        <v>0</v>
      </c>
      <c r="FG38" s="71">
        <v>1</v>
      </c>
      <c r="FH38" s="71">
        <v>0</v>
      </c>
      <c r="FI38" s="72">
        <v>4</v>
      </c>
      <c r="FJ38" s="73">
        <v>4</v>
      </c>
      <c r="FK38" s="70">
        <v>2</v>
      </c>
      <c r="FL38" s="71">
        <v>0</v>
      </c>
      <c r="FM38" s="72">
        <v>2</v>
      </c>
      <c r="FN38" s="276"/>
      <c r="FO38" s="71">
        <v>2</v>
      </c>
      <c r="FP38" s="71">
        <v>2</v>
      </c>
      <c r="FQ38" s="71">
        <v>0</v>
      </c>
      <c r="FR38" s="71">
        <v>3</v>
      </c>
      <c r="FS38" s="71">
        <v>1</v>
      </c>
      <c r="FT38" s="72">
        <v>8</v>
      </c>
      <c r="FU38" s="73">
        <v>10</v>
      </c>
      <c r="FV38" s="70">
        <v>0</v>
      </c>
      <c r="FW38" s="71">
        <v>0</v>
      </c>
      <c r="FX38" s="72">
        <v>0</v>
      </c>
      <c r="FY38" s="276"/>
      <c r="FZ38" s="71">
        <v>0</v>
      </c>
      <c r="GA38" s="71">
        <v>0</v>
      </c>
      <c r="GB38" s="71">
        <v>0</v>
      </c>
      <c r="GC38" s="71">
        <v>0</v>
      </c>
      <c r="GD38" s="71">
        <v>0</v>
      </c>
      <c r="GE38" s="72">
        <v>0</v>
      </c>
      <c r="GF38" s="73">
        <v>0</v>
      </c>
      <c r="GG38" s="70">
        <v>3</v>
      </c>
      <c r="GH38" s="71">
        <v>0</v>
      </c>
      <c r="GI38" s="72">
        <v>3</v>
      </c>
      <c r="GJ38" s="276"/>
      <c r="GK38" s="71">
        <v>5</v>
      </c>
      <c r="GL38" s="71">
        <v>4</v>
      </c>
      <c r="GM38" s="71">
        <v>0</v>
      </c>
      <c r="GN38" s="71">
        <v>4</v>
      </c>
      <c r="GO38" s="71">
        <v>1</v>
      </c>
      <c r="GP38" s="72">
        <v>14</v>
      </c>
      <c r="GQ38" s="73">
        <v>17</v>
      </c>
      <c r="GR38" s="126">
        <v>13</v>
      </c>
      <c r="GS38" s="82">
        <v>6</v>
      </c>
      <c r="GT38" s="83">
        <v>19</v>
      </c>
      <c r="GU38" s="273"/>
      <c r="GV38" s="82">
        <v>23</v>
      </c>
      <c r="GW38" s="82">
        <v>17</v>
      </c>
      <c r="GX38" s="82">
        <v>6</v>
      </c>
      <c r="GY38" s="82">
        <v>11</v>
      </c>
      <c r="GZ38" s="82">
        <v>3</v>
      </c>
      <c r="HA38" s="84">
        <v>60</v>
      </c>
      <c r="HB38" s="85">
        <v>79</v>
      </c>
      <c r="HC38" s="70">
        <v>0</v>
      </c>
      <c r="HD38" s="71">
        <v>0</v>
      </c>
      <c r="HE38" s="72">
        <v>0</v>
      </c>
      <c r="HF38" s="276"/>
      <c r="HG38" s="71">
        <v>0</v>
      </c>
      <c r="HH38" s="71">
        <v>0</v>
      </c>
      <c r="HI38" s="71">
        <v>0</v>
      </c>
      <c r="HJ38" s="71">
        <v>0</v>
      </c>
      <c r="HK38" s="71">
        <v>0</v>
      </c>
      <c r="HL38" s="72">
        <v>0</v>
      </c>
      <c r="HM38" s="73">
        <v>0</v>
      </c>
      <c r="HN38" s="70">
        <v>1</v>
      </c>
      <c r="HO38" s="71">
        <v>1</v>
      </c>
      <c r="HP38" s="72">
        <v>2</v>
      </c>
      <c r="HQ38" s="276"/>
      <c r="HR38" s="71">
        <v>1</v>
      </c>
      <c r="HS38" s="71">
        <v>0</v>
      </c>
      <c r="HT38" s="71">
        <v>0</v>
      </c>
      <c r="HU38" s="71">
        <v>0</v>
      </c>
      <c r="HV38" s="71">
        <v>0</v>
      </c>
      <c r="HW38" s="72">
        <v>1</v>
      </c>
      <c r="HX38" s="73">
        <v>3</v>
      </c>
      <c r="HY38" s="70">
        <v>0</v>
      </c>
      <c r="HZ38" s="71">
        <v>1</v>
      </c>
      <c r="IA38" s="72">
        <v>1</v>
      </c>
      <c r="IB38" s="276"/>
      <c r="IC38" s="71">
        <v>3</v>
      </c>
      <c r="ID38" s="71">
        <v>1</v>
      </c>
      <c r="IE38" s="71">
        <v>1</v>
      </c>
      <c r="IF38" s="71">
        <v>1</v>
      </c>
      <c r="IG38" s="71">
        <v>0</v>
      </c>
      <c r="IH38" s="72">
        <v>6</v>
      </c>
      <c r="II38" s="73">
        <v>7</v>
      </c>
      <c r="IJ38" s="70">
        <v>4</v>
      </c>
      <c r="IK38" s="71">
        <v>1</v>
      </c>
      <c r="IL38" s="72">
        <v>5</v>
      </c>
      <c r="IM38" s="276"/>
      <c r="IN38" s="71">
        <v>4</v>
      </c>
      <c r="IO38" s="71">
        <v>3</v>
      </c>
      <c r="IP38" s="71">
        <v>2</v>
      </c>
      <c r="IQ38" s="71">
        <v>2</v>
      </c>
      <c r="IR38" s="71">
        <v>0</v>
      </c>
      <c r="IS38" s="72">
        <v>11</v>
      </c>
      <c r="IT38" s="73">
        <v>16</v>
      </c>
      <c r="IU38" s="70">
        <v>3</v>
      </c>
      <c r="IV38" s="71">
        <v>2</v>
      </c>
      <c r="IW38" s="72">
        <v>5</v>
      </c>
      <c r="IX38" s="276"/>
      <c r="IY38" s="71">
        <v>6</v>
      </c>
      <c r="IZ38" s="71">
        <v>5</v>
      </c>
      <c r="JA38" s="71">
        <v>1</v>
      </c>
      <c r="JB38" s="71">
        <v>2</v>
      </c>
      <c r="JC38" s="71">
        <v>1</v>
      </c>
      <c r="JD38" s="72">
        <v>15</v>
      </c>
      <c r="JE38" s="73">
        <v>20</v>
      </c>
      <c r="JF38" s="70">
        <v>5</v>
      </c>
      <c r="JG38" s="71">
        <v>1</v>
      </c>
      <c r="JH38" s="72">
        <v>6</v>
      </c>
      <c r="JI38" s="276"/>
      <c r="JJ38" s="71">
        <v>9</v>
      </c>
      <c r="JK38" s="71">
        <v>8</v>
      </c>
      <c r="JL38" s="71">
        <v>2</v>
      </c>
      <c r="JM38" s="71">
        <v>6</v>
      </c>
      <c r="JN38" s="71">
        <v>2</v>
      </c>
      <c r="JO38" s="72">
        <v>27</v>
      </c>
      <c r="JP38" s="73">
        <v>33</v>
      </c>
      <c r="JQ38" s="70">
        <v>0</v>
      </c>
      <c r="JR38" s="71">
        <v>0</v>
      </c>
      <c r="JS38" s="72">
        <v>0</v>
      </c>
      <c r="JT38" s="276"/>
      <c r="JU38" s="71">
        <v>0</v>
      </c>
      <c r="JV38" s="71">
        <v>0</v>
      </c>
      <c r="JW38" s="71">
        <v>0</v>
      </c>
      <c r="JX38" s="71">
        <v>0</v>
      </c>
      <c r="JY38" s="71">
        <v>0</v>
      </c>
      <c r="JZ38" s="72">
        <v>0</v>
      </c>
      <c r="KA38" s="73">
        <v>0</v>
      </c>
      <c r="KB38" s="70">
        <v>13</v>
      </c>
      <c r="KC38" s="71">
        <v>6</v>
      </c>
      <c r="KD38" s="72">
        <v>19</v>
      </c>
      <c r="KE38" s="276"/>
      <c r="KF38" s="71">
        <v>23</v>
      </c>
      <c r="KG38" s="71">
        <v>17</v>
      </c>
      <c r="KH38" s="71">
        <v>6</v>
      </c>
      <c r="KI38" s="71">
        <v>11</v>
      </c>
      <c r="KJ38" s="71">
        <v>3</v>
      </c>
      <c r="KK38" s="72">
        <v>60</v>
      </c>
      <c r="KL38" s="73">
        <v>79</v>
      </c>
    </row>
    <row r="39" spans="1:298" ht="19.5" customHeight="1" x14ac:dyDescent="0.2">
      <c r="A39" s="129" t="s">
        <v>36</v>
      </c>
      <c r="B39" s="350">
        <v>4</v>
      </c>
      <c r="C39" s="82">
        <v>9</v>
      </c>
      <c r="D39" s="83">
        <v>13</v>
      </c>
      <c r="E39" s="273"/>
      <c r="F39" s="82">
        <v>13</v>
      </c>
      <c r="G39" s="82">
        <v>8</v>
      </c>
      <c r="H39" s="82">
        <v>8</v>
      </c>
      <c r="I39" s="82">
        <v>8</v>
      </c>
      <c r="J39" s="82">
        <v>2</v>
      </c>
      <c r="K39" s="84">
        <v>39</v>
      </c>
      <c r="L39" s="85">
        <v>52</v>
      </c>
      <c r="M39" s="70">
        <v>0</v>
      </c>
      <c r="N39" s="71">
        <v>0</v>
      </c>
      <c r="O39" s="72">
        <v>0</v>
      </c>
      <c r="P39" s="276"/>
      <c r="Q39" s="71">
        <v>1</v>
      </c>
      <c r="R39" s="71">
        <v>2</v>
      </c>
      <c r="S39" s="71">
        <v>0</v>
      </c>
      <c r="T39" s="71">
        <v>0</v>
      </c>
      <c r="U39" s="71">
        <v>0</v>
      </c>
      <c r="V39" s="72">
        <v>3</v>
      </c>
      <c r="W39" s="73">
        <v>3</v>
      </c>
      <c r="X39" s="70">
        <v>2</v>
      </c>
      <c r="Y39" s="71">
        <v>0</v>
      </c>
      <c r="Z39" s="72">
        <v>2</v>
      </c>
      <c r="AA39" s="276"/>
      <c r="AB39" s="71">
        <v>1</v>
      </c>
      <c r="AC39" s="71">
        <v>0</v>
      </c>
      <c r="AD39" s="71">
        <v>0</v>
      </c>
      <c r="AE39" s="71">
        <v>2</v>
      </c>
      <c r="AF39" s="71">
        <v>0</v>
      </c>
      <c r="AG39" s="72">
        <v>3</v>
      </c>
      <c r="AH39" s="73">
        <v>5</v>
      </c>
      <c r="AI39" s="70">
        <v>0</v>
      </c>
      <c r="AJ39" s="71">
        <v>1</v>
      </c>
      <c r="AK39" s="72">
        <v>1</v>
      </c>
      <c r="AL39" s="276"/>
      <c r="AM39" s="71">
        <v>1</v>
      </c>
      <c r="AN39" s="71">
        <v>0</v>
      </c>
      <c r="AO39" s="71">
        <v>1</v>
      </c>
      <c r="AP39" s="71">
        <v>0</v>
      </c>
      <c r="AQ39" s="71">
        <v>0</v>
      </c>
      <c r="AR39" s="72">
        <v>2</v>
      </c>
      <c r="AS39" s="73">
        <v>3</v>
      </c>
      <c r="AT39" s="70">
        <v>1</v>
      </c>
      <c r="AU39" s="71">
        <v>1</v>
      </c>
      <c r="AV39" s="72">
        <v>2</v>
      </c>
      <c r="AW39" s="276"/>
      <c r="AX39" s="71">
        <v>2</v>
      </c>
      <c r="AY39" s="71">
        <v>1</v>
      </c>
      <c r="AZ39" s="71">
        <v>0</v>
      </c>
      <c r="BA39" s="71">
        <v>0</v>
      </c>
      <c r="BB39" s="71">
        <v>1</v>
      </c>
      <c r="BC39" s="72">
        <v>4</v>
      </c>
      <c r="BD39" s="73">
        <v>6</v>
      </c>
      <c r="BE39" s="70">
        <v>1</v>
      </c>
      <c r="BF39" s="71">
        <v>5</v>
      </c>
      <c r="BG39" s="72">
        <v>6</v>
      </c>
      <c r="BH39" s="276"/>
      <c r="BI39" s="71">
        <v>4</v>
      </c>
      <c r="BJ39" s="71">
        <v>4</v>
      </c>
      <c r="BK39" s="71">
        <v>3</v>
      </c>
      <c r="BL39" s="71">
        <v>4</v>
      </c>
      <c r="BM39" s="71">
        <v>1</v>
      </c>
      <c r="BN39" s="72">
        <v>16</v>
      </c>
      <c r="BO39" s="73">
        <v>22</v>
      </c>
      <c r="BP39" s="70">
        <v>0</v>
      </c>
      <c r="BQ39" s="71">
        <v>2</v>
      </c>
      <c r="BR39" s="72">
        <v>2</v>
      </c>
      <c r="BS39" s="276"/>
      <c r="BT39" s="71">
        <v>4</v>
      </c>
      <c r="BU39" s="71">
        <v>1</v>
      </c>
      <c r="BV39" s="71">
        <v>4</v>
      </c>
      <c r="BW39" s="71">
        <v>2</v>
      </c>
      <c r="BX39" s="71">
        <v>0</v>
      </c>
      <c r="BY39" s="72">
        <v>11</v>
      </c>
      <c r="BZ39" s="73">
        <v>13</v>
      </c>
      <c r="CA39" s="70">
        <v>0</v>
      </c>
      <c r="CB39" s="71">
        <v>0</v>
      </c>
      <c r="CC39" s="72">
        <v>0</v>
      </c>
      <c r="CD39" s="276"/>
      <c r="CE39" s="71">
        <v>0</v>
      </c>
      <c r="CF39" s="71">
        <v>0</v>
      </c>
      <c r="CG39" s="71">
        <v>0</v>
      </c>
      <c r="CH39" s="71">
        <v>0</v>
      </c>
      <c r="CI39" s="71">
        <v>0</v>
      </c>
      <c r="CJ39" s="72">
        <v>0</v>
      </c>
      <c r="CK39" s="73">
        <v>0</v>
      </c>
      <c r="CL39" s="70">
        <v>4</v>
      </c>
      <c r="CM39" s="71">
        <v>9</v>
      </c>
      <c r="CN39" s="72">
        <v>13</v>
      </c>
      <c r="CO39" s="276"/>
      <c r="CP39" s="71">
        <v>13</v>
      </c>
      <c r="CQ39" s="71">
        <v>8</v>
      </c>
      <c r="CR39" s="71">
        <v>8</v>
      </c>
      <c r="CS39" s="71">
        <v>8</v>
      </c>
      <c r="CT39" s="71">
        <v>2</v>
      </c>
      <c r="CU39" s="72">
        <v>39</v>
      </c>
      <c r="CV39" s="73">
        <v>52</v>
      </c>
      <c r="CW39" s="126">
        <v>2</v>
      </c>
      <c r="CX39" s="82">
        <v>2</v>
      </c>
      <c r="CY39" s="83">
        <v>4</v>
      </c>
      <c r="CZ39" s="273"/>
      <c r="DA39" s="82">
        <v>0</v>
      </c>
      <c r="DB39" s="82">
        <v>0</v>
      </c>
      <c r="DC39" s="82">
        <v>0</v>
      </c>
      <c r="DD39" s="82">
        <v>0</v>
      </c>
      <c r="DE39" s="82">
        <v>5</v>
      </c>
      <c r="DF39" s="84">
        <v>5</v>
      </c>
      <c r="DG39" s="85">
        <v>9</v>
      </c>
      <c r="DH39" s="70">
        <v>0</v>
      </c>
      <c r="DI39" s="71">
        <v>0</v>
      </c>
      <c r="DJ39" s="72">
        <v>0</v>
      </c>
      <c r="DK39" s="276"/>
      <c r="DL39" s="71">
        <v>0</v>
      </c>
      <c r="DM39" s="71">
        <v>0</v>
      </c>
      <c r="DN39" s="71">
        <v>0</v>
      </c>
      <c r="DO39" s="71">
        <v>0</v>
      </c>
      <c r="DP39" s="71">
        <v>0</v>
      </c>
      <c r="DQ39" s="72">
        <v>0</v>
      </c>
      <c r="DR39" s="73">
        <v>0</v>
      </c>
      <c r="DS39" s="70">
        <v>0</v>
      </c>
      <c r="DT39" s="71">
        <v>0</v>
      </c>
      <c r="DU39" s="72">
        <v>0</v>
      </c>
      <c r="DV39" s="276"/>
      <c r="DW39" s="71">
        <v>0</v>
      </c>
      <c r="DX39" s="71">
        <v>0</v>
      </c>
      <c r="DY39" s="71">
        <v>0</v>
      </c>
      <c r="DZ39" s="71">
        <v>0</v>
      </c>
      <c r="EA39" s="71">
        <v>0</v>
      </c>
      <c r="EB39" s="72">
        <v>0</v>
      </c>
      <c r="EC39" s="73">
        <v>0</v>
      </c>
      <c r="ED39" s="70">
        <v>0</v>
      </c>
      <c r="EE39" s="71">
        <v>0</v>
      </c>
      <c r="EF39" s="72">
        <v>0</v>
      </c>
      <c r="EG39" s="276"/>
      <c r="EH39" s="71">
        <v>0</v>
      </c>
      <c r="EI39" s="71">
        <v>0</v>
      </c>
      <c r="EJ39" s="71">
        <v>0</v>
      </c>
      <c r="EK39" s="71">
        <v>0</v>
      </c>
      <c r="EL39" s="71">
        <v>0</v>
      </c>
      <c r="EM39" s="72">
        <v>0</v>
      </c>
      <c r="EN39" s="73">
        <v>0</v>
      </c>
      <c r="EO39" s="70">
        <v>0</v>
      </c>
      <c r="EP39" s="71">
        <v>2</v>
      </c>
      <c r="EQ39" s="72">
        <v>2</v>
      </c>
      <c r="ER39" s="276"/>
      <c r="ES39" s="71">
        <v>0</v>
      </c>
      <c r="ET39" s="71">
        <v>0</v>
      </c>
      <c r="EU39" s="71">
        <v>0</v>
      </c>
      <c r="EV39" s="71">
        <v>0</v>
      </c>
      <c r="EW39" s="71">
        <v>0</v>
      </c>
      <c r="EX39" s="72">
        <v>0</v>
      </c>
      <c r="EY39" s="73">
        <v>2</v>
      </c>
      <c r="EZ39" s="70">
        <v>1</v>
      </c>
      <c r="FA39" s="71">
        <v>0</v>
      </c>
      <c r="FB39" s="72">
        <v>1</v>
      </c>
      <c r="FC39" s="276"/>
      <c r="FD39" s="71">
        <v>0</v>
      </c>
      <c r="FE39" s="71">
        <v>0</v>
      </c>
      <c r="FF39" s="71">
        <v>0</v>
      </c>
      <c r="FG39" s="71">
        <v>0</v>
      </c>
      <c r="FH39" s="71">
        <v>2</v>
      </c>
      <c r="FI39" s="72">
        <v>2</v>
      </c>
      <c r="FJ39" s="73">
        <v>3</v>
      </c>
      <c r="FK39" s="70">
        <v>1</v>
      </c>
      <c r="FL39" s="71">
        <v>0</v>
      </c>
      <c r="FM39" s="72">
        <v>1</v>
      </c>
      <c r="FN39" s="276"/>
      <c r="FO39" s="71">
        <v>0</v>
      </c>
      <c r="FP39" s="71">
        <v>0</v>
      </c>
      <c r="FQ39" s="71">
        <v>0</v>
      </c>
      <c r="FR39" s="71">
        <v>0</v>
      </c>
      <c r="FS39" s="71">
        <v>3</v>
      </c>
      <c r="FT39" s="72">
        <v>3</v>
      </c>
      <c r="FU39" s="73">
        <v>4</v>
      </c>
      <c r="FV39" s="70">
        <v>0</v>
      </c>
      <c r="FW39" s="71">
        <v>0</v>
      </c>
      <c r="FX39" s="72">
        <v>0</v>
      </c>
      <c r="FY39" s="276"/>
      <c r="FZ39" s="71">
        <v>0</v>
      </c>
      <c r="GA39" s="71">
        <v>0</v>
      </c>
      <c r="GB39" s="71">
        <v>0</v>
      </c>
      <c r="GC39" s="71">
        <v>0</v>
      </c>
      <c r="GD39" s="71">
        <v>0</v>
      </c>
      <c r="GE39" s="72">
        <v>0</v>
      </c>
      <c r="GF39" s="73">
        <v>0</v>
      </c>
      <c r="GG39" s="70">
        <v>2</v>
      </c>
      <c r="GH39" s="71">
        <v>2</v>
      </c>
      <c r="GI39" s="72">
        <v>4</v>
      </c>
      <c r="GJ39" s="276"/>
      <c r="GK39" s="71">
        <v>0</v>
      </c>
      <c r="GL39" s="71">
        <v>0</v>
      </c>
      <c r="GM39" s="71">
        <v>0</v>
      </c>
      <c r="GN39" s="71">
        <v>0</v>
      </c>
      <c r="GO39" s="71">
        <v>5</v>
      </c>
      <c r="GP39" s="72">
        <v>5</v>
      </c>
      <c r="GQ39" s="73">
        <v>9</v>
      </c>
      <c r="GR39" s="126">
        <v>6</v>
      </c>
      <c r="GS39" s="82">
        <v>11</v>
      </c>
      <c r="GT39" s="83">
        <v>17</v>
      </c>
      <c r="GU39" s="273"/>
      <c r="GV39" s="82">
        <v>13</v>
      </c>
      <c r="GW39" s="82">
        <v>8</v>
      </c>
      <c r="GX39" s="82">
        <v>8</v>
      </c>
      <c r="GY39" s="82">
        <v>8</v>
      </c>
      <c r="GZ39" s="82">
        <v>7</v>
      </c>
      <c r="HA39" s="84">
        <v>44</v>
      </c>
      <c r="HB39" s="85">
        <v>61</v>
      </c>
      <c r="HC39" s="70">
        <v>0</v>
      </c>
      <c r="HD39" s="71">
        <v>0</v>
      </c>
      <c r="HE39" s="72">
        <v>0</v>
      </c>
      <c r="HF39" s="276"/>
      <c r="HG39" s="71">
        <v>1</v>
      </c>
      <c r="HH39" s="71">
        <v>2</v>
      </c>
      <c r="HI39" s="71">
        <v>0</v>
      </c>
      <c r="HJ39" s="71">
        <v>0</v>
      </c>
      <c r="HK39" s="71">
        <v>0</v>
      </c>
      <c r="HL39" s="72">
        <v>3</v>
      </c>
      <c r="HM39" s="73">
        <v>3</v>
      </c>
      <c r="HN39" s="70">
        <v>2</v>
      </c>
      <c r="HO39" s="71">
        <v>0</v>
      </c>
      <c r="HP39" s="72">
        <v>2</v>
      </c>
      <c r="HQ39" s="276"/>
      <c r="HR39" s="71">
        <v>1</v>
      </c>
      <c r="HS39" s="71">
        <v>0</v>
      </c>
      <c r="HT39" s="71">
        <v>0</v>
      </c>
      <c r="HU39" s="71">
        <v>2</v>
      </c>
      <c r="HV39" s="71">
        <v>0</v>
      </c>
      <c r="HW39" s="72">
        <v>3</v>
      </c>
      <c r="HX39" s="73">
        <v>5</v>
      </c>
      <c r="HY39" s="70">
        <v>0</v>
      </c>
      <c r="HZ39" s="71">
        <v>1</v>
      </c>
      <c r="IA39" s="72">
        <v>1</v>
      </c>
      <c r="IB39" s="276"/>
      <c r="IC39" s="71">
        <v>1</v>
      </c>
      <c r="ID39" s="71">
        <v>0</v>
      </c>
      <c r="IE39" s="71">
        <v>1</v>
      </c>
      <c r="IF39" s="71">
        <v>0</v>
      </c>
      <c r="IG39" s="71">
        <v>0</v>
      </c>
      <c r="IH39" s="72">
        <v>2</v>
      </c>
      <c r="II39" s="73">
        <v>3</v>
      </c>
      <c r="IJ39" s="70">
        <v>1</v>
      </c>
      <c r="IK39" s="71">
        <v>3</v>
      </c>
      <c r="IL39" s="72">
        <v>4</v>
      </c>
      <c r="IM39" s="276"/>
      <c r="IN39" s="71">
        <v>2</v>
      </c>
      <c r="IO39" s="71">
        <v>1</v>
      </c>
      <c r="IP39" s="71">
        <v>0</v>
      </c>
      <c r="IQ39" s="71">
        <v>0</v>
      </c>
      <c r="IR39" s="71">
        <v>1</v>
      </c>
      <c r="IS39" s="72">
        <v>4</v>
      </c>
      <c r="IT39" s="73">
        <v>8</v>
      </c>
      <c r="IU39" s="70">
        <v>2</v>
      </c>
      <c r="IV39" s="71">
        <v>5</v>
      </c>
      <c r="IW39" s="72">
        <v>7</v>
      </c>
      <c r="IX39" s="276"/>
      <c r="IY39" s="71">
        <v>4</v>
      </c>
      <c r="IZ39" s="71">
        <v>4</v>
      </c>
      <c r="JA39" s="71">
        <v>3</v>
      </c>
      <c r="JB39" s="71">
        <v>4</v>
      </c>
      <c r="JC39" s="71">
        <v>3</v>
      </c>
      <c r="JD39" s="72">
        <v>18</v>
      </c>
      <c r="JE39" s="73">
        <v>25</v>
      </c>
      <c r="JF39" s="70">
        <v>1</v>
      </c>
      <c r="JG39" s="71">
        <v>2</v>
      </c>
      <c r="JH39" s="72">
        <v>3</v>
      </c>
      <c r="JI39" s="276"/>
      <c r="JJ39" s="71">
        <v>4</v>
      </c>
      <c r="JK39" s="71">
        <v>1</v>
      </c>
      <c r="JL39" s="71">
        <v>4</v>
      </c>
      <c r="JM39" s="71">
        <v>2</v>
      </c>
      <c r="JN39" s="71">
        <v>3</v>
      </c>
      <c r="JO39" s="72">
        <v>14</v>
      </c>
      <c r="JP39" s="73">
        <v>17</v>
      </c>
      <c r="JQ39" s="70">
        <v>0</v>
      </c>
      <c r="JR39" s="71">
        <v>0</v>
      </c>
      <c r="JS39" s="72">
        <v>0</v>
      </c>
      <c r="JT39" s="276"/>
      <c r="JU39" s="71">
        <v>0</v>
      </c>
      <c r="JV39" s="71">
        <v>0</v>
      </c>
      <c r="JW39" s="71">
        <v>0</v>
      </c>
      <c r="JX39" s="71">
        <v>0</v>
      </c>
      <c r="JY39" s="71">
        <v>0</v>
      </c>
      <c r="JZ39" s="72">
        <v>0</v>
      </c>
      <c r="KA39" s="73">
        <v>0</v>
      </c>
      <c r="KB39" s="70">
        <v>6</v>
      </c>
      <c r="KC39" s="71">
        <v>11</v>
      </c>
      <c r="KD39" s="72">
        <v>17</v>
      </c>
      <c r="KE39" s="276"/>
      <c r="KF39" s="71">
        <v>13</v>
      </c>
      <c r="KG39" s="71">
        <v>8</v>
      </c>
      <c r="KH39" s="71">
        <v>8</v>
      </c>
      <c r="KI39" s="71">
        <v>8</v>
      </c>
      <c r="KJ39" s="71">
        <v>7</v>
      </c>
      <c r="KK39" s="72">
        <v>44</v>
      </c>
      <c r="KL39" s="73">
        <v>61</v>
      </c>
    </row>
    <row r="40" spans="1:298" ht="19.5" customHeight="1" thickBot="1" x14ac:dyDescent="0.25">
      <c r="A40" s="130" t="s">
        <v>37</v>
      </c>
      <c r="B40" s="351">
        <v>1</v>
      </c>
      <c r="C40" s="87">
        <v>0</v>
      </c>
      <c r="D40" s="88">
        <v>1</v>
      </c>
      <c r="E40" s="274"/>
      <c r="F40" s="87">
        <v>2</v>
      </c>
      <c r="G40" s="87">
        <v>3</v>
      </c>
      <c r="H40" s="87">
        <v>1</v>
      </c>
      <c r="I40" s="87">
        <v>0</v>
      </c>
      <c r="J40" s="87">
        <v>1</v>
      </c>
      <c r="K40" s="89">
        <v>7</v>
      </c>
      <c r="L40" s="90">
        <v>8</v>
      </c>
      <c r="M40" s="74">
        <v>0</v>
      </c>
      <c r="N40" s="75">
        <v>0</v>
      </c>
      <c r="O40" s="76">
        <v>0</v>
      </c>
      <c r="P40" s="277"/>
      <c r="Q40" s="75">
        <v>0</v>
      </c>
      <c r="R40" s="75">
        <v>0</v>
      </c>
      <c r="S40" s="75">
        <v>0</v>
      </c>
      <c r="T40" s="75">
        <v>0</v>
      </c>
      <c r="U40" s="75">
        <v>0</v>
      </c>
      <c r="V40" s="76">
        <v>0</v>
      </c>
      <c r="W40" s="77">
        <v>0</v>
      </c>
      <c r="X40" s="74">
        <v>1</v>
      </c>
      <c r="Y40" s="75">
        <v>0</v>
      </c>
      <c r="Z40" s="76">
        <v>1</v>
      </c>
      <c r="AA40" s="277"/>
      <c r="AB40" s="75">
        <v>0</v>
      </c>
      <c r="AC40" s="75">
        <v>1</v>
      </c>
      <c r="AD40" s="75">
        <v>1</v>
      </c>
      <c r="AE40" s="75">
        <v>0</v>
      </c>
      <c r="AF40" s="75">
        <v>0</v>
      </c>
      <c r="AG40" s="76">
        <v>2</v>
      </c>
      <c r="AH40" s="77">
        <v>3</v>
      </c>
      <c r="AI40" s="74">
        <v>0</v>
      </c>
      <c r="AJ40" s="75">
        <v>0</v>
      </c>
      <c r="AK40" s="76">
        <v>0</v>
      </c>
      <c r="AL40" s="277"/>
      <c r="AM40" s="75">
        <v>0</v>
      </c>
      <c r="AN40" s="75">
        <v>1</v>
      </c>
      <c r="AO40" s="75">
        <v>0</v>
      </c>
      <c r="AP40" s="75">
        <v>0</v>
      </c>
      <c r="AQ40" s="75">
        <v>0</v>
      </c>
      <c r="AR40" s="76">
        <v>1</v>
      </c>
      <c r="AS40" s="77">
        <v>1</v>
      </c>
      <c r="AT40" s="74">
        <v>0</v>
      </c>
      <c r="AU40" s="75">
        <v>0</v>
      </c>
      <c r="AV40" s="76">
        <v>0</v>
      </c>
      <c r="AW40" s="277"/>
      <c r="AX40" s="75">
        <v>1</v>
      </c>
      <c r="AY40" s="75">
        <v>0</v>
      </c>
      <c r="AZ40" s="75">
        <v>0</v>
      </c>
      <c r="BA40" s="75">
        <v>0</v>
      </c>
      <c r="BB40" s="75">
        <v>0</v>
      </c>
      <c r="BC40" s="76">
        <v>1</v>
      </c>
      <c r="BD40" s="77">
        <v>1</v>
      </c>
      <c r="BE40" s="74">
        <v>0</v>
      </c>
      <c r="BF40" s="75">
        <v>0</v>
      </c>
      <c r="BG40" s="76">
        <v>0</v>
      </c>
      <c r="BH40" s="277"/>
      <c r="BI40" s="75">
        <v>1</v>
      </c>
      <c r="BJ40" s="75">
        <v>1</v>
      </c>
      <c r="BK40" s="75">
        <v>0</v>
      </c>
      <c r="BL40" s="75">
        <v>0</v>
      </c>
      <c r="BM40" s="75">
        <v>1</v>
      </c>
      <c r="BN40" s="76">
        <v>3</v>
      </c>
      <c r="BO40" s="77">
        <v>3</v>
      </c>
      <c r="BP40" s="74">
        <v>0</v>
      </c>
      <c r="BQ40" s="75">
        <v>0</v>
      </c>
      <c r="BR40" s="76">
        <v>0</v>
      </c>
      <c r="BS40" s="277"/>
      <c r="BT40" s="75">
        <v>0</v>
      </c>
      <c r="BU40" s="75">
        <v>0</v>
      </c>
      <c r="BV40" s="75">
        <v>0</v>
      </c>
      <c r="BW40" s="75">
        <v>0</v>
      </c>
      <c r="BX40" s="75">
        <v>0</v>
      </c>
      <c r="BY40" s="76">
        <v>0</v>
      </c>
      <c r="BZ40" s="77">
        <v>0</v>
      </c>
      <c r="CA40" s="74">
        <v>0</v>
      </c>
      <c r="CB40" s="75">
        <v>0</v>
      </c>
      <c r="CC40" s="76">
        <v>0</v>
      </c>
      <c r="CD40" s="277"/>
      <c r="CE40" s="75">
        <v>0</v>
      </c>
      <c r="CF40" s="75">
        <v>0</v>
      </c>
      <c r="CG40" s="75">
        <v>0</v>
      </c>
      <c r="CH40" s="75">
        <v>0</v>
      </c>
      <c r="CI40" s="75">
        <v>0</v>
      </c>
      <c r="CJ40" s="76">
        <v>0</v>
      </c>
      <c r="CK40" s="77">
        <v>0</v>
      </c>
      <c r="CL40" s="74">
        <v>1</v>
      </c>
      <c r="CM40" s="75">
        <v>0</v>
      </c>
      <c r="CN40" s="76">
        <v>1</v>
      </c>
      <c r="CO40" s="277"/>
      <c r="CP40" s="75">
        <v>2</v>
      </c>
      <c r="CQ40" s="75">
        <v>3</v>
      </c>
      <c r="CR40" s="75">
        <v>1</v>
      </c>
      <c r="CS40" s="75">
        <v>0</v>
      </c>
      <c r="CT40" s="75">
        <v>1</v>
      </c>
      <c r="CU40" s="76">
        <v>7</v>
      </c>
      <c r="CV40" s="77">
        <v>8</v>
      </c>
      <c r="CW40" s="127">
        <v>0</v>
      </c>
      <c r="CX40" s="87">
        <v>0</v>
      </c>
      <c r="CY40" s="88">
        <v>0</v>
      </c>
      <c r="CZ40" s="274"/>
      <c r="DA40" s="87">
        <v>0</v>
      </c>
      <c r="DB40" s="87">
        <v>0</v>
      </c>
      <c r="DC40" s="87">
        <v>0</v>
      </c>
      <c r="DD40" s="87">
        <v>0</v>
      </c>
      <c r="DE40" s="87">
        <v>1</v>
      </c>
      <c r="DF40" s="89">
        <v>1</v>
      </c>
      <c r="DG40" s="90">
        <v>1</v>
      </c>
      <c r="DH40" s="74">
        <v>0</v>
      </c>
      <c r="DI40" s="75">
        <v>0</v>
      </c>
      <c r="DJ40" s="76">
        <v>0</v>
      </c>
      <c r="DK40" s="277"/>
      <c r="DL40" s="75">
        <v>0</v>
      </c>
      <c r="DM40" s="75">
        <v>0</v>
      </c>
      <c r="DN40" s="75">
        <v>0</v>
      </c>
      <c r="DO40" s="75">
        <v>0</v>
      </c>
      <c r="DP40" s="75">
        <v>0</v>
      </c>
      <c r="DQ40" s="76">
        <v>0</v>
      </c>
      <c r="DR40" s="77">
        <v>0</v>
      </c>
      <c r="DS40" s="74">
        <v>0</v>
      </c>
      <c r="DT40" s="75">
        <v>0</v>
      </c>
      <c r="DU40" s="76">
        <v>0</v>
      </c>
      <c r="DV40" s="277"/>
      <c r="DW40" s="75">
        <v>0</v>
      </c>
      <c r="DX40" s="75">
        <v>0</v>
      </c>
      <c r="DY40" s="75">
        <v>0</v>
      </c>
      <c r="DZ40" s="75">
        <v>0</v>
      </c>
      <c r="EA40" s="75">
        <v>0</v>
      </c>
      <c r="EB40" s="76">
        <v>0</v>
      </c>
      <c r="EC40" s="77">
        <v>0</v>
      </c>
      <c r="ED40" s="74">
        <v>0</v>
      </c>
      <c r="EE40" s="75">
        <v>0</v>
      </c>
      <c r="EF40" s="76">
        <v>0</v>
      </c>
      <c r="EG40" s="277"/>
      <c r="EH40" s="75">
        <v>0</v>
      </c>
      <c r="EI40" s="75">
        <v>0</v>
      </c>
      <c r="EJ40" s="75">
        <v>0</v>
      </c>
      <c r="EK40" s="75">
        <v>0</v>
      </c>
      <c r="EL40" s="75">
        <v>0</v>
      </c>
      <c r="EM40" s="76">
        <v>0</v>
      </c>
      <c r="EN40" s="77">
        <v>0</v>
      </c>
      <c r="EO40" s="74">
        <v>0</v>
      </c>
      <c r="EP40" s="75">
        <v>0</v>
      </c>
      <c r="EQ40" s="76">
        <v>0</v>
      </c>
      <c r="ER40" s="277"/>
      <c r="ES40" s="75">
        <v>0</v>
      </c>
      <c r="ET40" s="75">
        <v>0</v>
      </c>
      <c r="EU40" s="75">
        <v>0</v>
      </c>
      <c r="EV40" s="75">
        <v>0</v>
      </c>
      <c r="EW40" s="75">
        <v>0</v>
      </c>
      <c r="EX40" s="76">
        <v>0</v>
      </c>
      <c r="EY40" s="77">
        <v>0</v>
      </c>
      <c r="EZ40" s="74">
        <v>0</v>
      </c>
      <c r="FA40" s="75">
        <v>0</v>
      </c>
      <c r="FB40" s="76">
        <v>0</v>
      </c>
      <c r="FC40" s="277"/>
      <c r="FD40" s="75">
        <v>0</v>
      </c>
      <c r="FE40" s="75">
        <v>0</v>
      </c>
      <c r="FF40" s="75">
        <v>0</v>
      </c>
      <c r="FG40" s="75">
        <v>0</v>
      </c>
      <c r="FH40" s="75">
        <v>0</v>
      </c>
      <c r="FI40" s="76">
        <v>0</v>
      </c>
      <c r="FJ40" s="77">
        <v>0</v>
      </c>
      <c r="FK40" s="74">
        <v>0</v>
      </c>
      <c r="FL40" s="75">
        <v>0</v>
      </c>
      <c r="FM40" s="76">
        <v>0</v>
      </c>
      <c r="FN40" s="277"/>
      <c r="FO40" s="75">
        <v>0</v>
      </c>
      <c r="FP40" s="75">
        <v>0</v>
      </c>
      <c r="FQ40" s="75">
        <v>0</v>
      </c>
      <c r="FR40" s="75">
        <v>0</v>
      </c>
      <c r="FS40" s="75">
        <v>1</v>
      </c>
      <c r="FT40" s="76">
        <v>1</v>
      </c>
      <c r="FU40" s="77">
        <v>1</v>
      </c>
      <c r="FV40" s="74">
        <v>0</v>
      </c>
      <c r="FW40" s="75">
        <v>0</v>
      </c>
      <c r="FX40" s="76">
        <v>0</v>
      </c>
      <c r="FY40" s="277"/>
      <c r="FZ40" s="75">
        <v>0</v>
      </c>
      <c r="GA40" s="75">
        <v>0</v>
      </c>
      <c r="GB40" s="75">
        <v>0</v>
      </c>
      <c r="GC40" s="75">
        <v>0</v>
      </c>
      <c r="GD40" s="75">
        <v>0</v>
      </c>
      <c r="GE40" s="76">
        <v>0</v>
      </c>
      <c r="GF40" s="77">
        <v>0</v>
      </c>
      <c r="GG40" s="74">
        <v>0</v>
      </c>
      <c r="GH40" s="75">
        <v>0</v>
      </c>
      <c r="GI40" s="76">
        <v>0</v>
      </c>
      <c r="GJ40" s="277"/>
      <c r="GK40" s="75">
        <v>0</v>
      </c>
      <c r="GL40" s="75">
        <v>0</v>
      </c>
      <c r="GM40" s="75">
        <v>0</v>
      </c>
      <c r="GN40" s="75">
        <v>0</v>
      </c>
      <c r="GO40" s="75">
        <v>1</v>
      </c>
      <c r="GP40" s="76">
        <v>1</v>
      </c>
      <c r="GQ40" s="77">
        <v>1</v>
      </c>
      <c r="GR40" s="127">
        <v>1</v>
      </c>
      <c r="GS40" s="87">
        <v>0</v>
      </c>
      <c r="GT40" s="88">
        <v>1</v>
      </c>
      <c r="GU40" s="274"/>
      <c r="GV40" s="87">
        <v>2</v>
      </c>
      <c r="GW40" s="87">
        <v>3</v>
      </c>
      <c r="GX40" s="87">
        <v>1</v>
      </c>
      <c r="GY40" s="87">
        <v>0</v>
      </c>
      <c r="GZ40" s="87">
        <v>2</v>
      </c>
      <c r="HA40" s="89">
        <v>8</v>
      </c>
      <c r="HB40" s="90">
        <v>9</v>
      </c>
      <c r="HC40" s="74">
        <v>0</v>
      </c>
      <c r="HD40" s="75">
        <v>0</v>
      </c>
      <c r="HE40" s="76">
        <v>0</v>
      </c>
      <c r="HF40" s="277"/>
      <c r="HG40" s="75">
        <v>0</v>
      </c>
      <c r="HH40" s="75">
        <v>0</v>
      </c>
      <c r="HI40" s="75">
        <v>0</v>
      </c>
      <c r="HJ40" s="75">
        <v>0</v>
      </c>
      <c r="HK40" s="75">
        <v>0</v>
      </c>
      <c r="HL40" s="76">
        <v>0</v>
      </c>
      <c r="HM40" s="77">
        <v>0</v>
      </c>
      <c r="HN40" s="74">
        <v>1</v>
      </c>
      <c r="HO40" s="75">
        <v>0</v>
      </c>
      <c r="HP40" s="76">
        <v>1</v>
      </c>
      <c r="HQ40" s="277"/>
      <c r="HR40" s="75">
        <v>0</v>
      </c>
      <c r="HS40" s="75">
        <v>1</v>
      </c>
      <c r="HT40" s="75">
        <v>1</v>
      </c>
      <c r="HU40" s="75">
        <v>0</v>
      </c>
      <c r="HV40" s="75">
        <v>0</v>
      </c>
      <c r="HW40" s="76">
        <v>2</v>
      </c>
      <c r="HX40" s="77">
        <v>3</v>
      </c>
      <c r="HY40" s="74">
        <v>0</v>
      </c>
      <c r="HZ40" s="75">
        <v>0</v>
      </c>
      <c r="IA40" s="76">
        <v>0</v>
      </c>
      <c r="IB40" s="277"/>
      <c r="IC40" s="75">
        <v>0</v>
      </c>
      <c r="ID40" s="75">
        <v>1</v>
      </c>
      <c r="IE40" s="75">
        <v>0</v>
      </c>
      <c r="IF40" s="75">
        <v>0</v>
      </c>
      <c r="IG40" s="75">
        <v>0</v>
      </c>
      <c r="IH40" s="76">
        <v>1</v>
      </c>
      <c r="II40" s="77">
        <v>1</v>
      </c>
      <c r="IJ40" s="74">
        <v>0</v>
      </c>
      <c r="IK40" s="75">
        <v>0</v>
      </c>
      <c r="IL40" s="76">
        <v>0</v>
      </c>
      <c r="IM40" s="277"/>
      <c r="IN40" s="75">
        <v>1</v>
      </c>
      <c r="IO40" s="75">
        <v>0</v>
      </c>
      <c r="IP40" s="75">
        <v>0</v>
      </c>
      <c r="IQ40" s="75">
        <v>0</v>
      </c>
      <c r="IR40" s="75">
        <v>0</v>
      </c>
      <c r="IS40" s="76">
        <v>1</v>
      </c>
      <c r="IT40" s="77">
        <v>1</v>
      </c>
      <c r="IU40" s="74">
        <v>0</v>
      </c>
      <c r="IV40" s="75">
        <v>0</v>
      </c>
      <c r="IW40" s="76">
        <v>0</v>
      </c>
      <c r="IX40" s="277"/>
      <c r="IY40" s="75">
        <v>1</v>
      </c>
      <c r="IZ40" s="75">
        <v>1</v>
      </c>
      <c r="JA40" s="75">
        <v>0</v>
      </c>
      <c r="JB40" s="75">
        <v>0</v>
      </c>
      <c r="JC40" s="75">
        <v>1</v>
      </c>
      <c r="JD40" s="76">
        <v>3</v>
      </c>
      <c r="JE40" s="77">
        <v>3</v>
      </c>
      <c r="JF40" s="74">
        <v>0</v>
      </c>
      <c r="JG40" s="75">
        <v>0</v>
      </c>
      <c r="JH40" s="76">
        <v>0</v>
      </c>
      <c r="JI40" s="277"/>
      <c r="JJ40" s="75">
        <v>0</v>
      </c>
      <c r="JK40" s="75">
        <v>0</v>
      </c>
      <c r="JL40" s="75">
        <v>0</v>
      </c>
      <c r="JM40" s="75">
        <v>0</v>
      </c>
      <c r="JN40" s="75">
        <v>1</v>
      </c>
      <c r="JO40" s="76">
        <v>1</v>
      </c>
      <c r="JP40" s="77">
        <v>1</v>
      </c>
      <c r="JQ40" s="74">
        <v>0</v>
      </c>
      <c r="JR40" s="75">
        <v>0</v>
      </c>
      <c r="JS40" s="76">
        <v>0</v>
      </c>
      <c r="JT40" s="277"/>
      <c r="JU40" s="75">
        <v>0</v>
      </c>
      <c r="JV40" s="75">
        <v>0</v>
      </c>
      <c r="JW40" s="75">
        <v>0</v>
      </c>
      <c r="JX40" s="75">
        <v>0</v>
      </c>
      <c r="JY40" s="75">
        <v>0</v>
      </c>
      <c r="JZ40" s="76">
        <v>0</v>
      </c>
      <c r="KA40" s="77">
        <v>0</v>
      </c>
      <c r="KB40" s="74">
        <v>1</v>
      </c>
      <c r="KC40" s="75">
        <v>0</v>
      </c>
      <c r="KD40" s="76">
        <v>1</v>
      </c>
      <c r="KE40" s="277"/>
      <c r="KF40" s="75">
        <v>2</v>
      </c>
      <c r="KG40" s="75">
        <v>3</v>
      </c>
      <c r="KH40" s="75">
        <v>1</v>
      </c>
      <c r="KI40" s="75">
        <v>0</v>
      </c>
      <c r="KJ40" s="75">
        <v>2</v>
      </c>
      <c r="KK40" s="76">
        <v>8</v>
      </c>
      <c r="KL40" s="77">
        <v>9</v>
      </c>
    </row>
    <row r="41" spans="1:298" ht="32.25" customHeight="1" x14ac:dyDescent="0.2">
      <c r="B41" s="345" t="s">
        <v>126</v>
      </c>
    </row>
  </sheetData>
  <mergeCells count="36">
    <mergeCell ref="GR5:HB5"/>
    <mergeCell ref="DH5:DR5"/>
    <mergeCell ref="DS5:EC5"/>
    <mergeCell ref="ED5:EN5"/>
    <mergeCell ref="GR3:KL3"/>
    <mergeCell ref="GR4:JP4"/>
    <mergeCell ref="JQ4:KA5"/>
    <mergeCell ref="KB4:KL5"/>
    <mergeCell ref="IJ5:IT5"/>
    <mergeCell ref="IU5:JE5"/>
    <mergeCell ref="JF5:JP5"/>
    <mergeCell ref="HC5:HM5"/>
    <mergeCell ref="HN5:HX5"/>
    <mergeCell ref="HY5:II5"/>
    <mergeCell ref="CW4:FU4"/>
    <mergeCell ref="FV4:GF5"/>
    <mergeCell ref="H1:I1"/>
    <mergeCell ref="E1:F1"/>
    <mergeCell ref="CA4:CK5"/>
    <mergeCell ref="A3:A5"/>
    <mergeCell ref="B3:CV3"/>
    <mergeCell ref="CW3:GQ3"/>
    <mergeCell ref="B5:L5"/>
    <mergeCell ref="M5:W5"/>
    <mergeCell ref="X5:AH5"/>
    <mergeCell ref="AI5:AS5"/>
    <mergeCell ref="AT5:BD5"/>
    <mergeCell ref="EO5:EY5"/>
    <mergeCell ref="GG4:GQ5"/>
    <mergeCell ref="BP5:BZ5"/>
    <mergeCell ref="CW5:DG5"/>
    <mergeCell ref="EZ5:FJ5"/>
    <mergeCell ref="FK5:FU5"/>
    <mergeCell ref="B4:BZ4"/>
    <mergeCell ref="CL4:CV5"/>
    <mergeCell ref="BE5:BO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KL41"/>
  <sheetViews>
    <sheetView zoomScaleNormal="100" workbookViewId="0">
      <pane xSplit="1" ySplit="7" topLeftCell="B8" activePane="bottomRight" state="frozen"/>
      <selection activeCell="F37" sqref="F37"/>
      <selection pane="topRight" activeCell="F37" sqref="F37"/>
      <selection pane="bottomLeft" activeCell="F37" sqref="F37"/>
      <selection pane="bottomRight"/>
    </sheetView>
  </sheetViews>
  <sheetFormatPr defaultColWidth="9" defaultRowHeight="13.2" x14ac:dyDescent="0.2"/>
  <cols>
    <col min="1" max="1" width="9.44140625" style="44" customWidth="1"/>
    <col min="2" max="10" width="7.88671875" style="43" customWidth="1"/>
    <col min="11" max="12" width="8.77734375" style="43" customWidth="1"/>
    <col min="13" max="32" width="7.88671875" style="43" customWidth="1"/>
    <col min="33" max="33" width="9.109375" style="43" customWidth="1"/>
    <col min="34" max="34" width="8.44140625" style="43" customWidth="1"/>
    <col min="35" max="54" width="7.88671875" style="43" customWidth="1"/>
    <col min="55" max="55" width="9.109375" style="43" customWidth="1"/>
    <col min="56" max="56" width="8.44140625" style="43" customWidth="1"/>
    <col min="57" max="76" width="7.88671875" style="43" customWidth="1"/>
    <col min="77" max="77" width="9.109375" style="43" customWidth="1"/>
    <col min="78" max="78" width="8.44140625" style="43" customWidth="1"/>
    <col min="79" max="85" width="7.88671875" style="43" customWidth="1"/>
    <col min="86" max="92" width="9" style="43"/>
    <col min="93" max="93" width="8.44140625" style="43" customWidth="1"/>
    <col min="94" max="101" width="9" style="43"/>
    <col min="102" max="103" width="9" style="44"/>
    <col min="104" max="104" width="7.77734375" style="44" customWidth="1"/>
    <col min="105" max="114" width="9" style="44"/>
    <col min="115" max="115" width="7.77734375" style="44" customWidth="1"/>
    <col min="116" max="125" width="9" style="44"/>
    <col min="126" max="126" width="7.77734375" style="44" customWidth="1"/>
    <col min="127" max="136" width="9" style="44"/>
    <col min="137" max="137" width="8" style="44" customWidth="1"/>
    <col min="138" max="147" width="9" style="44"/>
    <col min="148" max="148" width="7.77734375" style="44" customWidth="1"/>
    <col min="149" max="158" width="9" style="44"/>
    <col min="159" max="159" width="7.44140625" style="44" customWidth="1"/>
    <col min="160" max="169" width="9" style="44"/>
    <col min="170" max="170" width="7.88671875" style="44" customWidth="1"/>
    <col min="171" max="180" width="9" style="44"/>
    <col min="181" max="181" width="7.21875" style="44" customWidth="1"/>
    <col min="182" max="191" width="9" style="44"/>
    <col min="192" max="192" width="8" style="44" customWidth="1"/>
    <col min="193" max="202" width="9" style="44"/>
    <col min="203" max="203" width="7.88671875" style="44" customWidth="1"/>
    <col min="204" max="213" width="9" style="44"/>
    <col min="214" max="214" width="7.88671875" style="44" customWidth="1"/>
    <col min="215" max="224" width="9" style="44"/>
    <col min="225" max="225" width="7.33203125" style="44" customWidth="1"/>
    <col min="226" max="235" width="9" style="44"/>
    <col min="236" max="236" width="7.6640625" style="44" customWidth="1"/>
    <col min="237" max="246" width="9" style="44"/>
    <col min="247" max="247" width="8" style="44" customWidth="1"/>
    <col min="248" max="257" width="9" style="44"/>
    <col min="258" max="258" width="8" style="44" customWidth="1"/>
    <col min="259" max="268" width="9" style="44"/>
    <col min="269" max="269" width="8" style="44" customWidth="1"/>
    <col min="270" max="279" width="9" style="44"/>
    <col min="280" max="280" width="8" style="44" customWidth="1"/>
    <col min="281" max="290" width="9" style="44"/>
    <col min="291" max="291" width="8.109375" style="44" customWidth="1"/>
    <col min="292" max="16384" width="9" style="44"/>
  </cols>
  <sheetData>
    <row r="1" spans="1:298" ht="17.25" customHeight="1" x14ac:dyDescent="0.2">
      <c r="A1" s="12" t="s">
        <v>121</v>
      </c>
      <c r="E1" s="517">
        <f>第１表!F2</f>
        <v>4</v>
      </c>
      <c r="F1" s="517"/>
      <c r="G1" s="282">
        <f>第１表!G2</f>
        <v>3</v>
      </c>
      <c r="H1" s="499">
        <f>G1</f>
        <v>3</v>
      </c>
      <c r="I1" s="499"/>
    </row>
    <row r="2" spans="1:298" ht="16.5" customHeight="1" thickBot="1" x14ac:dyDescent="0.25">
      <c r="A2" s="20" t="s">
        <v>153</v>
      </c>
    </row>
    <row r="3" spans="1:298" ht="22.5" customHeight="1" thickBot="1" x14ac:dyDescent="0.25">
      <c r="A3" s="500" t="s">
        <v>38</v>
      </c>
      <c r="B3" s="512" t="s">
        <v>96</v>
      </c>
      <c r="C3" s="512"/>
      <c r="D3" s="512"/>
      <c r="E3" s="512"/>
      <c r="F3" s="512"/>
      <c r="G3" s="512"/>
      <c r="H3" s="512"/>
      <c r="I3" s="512"/>
      <c r="J3" s="512"/>
      <c r="K3" s="512"/>
      <c r="L3" s="512"/>
      <c r="M3" s="512"/>
      <c r="N3" s="512"/>
      <c r="O3" s="512"/>
      <c r="P3" s="512"/>
      <c r="Q3" s="512"/>
      <c r="R3" s="512"/>
      <c r="S3" s="512"/>
      <c r="T3" s="512"/>
      <c r="U3" s="512"/>
      <c r="V3" s="512"/>
      <c r="W3" s="512"/>
      <c r="X3" s="512"/>
      <c r="Y3" s="512"/>
      <c r="Z3" s="512"/>
      <c r="AA3" s="512"/>
      <c r="AB3" s="512"/>
      <c r="AC3" s="512"/>
      <c r="AD3" s="512"/>
      <c r="AE3" s="512"/>
      <c r="AF3" s="512"/>
      <c r="AG3" s="512"/>
      <c r="AH3" s="512"/>
      <c r="AI3" s="512"/>
      <c r="AJ3" s="512"/>
      <c r="AK3" s="512"/>
      <c r="AL3" s="512"/>
      <c r="AM3" s="512"/>
      <c r="AN3" s="512"/>
      <c r="AO3" s="512"/>
      <c r="AP3" s="512"/>
      <c r="AQ3" s="512"/>
      <c r="AR3" s="512"/>
      <c r="AS3" s="512"/>
      <c r="AT3" s="512"/>
      <c r="AU3" s="512"/>
      <c r="AV3" s="512"/>
      <c r="AW3" s="512"/>
      <c r="AX3" s="512"/>
      <c r="AY3" s="512"/>
      <c r="AZ3" s="512"/>
      <c r="BA3" s="512"/>
      <c r="BB3" s="512"/>
      <c r="BC3" s="512"/>
      <c r="BD3" s="512"/>
      <c r="BE3" s="512"/>
      <c r="BF3" s="512"/>
      <c r="BG3" s="512"/>
      <c r="BH3" s="512"/>
      <c r="BI3" s="512"/>
      <c r="BJ3" s="512"/>
      <c r="BK3" s="512"/>
      <c r="BL3" s="512"/>
      <c r="BM3" s="512"/>
      <c r="BN3" s="512"/>
      <c r="BO3" s="512"/>
      <c r="BP3" s="512"/>
      <c r="BQ3" s="512"/>
      <c r="BR3" s="512"/>
      <c r="BS3" s="512"/>
      <c r="BT3" s="512"/>
      <c r="BU3" s="512"/>
      <c r="BV3" s="512"/>
      <c r="BW3" s="512"/>
      <c r="BX3" s="512"/>
      <c r="BY3" s="512"/>
      <c r="BZ3" s="512"/>
      <c r="CA3" s="512"/>
      <c r="CB3" s="512"/>
      <c r="CC3" s="512"/>
      <c r="CD3" s="512"/>
      <c r="CE3" s="512"/>
      <c r="CF3" s="512"/>
      <c r="CG3" s="512"/>
      <c r="CH3" s="512"/>
      <c r="CI3" s="512"/>
      <c r="CJ3" s="512"/>
      <c r="CK3" s="512"/>
      <c r="CL3" s="512"/>
      <c r="CM3" s="512"/>
      <c r="CN3" s="512"/>
      <c r="CO3" s="512"/>
      <c r="CP3" s="512"/>
      <c r="CQ3" s="512"/>
      <c r="CR3" s="512"/>
      <c r="CS3" s="512"/>
      <c r="CT3" s="512"/>
      <c r="CU3" s="512"/>
      <c r="CV3" s="513"/>
      <c r="CW3" s="512" t="s">
        <v>103</v>
      </c>
      <c r="CX3" s="512"/>
      <c r="CY3" s="512"/>
      <c r="CZ3" s="512"/>
      <c r="DA3" s="512"/>
      <c r="DB3" s="512"/>
      <c r="DC3" s="512"/>
      <c r="DD3" s="512"/>
      <c r="DE3" s="512"/>
      <c r="DF3" s="512"/>
      <c r="DG3" s="512"/>
      <c r="DH3" s="512"/>
      <c r="DI3" s="512"/>
      <c r="DJ3" s="512"/>
      <c r="DK3" s="512"/>
      <c r="DL3" s="512"/>
      <c r="DM3" s="512"/>
      <c r="DN3" s="512"/>
      <c r="DO3" s="512"/>
      <c r="DP3" s="512"/>
      <c r="DQ3" s="512"/>
      <c r="DR3" s="512"/>
      <c r="DS3" s="512"/>
      <c r="DT3" s="512"/>
      <c r="DU3" s="512"/>
      <c r="DV3" s="512"/>
      <c r="DW3" s="512"/>
      <c r="DX3" s="512"/>
      <c r="DY3" s="512"/>
      <c r="DZ3" s="512"/>
      <c r="EA3" s="512"/>
      <c r="EB3" s="512"/>
      <c r="EC3" s="512"/>
      <c r="ED3" s="512"/>
      <c r="EE3" s="512"/>
      <c r="EF3" s="512"/>
      <c r="EG3" s="512"/>
      <c r="EH3" s="512"/>
      <c r="EI3" s="512"/>
      <c r="EJ3" s="512"/>
      <c r="EK3" s="512"/>
      <c r="EL3" s="512"/>
      <c r="EM3" s="512"/>
      <c r="EN3" s="512"/>
      <c r="EO3" s="512"/>
      <c r="EP3" s="512"/>
      <c r="EQ3" s="512"/>
      <c r="ER3" s="512"/>
      <c r="ES3" s="512"/>
      <c r="ET3" s="512"/>
      <c r="EU3" s="512"/>
      <c r="EV3" s="512"/>
      <c r="EW3" s="512"/>
      <c r="EX3" s="512"/>
      <c r="EY3" s="512"/>
      <c r="EZ3" s="512"/>
      <c r="FA3" s="512"/>
      <c r="FB3" s="512"/>
      <c r="FC3" s="512"/>
      <c r="FD3" s="512"/>
      <c r="FE3" s="512"/>
      <c r="FF3" s="512"/>
      <c r="FG3" s="512"/>
      <c r="FH3" s="512"/>
      <c r="FI3" s="512"/>
      <c r="FJ3" s="512"/>
      <c r="FK3" s="512"/>
      <c r="FL3" s="512"/>
      <c r="FM3" s="512"/>
      <c r="FN3" s="512"/>
      <c r="FO3" s="512"/>
      <c r="FP3" s="512"/>
      <c r="FQ3" s="512"/>
      <c r="FR3" s="512"/>
      <c r="FS3" s="512"/>
      <c r="FT3" s="512"/>
      <c r="FU3" s="512"/>
      <c r="FV3" s="512"/>
      <c r="FW3" s="512"/>
      <c r="FX3" s="512"/>
      <c r="FY3" s="512"/>
      <c r="FZ3" s="512"/>
      <c r="GA3" s="512"/>
      <c r="GB3" s="512"/>
      <c r="GC3" s="512"/>
      <c r="GD3" s="512"/>
      <c r="GE3" s="512"/>
      <c r="GF3" s="512"/>
      <c r="GG3" s="512"/>
      <c r="GH3" s="512"/>
      <c r="GI3" s="512"/>
      <c r="GJ3" s="512"/>
      <c r="GK3" s="512"/>
      <c r="GL3" s="512"/>
      <c r="GM3" s="512"/>
      <c r="GN3" s="512"/>
      <c r="GO3" s="512"/>
      <c r="GP3" s="512"/>
      <c r="GQ3" s="513"/>
      <c r="GR3" s="512" t="s">
        <v>104</v>
      </c>
      <c r="GS3" s="512"/>
      <c r="GT3" s="512"/>
      <c r="GU3" s="512"/>
      <c r="GV3" s="512"/>
      <c r="GW3" s="512"/>
      <c r="GX3" s="512"/>
      <c r="GY3" s="512"/>
      <c r="GZ3" s="512"/>
      <c r="HA3" s="512"/>
      <c r="HB3" s="512"/>
      <c r="HC3" s="512"/>
      <c r="HD3" s="512"/>
      <c r="HE3" s="512"/>
      <c r="HF3" s="512"/>
      <c r="HG3" s="512"/>
      <c r="HH3" s="512"/>
      <c r="HI3" s="512"/>
      <c r="HJ3" s="512"/>
      <c r="HK3" s="512"/>
      <c r="HL3" s="512"/>
      <c r="HM3" s="512"/>
      <c r="HN3" s="512"/>
      <c r="HO3" s="512"/>
      <c r="HP3" s="512"/>
      <c r="HQ3" s="512"/>
      <c r="HR3" s="512"/>
      <c r="HS3" s="512"/>
      <c r="HT3" s="512"/>
      <c r="HU3" s="512"/>
      <c r="HV3" s="512"/>
      <c r="HW3" s="512"/>
      <c r="HX3" s="512"/>
      <c r="HY3" s="512"/>
      <c r="HZ3" s="512"/>
      <c r="IA3" s="512"/>
      <c r="IB3" s="512"/>
      <c r="IC3" s="512"/>
      <c r="ID3" s="512"/>
      <c r="IE3" s="512"/>
      <c r="IF3" s="512"/>
      <c r="IG3" s="512"/>
      <c r="IH3" s="512"/>
      <c r="II3" s="512"/>
      <c r="IJ3" s="512"/>
      <c r="IK3" s="512"/>
      <c r="IL3" s="512"/>
      <c r="IM3" s="512"/>
      <c r="IN3" s="512"/>
      <c r="IO3" s="512"/>
      <c r="IP3" s="512"/>
      <c r="IQ3" s="512"/>
      <c r="IR3" s="512"/>
      <c r="IS3" s="512"/>
      <c r="IT3" s="512"/>
      <c r="IU3" s="512"/>
      <c r="IV3" s="512"/>
      <c r="IW3" s="512"/>
      <c r="IX3" s="512"/>
      <c r="IY3" s="512"/>
      <c r="IZ3" s="512"/>
      <c r="JA3" s="512"/>
      <c r="JB3" s="512"/>
      <c r="JC3" s="512"/>
      <c r="JD3" s="512"/>
      <c r="JE3" s="512"/>
      <c r="JF3" s="512"/>
      <c r="JG3" s="512"/>
      <c r="JH3" s="512"/>
      <c r="JI3" s="512"/>
      <c r="JJ3" s="512"/>
      <c r="JK3" s="512"/>
      <c r="JL3" s="512"/>
      <c r="JM3" s="512"/>
      <c r="JN3" s="512"/>
      <c r="JO3" s="512"/>
      <c r="JP3" s="512"/>
      <c r="JQ3" s="512"/>
      <c r="JR3" s="512"/>
      <c r="JS3" s="512"/>
      <c r="JT3" s="512"/>
      <c r="JU3" s="512"/>
      <c r="JV3" s="512"/>
      <c r="JW3" s="512"/>
      <c r="JX3" s="512"/>
      <c r="JY3" s="512"/>
      <c r="JZ3" s="512"/>
      <c r="KA3" s="512"/>
      <c r="KB3" s="512"/>
      <c r="KC3" s="512"/>
      <c r="KD3" s="512"/>
      <c r="KE3" s="512"/>
      <c r="KF3" s="512"/>
      <c r="KG3" s="512"/>
      <c r="KH3" s="512"/>
      <c r="KI3" s="512"/>
      <c r="KJ3" s="512"/>
      <c r="KK3" s="512"/>
      <c r="KL3" s="513"/>
    </row>
    <row r="4" spans="1:298" ht="27.75" customHeight="1" thickBot="1" x14ac:dyDescent="0.25">
      <c r="A4" s="518"/>
      <c r="B4" s="514" t="s">
        <v>39</v>
      </c>
      <c r="C4" s="515"/>
      <c r="D4" s="515"/>
      <c r="E4" s="515"/>
      <c r="F4" s="515"/>
      <c r="G4" s="515"/>
      <c r="H4" s="515"/>
      <c r="I4" s="515"/>
      <c r="J4" s="515"/>
      <c r="K4" s="515"/>
      <c r="L4" s="515"/>
      <c r="M4" s="515"/>
      <c r="N4" s="515"/>
      <c r="O4" s="515"/>
      <c r="P4" s="515"/>
      <c r="Q4" s="515"/>
      <c r="R4" s="515"/>
      <c r="S4" s="515"/>
      <c r="T4" s="515"/>
      <c r="U4" s="515"/>
      <c r="V4" s="515"/>
      <c r="W4" s="515"/>
      <c r="X4" s="515"/>
      <c r="Y4" s="515"/>
      <c r="Z4" s="515"/>
      <c r="AA4" s="515"/>
      <c r="AB4" s="515"/>
      <c r="AC4" s="515"/>
      <c r="AD4" s="515"/>
      <c r="AE4" s="515"/>
      <c r="AF4" s="515"/>
      <c r="AG4" s="515"/>
      <c r="AH4" s="515"/>
      <c r="AI4" s="515"/>
      <c r="AJ4" s="515"/>
      <c r="AK4" s="515"/>
      <c r="AL4" s="515"/>
      <c r="AM4" s="515"/>
      <c r="AN4" s="515"/>
      <c r="AO4" s="515"/>
      <c r="AP4" s="515"/>
      <c r="AQ4" s="515"/>
      <c r="AR4" s="515"/>
      <c r="AS4" s="515"/>
      <c r="AT4" s="515"/>
      <c r="AU4" s="515"/>
      <c r="AV4" s="515"/>
      <c r="AW4" s="515"/>
      <c r="AX4" s="515"/>
      <c r="AY4" s="515"/>
      <c r="AZ4" s="515"/>
      <c r="BA4" s="515"/>
      <c r="BB4" s="515"/>
      <c r="BC4" s="515"/>
      <c r="BD4" s="515"/>
      <c r="BE4" s="515"/>
      <c r="BF4" s="515"/>
      <c r="BG4" s="515"/>
      <c r="BH4" s="515"/>
      <c r="BI4" s="515"/>
      <c r="BJ4" s="515"/>
      <c r="BK4" s="515"/>
      <c r="BL4" s="515"/>
      <c r="BM4" s="515"/>
      <c r="BN4" s="515"/>
      <c r="BO4" s="515"/>
      <c r="BP4" s="515"/>
      <c r="BQ4" s="515"/>
      <c r="BR4" s="515"/>
      <c r="BS4" s="515"/>
      <c r="BT4" s="515"/>
      <c r="BU4" s="515"/>
      <c r="BV4" s="515"/>
      <c r="BW4" s="515"/>
      <c r="BX4" s="515"/>
      <c r="BY4" s="515"/>
      <c r="BZ4" s="516"/>
      <c r="CA4" s="500" t="s">
        <v>40</v>
      </c>
      <c r="CB4" s="501"/>
      <c r="CC4" s="501"/>
      <c r="CD4" s="501"/>
      <c r="CE4" s="501"/>
      <c r="CF4" s="501"/>
      <c r="CG4" s="501"/>
      <c r="CH4" s="501"/>
      <c r="CI4" s="501"/>
      <c r="CJ4" s="501"/>
      <c r="CK4" s="502"/>
      <c r="CL4" s="500" t="s">
        <v>41</v>
      </c>
      <c r="CM4" s="501"/>
      <c r="CN4" s="501"/>
      <c r="CO4" s="501"/>
      <c r="CP4" s="501"/>
      <c r="CQ4" s="501"/>
      <c r="CR4" s="501"/>
      <c r="CS4" s="501"/>
      <c r="CT4" s="501"/>
      <c r="CU4" s="501"/>
      <c r="CV4" s="502"/>
      <c r="CW4" s="514" t="s">
        <v>39</v>
      </c>
      <c r="CX4" s="515"/>
      <c r="CY4" s="515"/>
      <c r="CZ4" s="515"/>
      <c r="DA4" s="515"/>
      <c r="DB4" s="515"/>
      <c r="DC4" s="515"/>
      <c r="DD4" s="515"/>
      <c r="DE4" s="515"/>
      <c r="DF4" s="515"/>
      <c r="DG4" s="515"/>
      <c r="DH4" s="515"/>
      <c r="DI4" s="515"/>
      <c r="DJ4" s="515"/>
      <c r="DK4" s="515"/>
      <c r="DL4" s="515"/>
      <c r="DM4" s="515"/>
      <c r="DN4" s="515"/>
      <c r="DO4" s="515"/>
      <c r="DP4" s="515"/>
      <c r="DQ4" s="515"/>
      <c r="DR4" s="515"/>
      <c r="DS4" s="515"/>
      <c r="DT4" s="515"/>
      <c r="DU4" s="515"/>
      <c r="DV4" s="515"/>
      <c r="DW4" s="515"/>
      <c r="DX4" s="515"/>
      <c r="DY4" s="515"/>
      <c r="DZ4" s="515"/>
      <c r="EA4" s="515"/>
      <c r="EB4" s="515"/>
      <c r="EC4" s="515"/>
      <c r="ED4" s="515"/>
      <c r="EE4" s="515"/>
      <c r="EF4" s="515"/>
      <c r="EG4" s="515"/>
      <c r="EH4" s="515"/>
      <c r="EI4" s="515"/>
      <c r="EJ4" s="515"/>
      <c r="EK4" s="515"/>
      <c r="EL4" s="515"/>
      <c r="EM4" s="515"/>
      <c r="EN4" s="515"/>
      <c r="EO4" s="515"/>
      <c r="EP4" s="515"/>
      <c r="EQ4" s="515"/>
      <c r="ER4" s="515"/>
      <c r="ES4" s="515"/>
      <c r="ET4" s="515"/>
      <c r="EU4" s="515"/>
      <c r="EV4" s="515"/>
      <c r="EW4" s="515"/>
      <c r="EX4" s="515"/>
      <c r="EY4" s="515"/>
      <c r="EZ4" s="515"/>
      <c r="FA4" s="515"/>
      <c r="FB4" s="515"/>
      <c r="FC4" s="515"/>
      <c r="FD4" s="515"/>
      <c r="FE4" s="515"/>
      <c r="FF4" s="515"/>
      <c r="FG4" s="515"/>
      <c r="FH4" s="515"/>
      <c r="FI4" s="515"/>
      <c r="FJ4" s="515"/>
      <c r="FK4" s="515"/>
      <c r="FL4" s="515"/>
      <c r="FM4" s="515"/>
      <c r="FN4" s="515"/>
      <c r="FO4" s="515"/>
      <c r="FP4" s="515"/>
      <c r="FQ4" s="515"/>
      <c r="FR4" s="515"/>
      <c r="FS4" s="515"/>
      <c r="FT4" s="515"/>
      <c r="FU4" s="516"/>
      <c r="FV4" s="500" t="s">
        <v>40</v>
      </c>
      <c r="FW4" s="501"/>
      <c r="FX4" s="501"/>
      <c r="FY4" s="501"/>
      <c r="FZ4" s="501"/>
      <c r="GA4" s="501"/>
      <c r="GB4" s="501"/>
      <c r="GC4" s="501"/>
      <c r="GD4" s="501"/>
      <c r="GE4" s="501"/>
      <c r="GF4" s="502"/>
      <c r="GG4" s="500" t="s">
        <v>41</v>
      </c>
      <c r="GH4" s="501"/>
      <c r="GI4" s="501"/>
      <c r="GJ4" s="501"/>
      <c r="GK4" s="501"/>
      <c r="GL4" s="501"/>
      <c r="GM4" s="501"/>
      <c r="GN4" s="501"/>
      <c r="GO4" s="501"/>
      <c r="GP4" s="501"/>
      <c r="GQ4" s="502"/>
      <c r="GR4" s="514" t="s">
        <v>39</v>
      </c>
      <c r="GS4" s="515"/>
      <c r="GT4" s="515"/>
      <c r="GU4" s="515"/>
      <c r="GV4" s="515"/>
      <c r="GW4" s="515"/>
      <c r="GX4" s="515"/>
      <c r="GY4" s="515"/>
      <c r="GZ4" s="515"/>
      <c r="HA4" s="515"/>
      <c r="HB4" s="515"/>
      <c r="HC4" s="515"/>
      <c r="HD4" s="515"/>
      <c r="HE4" s="515"/>
      <c r="HF4" s="515"/>
      <c r="HG4" s="515"/>
      <c r="HH4" s="515"/>
      <c r="HI4" s="515"/>
      <c r="HJ4" s="515"/>
      <c r="HK4" s="515"/>
      <c r="HL4" s="515"/>
      <c r="HM4" s="515"/>
      <c r="HN4" s="515"/>
      <c r="HO4" s="515"/>
      <c r="HP4" s="515"/>
      <c r="HQ4" s="515"/>
      <c r="HR4" s="515"/>
      <c r="HS4" s="515"/>
      <c r="HT4" s="515"/>
      <c r="HU4" s="515"/>
      <c r="HV4" s="515"/>
      <c r="HW4" s="515"/>
      <c r="HX4" s="515"/>
      <c r="HY4" s="515"/>
      <c r="HZ4" s="515"/>
      <c r="IA4" s="515"/>
      <c r="IB4" s="515"/>
      <c r="IC4" s="515"/>
      <c r="ID4" s="515"/>
      <c r="IE4" s="515"/>
      <c r="IF4" s="515"/>
      <c r="IG4" s="515"/>
      <c r="IH4" s="515"/>
      <c r="II4" s="515"/>
      <c r="IJ4" s="515"/>
      <c r="IK4" s="515"/>
      <c r="IL4" s="515"/>
      <c r="IM4" s="515"/>
      <c r="IN4" s="515"/>
      <c r="IO4" s="515"/>
      <c r="IP4" s="515"/>
      <c r="IQ4" s="515"/>
      <c r="IR4" s="515"/>
      <c r="IS4" s="515"/>
      <c r="IT4" s="515"/>
      <c r="IU4" s="515"/>
      <c r="IV4" s="515"/>
      <c r="IW4" s="515"/>
      <c r="IX4" s="515"/>
      <c r="IY4" s="515"/>
      <c r="IZ4" s="515"/>
      <c r="JA4" s="515"/>
      <c r="JB4" s="515"/>
      <c r="JC4" s="515"/>
      <c r="JD4" s="515"/>
      <c r="JE4" s="515"/>
      <c r="JF4" s="515"/>
      <c r="JG4" s="515"/>
      <c r="JH4" s="515"/>
      <c r="JI4" s="515"/>
      <c r="JJ4" s="515"/>
      <c r="JK4" s="515"/>
      <c r="JL4" s="515"/>
      <c r="JM4" s="515"/>
      <c r="JN4" s="515"/>
      <c r="JO4" s="515"/>
      <c r="JP4" s="516"/>
      <c r="JQ4" s="500" t="s">
        <v>40</v>
      </c>
      <c r="JR4" s="501"/>
      <c r="JS4" s="501"/>
      <c r="JT4" s="501"/>
      <c r="JU4" s="501"/>
      <c r="JV4" s="501"/>
      <c r="JW4" s="501"/>
      <c r="JX4" s="501"/>
      <c r="JY4" s="501"/>
      <c r="JZ4" s="501"/>
      <c r="KA4" s="502"/>
      <c r="KB4" s="500" t="s">
        <v>41</v>
      </c>
      <c r="KC4" s="501"/>
      <c r="KD4" s="501"/>
      <c r="KE4" s="501"/>
      <c r="KF4" s="501"/>
      <c r="KG4" s="501"/>
      <c r="KH4" s="501"/>
      <c r="KI4" s="501"/>
      <c r="KJ4" s="501"/>
      <c r="KK4" s="501"/>
      <c r="KL4" s="502"/>
    </row>
    <row r="5" spans="1:298" ht="27.75" customHeight="1" thickBot="1" x14ac:dyDescent="0.25">
      <c r="A5" s="506"/>
      <c r="B5" s="506"/>
      <c r="C5" s="507"/>
      <c r="D5" s="507"/>
      <c r="E5" s="507"/>
      <c r="F5" s="507"/>
      <c r="G5" s="507"/>
      <c r="H5" s="507"/>
      <c r="I5" s="507"/>
      <c r="J5" s="507"/>
      <c r="K5" s="507"/>
      <c r="L5" s="508"/>
      <c r="M5" s="509" t="s">
        <v>97</v>
      </c>
      <c r="N5" s="510"/>
      <c r="O5" s="510"/>
      <c r="P5" s="510"/>
      <c r="Q5" s="510"/>
      <c r="R5" s="510"/>
      <c r="S5" s="510"/>
      <c r="T5" s="510"/>
      <c r="U5" s="510"/>
      <c r="V5" s="510"/>
      <c r="W5" s="511"/>
      <c r="X5" s="509" t="s">
        <v>98</v>
      </c>
      <c r="Y5" s="510"/>
      <c r="Z5" s="510"/>
      <c r="AA5" s="510"/>
      <c r="AB5" s="510"/>
      <c r="AC5" s="510"/>
      <c r="AD5" s="510"/>
      <c r="AE5" s="510"/>
      <c r="AF5" s="510"/>
      <c r="AG5" s="510"/>
      <c r="AH5" s="511"/>
      <c r="AI5" s="509" t="s">
        <v>99</v>
      </c>
      <c r="AJ5" s="510"/>
      <c r="AK5" s="510"/>
      <c r="AL5" s="510"/>
      <c r="AM5" s="510"/>
      <c r="AN5" s="510"/>
      <c r="AO5" s="510"/>
      <c r="AP5" s="510"/>
      <c r="AQ5" s="510"/>
      <c r="AR5" s="510"/>
      <c r="AS5" s="511"/>
      <c r="AT5" s="509" t="s">
        <v>100</v>
      </c>
      <c r="AU5" s="510"/>
      <c r="AV5" s="510"/>
      <c r="AW5" s="510"/>
      <c r="AX5" s="510"/>
      <c r="AY5" s="510"/>
      <c r="AZ5" s="510"/>
      <c r="BA5" s="510"/>
      <c r="BB5" s="510"/>
      <c r="BC5" s="510"/>
      <c r="BD5" s="511"/>
      <c r="BE5" s="509" t="s">
        <v>101</v>
      </c>
      <c r="BF5" s="510"/>
      <c r="BG5" s="510"/>
      <c r="BH5" s="510"/>
      <c r="BI5" s="510"/>
      <c r="BJ5" s="510"/>
      <c r="BK5" s="510"/>
      <c r="BL5" s="510"/>
      <c r="BM5" s="510"/>
      <c r="BN5" s="510"/>
      <c r="BO5" s="511"/>
      <c r="BP5" s="509" t="s">
        <v>102</v>
      </c>
      <c r="BQ5" s="510"/>
      <c r="BR5" s="510"/>
      <c r="BS5" s="510"/>
      <c r="BT5" s="510"/>
      <c r="BU5" s="510"/>
      <c r="BV5" s="510"/>
      <c r="BW5" s="510"/>
      <c r="BX5" s="510"/>
      <c r="BY5" s="510"/>
      <c r="BZ5" s="511"/>
      <c r="CA5" s="503"/>
      <c r="CB5" s="504"/>
      <c r="CC5" s="504"/>
      <c r="CD5" s="504"/>
      <c r="CE5" s="504"/>
      <c r="CF5" s="504"/>
      <c r="CG5" s="504"/>
      <c r="CH5" s="504"/>
      <c r="CI5" s="504"/>
      <c r="CJ5" s="504"/>
      <c r="CK5" s="505"/>
      <c r="CL5" s="503"/>
      <c r="CM5" s="504"/>
      <c r="CN5" s="504"/>
      <c r="CO5" s="504"/>
      <c r="CP5" s="504"/>
      <c r="CQ5" s="504"/>
      <c r="CR5" s="504"/>
      <c r="CS5" s="504"/>
      <c r="CT5" s="504"/>
      <c r="CU5" s="504"/>
      <c r="CV5" s="505"/>
      <c r="CW5" s="506"/>
      <c r="CX5" s="507"/>
      <c r="CY5" s="507"/>
      <c r="CZ5" s="507"/>
      <c r="DA5" s="507"/>
      <c r="DB5" s="507"/>
      <c r="DC5" s="507"/>
      <c r="DD5" s="507"/>
      <c r="DE5" s="507"/>
      <c r="DF5" s="507"/>
      <c r="DG5" s="508"/>
      <c r="DH5" s="509" t="s">
        <v>97</v>
      </c>
      <c r="DI5" s="510"/>
      <c r="DJ5" s="510"/>
      <c r="DK5" s="510"/>
      <c r="DL5" s="510"/>
      <c r="DM5" s="510"/>
      <c r="DN5" s="510"/>
      <c r="DO5" s="510"/>
      <c r="DP5" s="510"/>
      <c r="DQ5" s="510"/>
      <c r="DR5" s="511"/>
      <c r="DS5" s="509" t="s">
        <v>98</v>
      </c>
      <c r="DT5" s="510"/>
      <c r="DU5" s="510"/>
      <c r="DV5" s="510"/>
      <c r="DW5" s="510"/>
      <c r="DX5" s="510"/>
      <c r="DY5" s="510"/>
      <c r="DZ5" s="510"/>
      <c r="EA5" s="510"/>
      <c r="EB5" s="510"/>
      <c r="EC5" s="511"/>
      <c r="ED5" s="509" t="s">
        <v>99</v>
      </c>
      <c r="EE5" s="510"/>
      <c r="EF5" s="510"/>
      <c r="EG5" s="510"/>
      <c r="EH5" s="510"/>
      <c r="EI5" s="510"/>
      <c r="EJ5" s="510"/>
      <c r="EK5" s="510"/>
      <c r="EL5" s="510"/>
      <c r="EM5" s="510"/>
      <c r="EN5" s="511"/>
      <c r="EO5" s="509" t="s">
        <v>100</v>
      </c>
      <c r="EP5" s="510"/>
      <c r="EQ5" s="510"/>
      <c r="ER5" s="510"/>
      <c r="ES5" s="510"/>
      <c r="ET5" s="510"/>
      <c r="EU5" s="510"/>
      <c r="EV5" s="510"/>
      <c r="EW5" s="510"/>
      <c r="EX5" s="510"/>
      <c r="EY5" s="511"/>
      <c r="EZ5" s="509" t="s">
        <v>101</v>
      </c>
      <c r="FA5" s="510"/>
      <c r="FB5" s="510"/>
      <c r="FC5" s="510"/>
      <c r="FD5" s="510"/>
      <c r="FE5" s="510"/>
      <c r="FF5" s="510"/>
      <c r="FG5" s="510"/>
      <c r="FH5" s="510"/>
      <c r="FI5" s="510"/>
      <c r="FJ5" s="511"/>
      <c r="FK5" s="509" t="s">
        <v>102</v>
      </c>
      <c r="FL5" s="510"/>
      <c r="FM5" s="510"/>
      <c r="FN5" s="510"/>
      <c r="FO5" s="510"/>
      <c r="FP5" s="510"/>
      <c r="FQ5" s="510"/>
      <c r="FR5" s="510"/>
      <c r="FS5" s="510"/>
      <c r="FT5" s="510"/>
      <c r="FU5" s="511"/>
      <c r="FV5" s="503"/>
      <c r="FW5" s="504"/>
      <c r="FX5" s="504"/>
      <c r="FY5" s="504"/>
      <c r="FZ5" s="504"/>
      <c r="GA5" s="504"/>
      <c r="GB5" s="504"/>
      <c r="GC5" s="504"/>
      <c r="GD5" s="504"/>
      <c r="GE5" s="504"/>
      <c r="GF5" s="505"/>
      <c r="GG5" s="503"/>
      <c r="GH5" s="504"/>
      <c r="GI5" s="504"/>
      <c r="GJ5" s="504"/>
      <c r="GK5" s="504"/>
      <c r="GL5" s="504"/>
      <c r="GM5" s="504"/>
      <c r="GN5" s="504"/>
      <c r="GO5" s="504"/>
      <c r="GP5" s="504"/>
      <c r="GQ5" s="505"/>
      <c r="GR5" s="506"/>
      <c r="GS5" s="507"/>
      <c r="GT5" s="507"/>
      <c r="GU5" s="507"/>
      <c r="GV5" s="507"/>
      <c r="GW5" s="507"/>
      <c r="GX5" s="507"/>
      <c r="GY5" s="507"/>
      <c r="GZ5" s="507"/>
      <c r="HA5" s="507"/>
      <c r="HB5" s="508"/>
      <c r="HC5" s="509" t="s">
        <v>97</v>
      </c>
      <c r="HD5" s="510"/>
      <c r="HE5" s="510"/>
      <c r="HF5" s="510"/>
      <c r="HG5" s="510"/>
      <c r="HH5" s="510"/>
      <c r="HI5" s="510"/>
      <c r="HJ5" s="510"/>
      <c r="HK5" s="510"/>
      <c r="HL5" s="510"/>
      <c r="HM5" s="511"/>
      <c r="HN5" s="509" t="s">
        <v>98</v>
      </c>
      <c r="HO5" s="510"/>
      <c r="HP5" s="510"/>
      <c r="HQ5" s="510"/>
      <c r="HR5" s="510"/>
      <c r="HS5" s="510"/>
      <c r="HT5" s="510"/>
      <c r="HU5" s="510"/>
      <c r="HV5" s="510"/>
      <c r="HW5" s="510"/>
      <c r="HX5" s="511"/>
      <c r="HY5" s="509" t="s">
        <v>99</v>
      </c>
      <c r="HZ5" s="510"/>
      <c r="IA5" s="510"/>
      <c r="IB5" s="510"/>
      <c r="IC5" s="510"/>
      <c r="ID5" s="510"/>
      <c r="IE5" s="510"/>
      <c r="IF5" s="510"/>
      <c r="IG5" s="510"/>
      <c r="IH5" s="510"/>
      <c r="II5" s="511"/>
      <c r="IJ5" s="509" t="s">
        <v>100</v>
      </c>
      <c r="IK5" s="510"/>
      <c r="IL5" s="510"/>
      <c r="IM5" s="510"/>
      <c r="IN5" s="510"/>
      <c r="IO5" s="510"/>
      <c r="IP5" s="510"/>
      <c r="IQ5" s="510"/>
      <c r="IR5" s="510"/>
      <c r="IS5" s="510"/>
      <c r="IT5" s="511"/>
      <c r="IU5" s="509" t="s">
        <v>101</v>
      </c>
      <c r="IV5" s="510"/>
      <c r="IW5" s="510"/>
      <c r="IX5" s="510"/>
      <c r="IY5" s="510"/>
      <c r="IZ5" s="510"/>
      <c r="JA5" s="510"/>
      <c r="JB5" s="510"/>
      <c r="JC5" s="510"/>
      <c r="JD5" s="510"/>
      <c r="JE5" s="511"/>
      <c r="JF5" s="509" t="s">
        <v>102</v>
      </c>
      <c r="JG5" s="510"/>
      <c r="JH5" s="510"/>
      <c r="JI5" s="510"/>
      <c r="JJ5" s="510"/>
      <c r="JK5" s="510"/>
      <c r="JL5" s="510"/>
      <c r="JM5" s="510"/>
      <c r="JN5" s="510"/>
      <c r="JO5" s="510"/>
      <c r="JP5" s="511"/>
      <c r="JQ5" s="503"/>
      <c r="JR5" s="504"/>
      <c r="JS5" s="504"/>
      <c r="JT5" s="504"/>
      <c r="JU5" s="504"/>
      <c r="JV5" s="504"/>
      <c r="JW5" s="504"/>
      <c r="JX5" s="504"/>
      <c r="JY5" s="504"/>
      <c r="JZ5" s="504"/>
      <c r="KA5" s="505"/>
      <c r="KB5" s="503"/>
      <c r="KC5" s="504"/>
      <c r="KD5" s="504"/>
      <c r="KE5" s="504"/>
      <c r="KF5" s="504"/>
      <c r="KG5" s="504"/>
      <c r="KH5" s="504"/>
      <c r="KI5" s="504"/>
      <c r="KJ5" s="504"/>
      <c r="KK5" s="504"/>
      <c r="KL5" s="505"/>
    </row>
    <row r="6" spans="1:298" ht="44.25" customHeight="1" thickBot="1" x14ac:dyDescent="0.25">
      <c r="A6" s="396" t="s">
        <v>42</v>
      </c>
      <c r="B6" s="51" t="s">
        <v>43</v>
      </c>
      <c r="C6" s="47" t="s">
        <v>44</v>
      </c>
      <c r="D6" s="48" t="s">
        <v>45</v>
      </c>
      <c r="E6" s="52" t="s">
        <v>46</v>
      </c>
      <c r="F6" s="47" t="s">
        <v>47</v>
      </c>
      <c r="G6" s="47" t="s">
        <v>48</v>
      </c>
      <c r="H6" s="47" t="s">
        <v>49</v>
      </c>
      <c r="I6" s="47" t="s">
        <v>50</v>
      </c>
      <c r="J6" s="47" t="s">
        <v>51</v>
      </c>
      <c r="K6" s="48" t="s">
        <v>45</v>
      </c>
      <c r="L6" s="394" t="s">
        <v>52</v>
      </c>
      <c r="M6" s="400" t="s">
        <v>43</v>
      </c>
      <c r="N6" s="401" t="s">
        <v>44</v>
      </c>
      <c r="O6" s="402" t="s">
        <v>45</v>
      </c>
      <c r="P6" s="403" t="s">
        <v>46</v>
      </c>
      <c r="Q6" s="401" t="s">
        <v>47</v>
      </c>
      <c r="R6" s="401" t="s">
        <v>48</v>
      </c>
      <c r="S6" s="401" t="s">
        <v>49</v>
      </c>
      <c r="T6" s="401" t="s">
        <v>50</v>
      </c>
      <c r="U6" s="401" t="s">
        <v>51</v>
      </c>
      <c r="V6" s="402" t="s">
        <v>45</v>
      </c>
      <c r="W6" s="399" t="s">
        <v>52</v>
      </c>
      <c r="X6" s="400" t="s">
        <v>43</v>
      </c>
      <c r="Y6" s="401" t="s">
        <v>44</v>
      </c>
      <c r="Z6" s="402" t="s">
        <v>45</v>
      </c>
      <c r="AA6" s="403" t="s">
        <v>46</v>
      </c>
      <c r="AB6" s="401" t="s">
        <v>47</v>
      </c>
      <c r="AC6" s="401" t="s">
        <v>48</v>
      </c>
      <c r="AD6" s="401" t="s">
        <v>49</v>
      </c>
      <c r="AE6" s="401" t="s">
        <v>50</v>
      </c>
      <c r="AF6" s="401" t="s">
        <v>51</v>
      </c>
      <c r="AG6" s="402" t="s">
        <v>45</v>
      </c>
      <c r="AH6" s="404" t="s">
        <v>52</v>
      </c>
      <c r="AI6" s="400" t="s">
        <v>43</v>
      </c>
      <c r="AJ6" s="401" t="s">
        <v>44</v>
      </c>
      <c r="AK6" s="402" t="s">
        <v>45</v>
      </c>
      <c r="AL6" s="403" t="s">
        <v>46</v>
      </c>
      <c r="AM6" s="401" t="s">
        <v>47</v>
      </c>
      <c r="AN6" s="401" t="s">
        <v>48</v>
      </c>
      <c r="AO6" s="401" t="s">
        <v>49</v>
      </c>
      <c r="AP6" s="401" t="s">
        <v>50</v>
      </c>
      <c r="AQ6" s="401" t="s">
        <v>51</v>
      </c>
      <c r="AR6" s="402" t="s">
        <v>45</v>
      </c>
      <c r="AS6" s="404" t="s">
        <v>52</v>
      </c>
      <c r="AT6" s="400" t="s">
        <v>43</v>
      </c>
      <c r="AU6" s="401" t="s">
        <v>44</v>
      </c>
      <c r="AV6" s="402" t="s">
        <v>45</v>
      </c>
      <c r="AW6" s="403" t="s">
        <v>46</v>
      </c>
      <c r="AX6" s="401" t="s">
        <v>47</v>
      </c>
      <c r="AY6" s="401" t="s">
        <v>48</v>
      </c>
      <c r="AZ6" s="401" t="s">
        <v>49</v>
      </c>
      <c r="BA6" s="401" t="s">
        <v>50</v>
      </c>
      <c r="BB6" s="401" t="s">
        <v>51</v>
      </c>
      <c r="BC6" s="402" t="s">
        <v>45</v>
      </c>
      <c r="BD6" s="404" t="s">
        <v>52</v>
      </c>
      <c r="BE6" s="400" t="s">
        <v>43</v>
      </c>
      <c r="BF6" s="401" t="s">
        <v>44</v>
      </c>
      <c r="BG6" s="402" t="s">
        <v>45</v>
      </c>
      <c r="BH6" s="403" t="s">
        <v>46</v>
      </c>
      <c r="BI6" s="401" t="s">
        <v>47</v>
      </c>
      <c r="BJ6" s="401" t="s">
        <v>48</v>
      </c>
      <c r="BK6" s="401" t="s">
        <v>49</v>
      </c>
      <c r="BL6" s="401" t="s">
        <v>50</v>
      </c>
      <c r="BM6" s="401" t="s">
        <v>51</v>
      </c>
      <c r="BN6" s="402" t="s">
        <v>45</v>
      </c>
      <c r="BO6" s="404" t="s">
        <v>52</v>
      </c>
      <c r="BP6" s="400" t="s">
        <v>43</v>
      </c>
      <c r="BQ6" s="401" t="s">
        <v>44</v>
      </c>
      <c r="BR6" s="402" t="s">
        <v>45</v>
      </c>
      <c r="BS6" s="403" t="s">
        <v>46</v>
      </c>
      <c r="BT6" s="401" t="s">
        <v>47</v>
      </c>
      <c r="BU6" s="401" t="s">
        <v>48</v>
      </c>
      <c r="BV6" s="401" t="s">
        <v>49</v>
      </c>
      <c r="BW6" s="401" t="s">
        <v>50</v>
      </c>
      <c r="BX6" s="401" t="s">
        <v>51</v>
      </c>
      <c r="BY6" s="402" t="s">
        <v>45</v>
      </c>
      <c r="BZ6" s="404" t="s">
        <v>52</v>
      </c>
      <c r="CA6" s="400" t="s">
        <v>43</v>
      </c>
      <c r="CB6" s="401" t="s">
        <v>44</v>
      </c>
      <c r="CC6" s="402" t="s">
        <v>45</v>
      </c>
      <c r="CD6" s="403" t="s">
        <v>46</v>
      </c>
      <c r="CE6" s="401" t="s">
        <v>47</v>
      </c>
      <c r="CF6" s="401" t="s">
        <v>48</v>
      </c>
      <c r="CG6" s="401" t="s">
        <v>49</v>
      </c>
      <c r="CH6" s="401" t="s">
        <v>50</v>
      </c>
      <c r="CI6" s="401" t="s">
        <v>51</v>
      </c>
      <c r="CJ6" s="402" t="s">
        <v>45</v>
      </c>
      <c r="CK6" s="404" t="s">
        <v>52</v>
      </c>
      <c r="CL6" s="400" t="s">
        <v>43</v>
      </c>
      <c r="CM6" s="401" t="s">
        <v>44</v>
      </c>
      <c r="CN6" s="402" t="s">
        <v>45</v>
      </c>
      <c r="CO6" s="403" t="s">
        <v>46</v>
      </c>
      <c r="CP6" s="401" t="s">
        <v>47</v>
      </c>
      <c r="CQ6" s="401" t="s">
        <v>48</v>
      </c>
      <c r="CR6" s="401" t="s">
        <v>49</v>
      </c>
      <c r="CS6" s="401" t="s">
        <v>50</v>
      </c>
      <c r="CT6" s="401" t="s">
        <v>51</v>
      </c>
      <c r="CU6" s="402" t="s">
        <v>45</v>
      </c>
      <c r="CV6" s="404" t="s">
        <v>52</v>
      </c>
      <c r="CW6" s="51" t="s">
        <v>43</v>
      </c>
      <c r="CX6" s="47" t="s">
        <v>44</v>
      </c>
      <c r="CY6" s="48" t="s">
        <v>45</v>
      </c>
      <c r="CZ6" s="52" t="s">
        <v>46</v>
      </c>
      <c r="DA6" s="47" t="s">
        <v>47</v>
      </c>
      <c r="DB6" s="47" t="s">
        <v>48</v>
      </c>
      <c r="DC6" s="47" t="s">
        <v>49</v>
      </c>
      <c r="DD6" s="47" t="s">
        <v>50</v>
      </c>
      <c r="DE6" s="47" t="s">
        <v>51</v>
      </c>
      <c r="DF6" s="48" t="s">
        <v>45</v>
      </c>
      <c r="DG6" s="394" t="s">
        <v>52</v>
      </c>
      <c r="DH6" s="400" t="s">
        <v>43</v>
      </c>
      <c r="DI6" s="401" t="s">
        <v>44</v>
      </c>
      <c r="DJ6" s="402" t="s">
        <v>45</v>
      </c>
      <c r="DK6" s="403" t="s">
        <v>46</v>
      </c>
      <c r="DL6" s="401" t="s">
        <v>47</v>
      </c>
      <c r="DM6" s="401" t="s">
        <v>48</v>
      </c>
      <c r="DN6" s="401" t="s">
        <v>49</v>
      </c>
      <c r="DO6" s="401" t="s">
        <v>50</v>
      </c>
      <c r="DP6" s="401" t="s">
        <v>51</v>
      </c>
      <c r="DQ6" s="402" t="s">
        <v>45</v>
      </c>
      <c r="DR6" s="404" t="s">
        <v>52</v>
      </c>
      <c r="DS6" s="400" t="s">
        <v>43</v>
      </c>
      <c r="DT6" s="401" t="s">
        <v>44</v>
      </c>
      <c r="DU6" s="402" t="s">
        <v>45</v>
      </c>
      <c r="DV6" s="403" t="s">
        <v>46</v>
      </c>
      <c r="DW6" s="401" t="s">
        <v>47</v>
      </c>
      <c r="DX6" s="401" t="s">
        <v>48</v>
      </c>
      <c r="DY6" s="401" t="s">
        <v>49</v>
      </c>
      <c r="DZ6" s="401" t="s">
        <v>50</v>
      </c>
      <c r="EA6" s="401" t="s">
        <v>51</v>
      </c>
      <c r="EB6" s="402" t="s">
        <v>45</v>
      </c>
      <c r="EC6" s="404" t="s">
        <v>52</v>
      </c>
      <c r="ED6" s="400" t="s">
        <v>43</v>
      </c>
      <c r="EE6" s="401" t="s">
        <v>44</v>
      </c>
      <c r="EF6" s="402" t="s">
        <v>45</v>
      </c>
      <c r="EG6" s="403" t="s">
        <v>46</v>
      </c>
      <c r="EH6" s="401" t="s">
        <v>47</v>
      </c>
      <c r="EI6" s="401" t="s">
        <v>48</v>
      </c>
      <c r="EJ6" s="401" t="s">
        <v>49</v>
      </c>
      <c r="EK6" s="401" t="s">
        <v>50</v>
      </c>
      <c r="EL6" s="401" t="s">
        <v>51</v>
      </c>
      <c r="EM6" s="402" t="s">
        <v>45</v>
      </c>
      <c r="EN6" s="404" t="s">
        <v>52</v>
      </c>
      <c r="EO6" s="400" t="s">
        <v>43</v>
      </c>
      <c r="EP6" s="401" t="s">
        <v>44</v>
      </c>
      <c r="EQ6" s="402" t="s">
        <v>45</v>
      </c>
      <c r="ER6" s="403" t="s">
        <v>46</v>
      </c>
      <c r="ES6" s="401" t="s">
        <v>47</v>
      </c>
      <c r="ET6" s="401" t="s">
        <v>48</v>
      </c>
      <c r="EU6" s="401" t="s">
        <v>49</v>
      </c>
      <c r="EV6" s="401" t="s">
        <v>50</v>
      </c>
      <c r="EW6" s="401" t="s">
        <v>51</v>
      </c>
      <c r="EX6" s="402" t="s">
        <v>45</v>
      </c>
      <c r="EY6" s="404" t="s">
        <v>52</v>
      </c>
      <c r="EZ6" s="400" t="s">
        <v>43</v>
      </c>
      <c r="FA6" s="401" t="s">
        <v>44</v>
      </c>
      <c r="FB6" s="402" t="s">
        <v>45</v>
      </c>
      <c r="FC6" s="403" t="s">
        <v>46</v>
      </c>
      <c r="FD6" s="401" t="s">
        <v>47</v>
      </c>
      <c r="FE6" s="401" t="s">
        <v>48</v>
      </c>
      <c r="FF6" s="401" t="s">
        <v>49</v>
      </c>
      <c r="FG6" s="401" t="s">
        <v>50</v>
      </c>
      <c r="FH6" s="401" t="s">
        <v>51</v>
      </c>
      <c r="FI6" s="402" t="s">
        <v>45</v>
      </c>
      <c r="FJ6" s="404" t="s">
        <v>52</v>
      </c>
      <c r="FK6" s="400" t="s">
        <v>43</v>
      </c>
      <c r="FL6" s="401" t="s">
        <v>44</v>
      </c>
      <c r="FM6" s="402" t="s">
        <v>45</v>
      </c>
      <c r="FN6" s="403" t="s">
        <v>46</v>
      </c>
      <c r="FO6" s="401" t="s">
        <v>47</v>
      </c>
      <c r="FP6" s="401" t="s">
        <v>48</v>
      </c>
      <c r="FQ6" s="401" t="s">
        <v>49</v>
      </c>
      <c r="FR6" s="401" t="s">
        <v>50</v>
      </c>
      <c r="FS6" s="401" t="s">
        <v>51</v>
      </c>
      <c r="FT6" s="402" t="s">
        <v>45</v>
      </c>
      <c r="FU6" s="404" t="s">
        <v>52</v>
      </c>
      <c r="FV6" s="400" t="s">
        <v>43</v>
      </c>
      <c r="FW6" s="401" t="s">
        <v>44</v>
      </c>
      <c r="FX6" s="402" t="s">
        <v>45</v>
      </c>
      <c r="FY6" s="403" t="s">
        <v>46</v>
      </c>
      <c r="FZ6" s="401" t="s">
        <v>47</v>
      </c>
      <c r="GA6" s="401" t="s">
        <v>48</v>
      </c>
      <c r="GB6" s="401" t="s">
        <v>49</v>
      </c>
      <c r="GC6" s="401" t="s">
        <v>50</v>
      </c>
      <c r="GD6" s="401" t="s">
        <v>51</v>
      </c>
      <c r="GE6" s="402" t="s">
        <v>45</v>
      </c>
      <c r="GF6" s="404" t="s">
        <v>52</v>
      </c>
      <c r="GG6" s="400" t="s">
        <v>43</v>
      </c>
      <c r="GH6" s="401" t="s">
        <v>44</v>
      </c>
      <c r="GI6" s="402" t="s">
        <v>45</v>
      </c>
      <c r="GJ6" s="403" t="s">
        <v>46</v>
      </c>
      <c r="GK6" s="401" t="s">
        <v>47</v>
      </c>
      <c r="GL6" s="401" t="s">
        <v>48</v>
      </c>
      <c r="GM6" s="401" t="s">
        <v>49</v>
      </c>
      <c r="GN6" s="401" t="s">
        <v>50</v>
      </c>
      <c r="GO6" s="401" t="s">
        <v>51</v>
      </c>
      <c r="GP6" s="402" t="s">
        <v>45</v>
      </c>
      <c r="GQ6" s="404" t="s">
        <v>52</v>
      </c>
      <c r="GR6" s="51" t="s">
        <v>43</v>
      </c>
      <c r="GS6" s="47" t="s">
        <v>44</v>
      </c>
      <c r="GT6" s="48" t="s">
        <v>45</v>
      </c>
      <c r="GU6" s="52" t="s">
        <v>46</v>
      </c>
      <c r="GV6" s="47" t="s">
        <v>47</v>
      </c>
      <c r="GW6" s="47" t="s">
        <v>48</v>
      </c>
      <c r="GX6" s="47" t="s">
        <v>49</v>
      </c>
      <c r="GY6" s="47" t="s">
        <v>50</v>
      </c>
      <c r="GZ6" s="47" t="s">
        <v>51</v>
      </c>
      <c r="HA6" s="48" t="s">
        <v>45</v>
      </c>
      <c r="HB6" s="394" t="s">
        <v>52</v>
      </c>
      <c r="HC6" s="400" t="s">
        <v>43</v>
      </c>
      <c r="HD6" s="401" t="s">
        <v>44</v>
      </c>
      <c r="HE6" s="402" t="s">
        <v>45</v>
      </c>
      <c r="HF6" s="403" t="s">
        <v>46</v>
      </c>
      <c r="HG6" s="401" t="s">
        <v>47</v>
      </c>
      <c r="HH6" s="401" t="s">
        <v>48</v>
      </c>
      <c r="HI6" s="401" t="s">
        <v>49</v>
      </c>
      <c r="HJ6" s="401" t="s">
        <v>50</v>
      </c>
      <c r="HK6" s="401" t="s">
        <v>51</v>
      </c>
      <c r="HL6" s="402" t="s">
        <v>45</v>
      </c>
      <c r="HM6" s="404" t="s">
        <v>52</v>
      </c>
      <c r="HN6" s="400" t="s">
        <v>43</v>
      </c>
      <c r="HO6" s="401" t="s">
        <v>44</v>
      </c>
      <c r="HP6" s="402" t="s">
        <v>45</v>
      </c>
      <c r="HQ6" s="403" t="s">
        <v>46</v>
      </c>
      <c r="HR6" s="401" t="s">
        <v>47</v>
      </c>
      <c r="HS6" s="401" t="s">
        <v>48</v>
      </c>
      <c r="HT6" s="401" t="s">
        <v>49</v>
      </c>
      <c r="HU6" s="401" t="s">
        <v>50</v>
      </c>
      <c r="HV6" s="401" t="s">
        <v>51</v>
      </c>
      <c r="HW6" s="402" t="s">
        <v>45</v>
      </c>
      <c r="HX6" s="404" t="s">
        <v>52</v>
      </c>
      <c r="HY6" s="400" t="s">
        <v>43</v>
      </c>
      <c r="HZ6" s="401" t="s">
        <v>44</v>
      </c>
      <c r="IA6" s="402" t="s">
        <v>45</v>
      </c>
      <c r="IB6" s="403" t="s">
        <v>46</v>
      </c>
      <c r="IC6" s="401" t="s">
        <v>47</v>
      </c>
      <c r="ID6" s="401" t="s">
        <v>48</v>
      </c>
      <c r="IE6" s="401" t="s">
        <v>49</v>
      </c>
      <c r="IF6" s="401" t="s">
        <v>50</v>
      </c>
      <c r="IG6" s="401" t="s">
        <v>51</v>
      </c>
      <c r="IH6" s="402" t="s">
        <v>45</v>
      </c>
      <c r="II6" s="404" t="s">
        <v>52</v>
      </c>
      <c r="IJ6" s="400" t="s">
        <v>43</v>
      </c>
      <c r="IK6" s="401" t="s">
        <v>44</v>
      </c>
      <c r="IL6" s="402" t="s">
        <v>45</v>
      </c>
      <c r="IM6" s="403" t="s">
        <v>46</v>
      </c>
      <c r="IN6" s="401" t="s">
        <v>47</v>
      </c>
      <c r="IO6" s="401" t="s">
        <v>48</v>
      </c>
      <c r="IP6" s="401" t="s">
        <v>49</v>
      </c>
      <c r="IQ6" s="401" t="s">
        <v>50</v>
      </c>
      <c r="IR6" s="401" t="s">
        <v>51</v>
      </c>
      <c r="IS6" s="402" t="s">
        <v>45</v>
      </c>
      <c r="IT6" s="404" t="s">
        <v>52</v>
      </c>
      <c r="IU6" s="400" t="s">
        <v>43</v>
      </c>
      <c r="IV6" s="401" t="s">
        <v>44</v>
      </c>
      <c r="IW6" s="402" t="s">
        <v>45</v>
      </c>
      <c r="IX6" s="403" t="s">
        <v>46</v>
      </c>
      <c r="IY6" s="401" t="s">
        <v>47</v>
      </c>
      <c r="IZ6" s="401" t="s">
        <v>48</v>
      </c>
      <c r="JA6" s="401" t="s">
        <v>49</v>
      </c>
      <c r="JB6" s="401" t="s">
        <v>50</v>
      </c>
      <c r="JC6" s="401" t="s">
        <v>51</v>
      </c>
      <c r="JD6" s="402" t="s">
        <v>45</v>
      </c>
      <c r="JE6" s="404" t="s">
        <v>52</v>
      </c>
      <c r="JF6" s="400" t="s">
        <v>43</v>
      </c>
      <c r="JG6" s="401" t="s">
        <v>44</v>
      </c>
      <c r="JH6" s="402" t="s">
        <v>45</v>
      </c>
      <c r="JI6" s="403" t="s">
        <v>46</v>
      </c>
      <c r="JJ6" s="401" t="s">
        <v>47</v>
      </c>
      <c r="JK6" s="401" t="s">
        <v>48</v>
      </c>
      <c r="JL6" s="401" t="s">
        <v>49</v>
      </c>
      <c r="JM6" s="401" t="s">
        <v>50</v>
      </c>
      <c r="JN6" s="401" t="s">
        <v>51</v>
      </c>
      <c r="JO6" s="402" t="s">
        <v>45</v>
      </c>
      <c r="JP6" s="404" t="s">
        <v>52</v>
      </c>
      <c r="JQ6" s="400" t="s">
        <v>43</v>
      </c>
      <c r="JR6" s="401" t="s">
        <v>44</v>
      </c>
      <c r="JS6" s="402" t="s">
        <v>45</v>
      </c>
      <c r="JT6" s="403" t="s">
        <v>46</v>
      </c>
      <c r="JU6" s="401" t="s">
        <v>47</v>
      </c>
      <c r="JV6" s="401" t="s">
        <v>48</v>
      </c>
      <c r="JW6" s="401" t="s">
        <v>49</v>
      </c>
      <c r="JX6" s="401" t="s">
        <v>50</v>
      </c>
      <c r="JY6" s="401" t="s">
        <v>51</v>
      </c>
      <c r="JZ6" s="402" t="s">
        <v>45</v>
      </c>
      <c r="KA6" s="404" t="s">
        <v>52</v>
      </c>
      <c r="KB6" s="400" t="s">
        <v>43</v>
      </c>
      <c r="KC6" s="401" t="s">
        <v>44</v>
      </c>
      <c r="KD6" s="402" t="s">
        <v>45</v>
      </c>
      <c r="KE6" s="403" t="s">
        <v>46</v>
      </c>
      <c r="KF6" s="401" t="s">
        <v>47</v>
      </c>
      <c r="KG6" s="401" t="s">
        <v>48</v>
      </c>
      <c r="KH6" s="401" t="s">
        <v>49</v>
      </c>
      <c r="KI6" s="401" t="s">
        <v>50</v>
      </c>
      <c r="KJ6" s="401" t="s">
        <v>51</v>
      </c>
      <c r="KK6" s="402" t="s">
        <v>45</v>
      </c>
      <c r="KL6" s="404" t="s">
        <v>52</v>
      </c>
    </row>
    <row r="7" spans="1:298" ht="19.5" customHeight="1" x14ac:dyDescent="0.2">
      <c r="A7" s="395" t="s">
        <v>4</v>
      </c>
      <c r="B7" s="349">
        <v>3187</v>
      </c>
      <c r="C7" s="78">
        <v>3008</v>
      </c>
      <c r="D7" s="79">
        <v>6195</v>
      </c>
      <c r="E7" s="272"/>
      <c r="F7" s="78">
        <v>4166</v>
      </c>
      <c r="G7" s="78">
        <v>3852</v>
      </c>
      <c r="H7" s="78">
        <v>2323</v>
      </c>
      <c r="I7" s="78">
        <v>2047</v>
      </c>
      <c r="J7" s="78">
        <v>1315</v>
      </c>
      <c r="K7" s="80">
        <v>13703</v>
      </c>
      <c r="L7" s="81">
        <v>19898</v>
      </c>
      <c r="M7" s="66">
        <v>93</v>
      </c>
      <c r="N7" s="67">
        <v>125</v>
      </c>
      <c r="O7" s="68">
        <v>218</v>
      </c>
      <c r="P7" s="275"/>
      <c r="Q7" s="67">
        <v>117</v>
      </c>
      <c r="R7" s="67">
        <v>153</v>
      </c>
      <c r="S7" s="67">
        <v>85</v>
      </c>
      <c r="T7" s="67">
        <v>79</v>
      </c>
      <c r="U7" s="67">
        <v>71</v>
      </c>
      <c r="V7" s="68">
        <v>505</v>
      </c>
      <c r="W7" s="69">
        <v>723</v>
      </c>
      <c r="X7" s="66">
        <v>239</v>
      </c>
      <c r="Y7" s="67">
        <v>270</v>
      </c>
      <c r="Z7" s="68">
        <v>509</v>
      </c>
      <c r="AA7" s="275"/>
      <c r="AB7" s="67">
        <v>305</v>
      </c>
      <c r="AC7" s="67">
        <v>321</v>
      </c>
      <c r="AD7" s="67">
        <v>207</v>
      </c>
      <c r="AE7" s="67">
        <v>178</v>
      </c>
      <c r="AF7" s="67">
        <v>138</v>
      </c>
      <c r="AG7" s="68">
        <v>1149</v>
      </c>
      <c r="AH7" s="69">
        <v>1658</v>
      </c>
      <c r="AI7" s="66">
        <v>375</v>
      </c>
      <c r="AJ7" s="67">
        <v>351</v>
      </c>
      <c r="AK7" s="68">
        <v>726</v>
      </c>
      <c r="AL7" s="275"/>
      <c r="AM7" s="67">
        <v>482</v>
      </c>
      <c r="AN7" s="67">
        <v>446</v>
      </c>
      <c r="AO7" s="67">
        <v>255</v>
      </c>
      <c r="AP7" s="67">
        <v>259</v>
      </c>
      <c r="AQ7" s="67">
        <v>176</v>
      </c>
      <c r="AR7" s="68">
        <v>1618</v>
      </c>
      <c r="AS7" s="69">
        <v>2344</v>
      </c>
      <c r="AT7" s="66">
        <v>749</v>
      </c>
      <c r="AU7" s="67">
        <v>666</v>
      </c>
      <c r="AV7" s="68">
        <v>1415</v>
      </c>
      <c r="AW7" s="275"/>
      <c r="AX7" s="67">
        <v>943</v>
      </c>
      <c r="AY7" s="67">
        <v>786</v>
      </c>
      <c r="AZ7" s="67">
        <v>515</v>
      </c>
      <c r="BA7" s="67">
        <v>389</v>
      </c>
      <c r="BB7" s="67">
        <v>285</v>
      </c>
      <c r="BC7" s="68">
        <v>2918</v>
      </c>
      <c r="BD7" s="69">
        <v>4333</v>
      </c>
      <c r="BE7" s="66">
        <v>1002</v>
      </c>
      <c r="BF7" s="67">
        <v>854</v>
      </c>
      <c r="BG7" s="68">
        <v>1856</v>
      </c>
      <c r="BH7" s="275"/>
      <c r="BI7" s="67">
        <v>1200</v>
      </c>
      <c r="BJ7" s="67">
        <v>992</v>
      </c>
      <c r="BK7" s="67">
        <v>601</v>
      </c>
      <c r="BL7" s="67">
        <v>529</v>
      </c>
      <c r="BM7" s="67">
        <v>295</v>
      </c>
      <c r="BN7" s="68">
        <v>3617</v>
      </c>
      <c r="BO7" s="69">
        <v>5473</v>
      </c>
      <c r="BP7" s="66">
        <v>729</v>
      </c>
      <c r="BQ7" s="67">
        <v>742</v>
      </c>
      <c r="BR7" s="68">
        <v>1471</v>
      </c>
      <c r="BS7" s="275"/>
      <c r="BT7" s="67">
        <v>1119</v>
      </c>
      <c r="BU7" s="67">
        <v>1154</v>
      </c>
      <c r="BV7" s="67">
        <v>660</v>
      </c>
      <c r="BW7" s="67">
        <v>613</v>
      </c>
      <c r="BX7" s="67">
        <v>350</v>
      </c>
      <c r="BY7" s="68">
        <v>3896</v>
      </c>
      <c r="BZ7" s="69">
        <v>5367</v>
      </c>
      <c r="CA7" s="66">
        <v>0</v>
      </c>
      <c r="CB7" s="67">
        <v>0</v>
      </c>
      <c r="CC7" s="68">
        <v>0</v>
      </c>
      <c r="CD7" s="275"/>
      <c r="CE7" s="67">
        <v>0</v>
      </c>
      <c r="CF7" s="67">
        <v>0</v>
      </c>
      <c r="CG7" s="67">
        <v>0</v>
      </c>
      <c r="CH7" s="67">
        <v>0</v>
      </c>
      <c r="CI7" s="67">
        <v>0</v>
      </c>
      <c r="CJ7" s="68">
        <v>0</v>
      </c>
      <c r="CK7" s="69">
        <v>0</v>
      </c>
      <c r="CL7" s="66">
        <v>3187</v>
      </c>
      <c r="CM7" s="67">
        <v>3008</v>
      </c>
      <c r="CN7" s="68">
        <v>6195</v>
      </c>
      <c r="CO7" s="275"/>
      <c r="CP7" s="67">
        <v>4166</v>
      </c>
      <c r="CQ7" s="67">
        <v>3852</v>
      </c>
      <c r="CR7" s="67">
        <v>2323</v>
      </c>
      <c r="CS7" s="67">
        <v>2047</v>
      </c>
      <c r="CT7" s="67">
        <v>1315</v>
      </c>
      <c r="CU7" s="68">
        <v>13703</v>
      </c>
      <c r="CV7" s="69">
        <v>19898</v>
      </c>
      <c r="CW7" s="125">
        <v>1155</v>
      </c>
      <c r="CX7" s="78">
        <v>1291</v>
      </c>
      <c r="CY7" s="79">
        <v>2446</v>
      </c>
      <c r="CZ7" s="272"/>
      <c r="DA7" s="78">
        <v>1648</v>
      </c>
      <c r="DB7" s="78">
        <v>1540</v>
      </c>
      <c r="DC7" s="78">
        <v>1032</v>
      </c>
      <c r="DD7" s="78">
        <v>1053</v>
      </c>
      <c r="DE7" s="78">
        <v>742</v>
      </c>
      <c r="DF7" s="80">
        <v>6015</v>
      </c>
      <c r="DG7" s="81">
        <v>8461</v>
      </c>
      <c r="DH7" s="66">
        <v>34</v>
      </c>
      <c r="DI7" s="67">
        <v>29</v>
      </c>
      <c r="DJ7" s="68">
        <v>63</v>
      </c>
      <c r="DK7" s="275"/>
      <c r="DL7" s="67">
        <v>29</v>
      </c>
      <c r="DM7" s="67">
        <v>39</v>
      </c>
      <c r="DN7" s="67">
        <v>24</v>
      </c>
      <c r="DO7" s="67">
        <v>14</v>
      </c>
      <c r="DP7" s="67">
        <v>8</v>
      </c>
      <c r="DQ7" s="68">
        <v>114</v>
      </c>
      <c r="DR7" s="69">
        <v>177</v>
      </c>
      <c r="DS7" s="66">
        <v>97</v>
      </c>
      <c r="DT7" s="67">
        <v>84</v>
      </c>
      <c r="DU7" s="68">
        <v>181</v>
      </c>
      <c r="DV7" s="275"/>
      <c r="DW7" s="67">
        <v>93</v>
      </c>
      <c r="DX7" s="67">
        <v>77</v>
      </c>
      <c r="DY7" s="67">
        <v>55</v>
      </c>
      <c r="DZ7" s="67">
        <v>47</v>
      </c>
      <c r="EA7" s="67">
        <v>24</v>
      </c>
      <c r="EB7" s="68">
        <v>296</v>
      </c>
      <c r="EC7" s="69">
        <v>477</v>
      </c>
      <c r="ED7" s="66">
        <v>173</v>
      </c>
      <c r="EE7" s="67">
        <v>165</v>
      </c>
      <c r="EF7" s="68">
        <v>338</v>
      </c>
      <c r="EG7" s="275"/>
      <c r="EH7" s="67">
        <v>189</v>
      </c>
      <c r="EI7" s="67">
        <v>134</v>
      </c>
      <c r="EJ7" s="67">
        <v>73</v>
      </c>
      <c r="EK7" s="67">
        <v>66</v>
      </c>
      <c r="EL7" s="67">
        <v>56</v>
      </c>
      <c r="EM7" s="68">
        <v>518</v>
      </c>
      <c r="EN7" s="69">
        <v>856</v>
      </c>
      <c r="EO7" s="66">
        <v>275</v>
      </c>
      <c r="EP7" s="67">
        <v>306</v>
      </c>
      <c r="EQ7" s="68">
        <v>581</v>
      </c>
      <c r="ER7" s="275"/>
      <c r="ES7" s="67">
        <v>351</v>
      </c>
      <c r="ET7" s="67">
        <v>253</v>
      </c>
      <c r="EU7" s="67">
        <v>151</v>
      </c>
      <c r="EV7" s="67">
        <v>137</v>
      </c>
      <c r="EW7" s="67">
        <v>116</v>
      </c>
      <c r="EX7" s="68">
        <v>1008</v>
      </c>
      <c r="EY7" s="69">
        <v>1589</v>
      </c>
      <c r="EZ7" s="66">
        <v>357</v>
      </c>
      <c r="FA7" s="67">
        <v>370</v>
      </c>
      <c r="FB7" s="68">
        <v>727</v>
      </c>
      <c r="FC7" s="275"/>
      <c r="FD7" s="67">
        <v>490</v>
      </c>
      <c r="FE7" s="67">
        <v>464</v>
      </c>
      <c r="FF7" s="67">
        <v>287</v>
      </c>
      <c r="FG7" s="67">
        <v>245</v>
      </c>
      <c r="FH7" s="67">
        <v>186</v>
      </c>
      <c r="FI7" s="68">
        <v>1672</v>
      </c>
      <c r="FJ7" s="69">
        <v>2399</v>
      </c>
      <c r="FK7" s="66">
        <v>219</v>
      </c>
      <c r="FL7" s="67">
        <v>337</v>
      </c>
      <c r="FM7" s="68">
        <v>556</v>
      </c>
      <c r="FN7" s="275"/>
      <c r="FO7" s="67">
        <v>496</v>
      </c>
      <c r="FP7" s="67">
        <v>573</v>
      </c>
      <c r="FQ7" s="67">
        <v>442</v>
      </c>
      <c r="FR7" s="67">
        <v>544</v>
      </c>
      <c r="FS7" s="67">
        <v>352</v>
      </c>
      <c r="FT7" s="68">
        <v>2407</v>
      </c>
      <c r="FU7" s="69">
        <v>2963</v>
      </c>
      <c r="FV7" s="66">
        <v>0</v>
      </c>
      <c r="FW7" s="67">
        <v>0</v>
      </c>
      <c r="FX7" s="68">
        <v>0</v>
      </c>
      <c r="FY7" s="275"/>
      <c r="FZ7" s="67">
        <v>0</v>
      </c>
      <c r="GA7" s="67">
        <v>0</v>
      </c>
      <c r="GB7" s="67">
        <v>0</v>
      </c>
      <c r="GC7" s="67">
        <v>0</v>
      </c>
      <c r="GD7" s="67">
        <v>0</v>
      </c>
      <c r="GE7" s="68">
        <v>0</v>
      </c>
      <c r="GF7" s="69">
        <v>0</v>
      </c>
      <c r="GG7" s="66">
        <v>1155</v>
      </c>
      <c r="GH7" s="67">
        <v>1291</v>
      </c>
      <c r="GI7" s="68">
        <v>2446</v>
      </c>
      <c r="GJ7" s="275"/>
      <c r="GK7" s="67">
        <v>1648</v>
      </c>
      <c r="GL7" s="67">
        <v>1540</v>
      </c>
      <c r="GM7" s="67">
        <v>1032</v>
      </c>
      <c r="GN7" s="67">
        <v>1053</v>
      </c>
      <c r="GO7" s="67">
        <v>742</v>
      </c>
      <c r="GP7" s="68">
        <v>6015</v>
      </c>
      <c r="GQ7" s="69">
        <v>8461</v>
      </c>
      <c r="GR7" s="125">
        <v>4342</v>
      </c>
      <c r="GS7" s="78">
        <v>4299</v>
      </c>
      <c r="GT7" s="79">
        <v>8641</v>
      </c>
      <c r="GU7" s="272"/>
      <c r="GV7" s="78">
        <v>5814</v>
      </c>
      <c r="GW7" s="78">
        <v>5392</v>
      </c>
      <c r="GX7" s="78">
        <v>3355</v>
      </c>
      <c r="GY7" s="78">
        <v>3100</v>
      </c>
      <c r="GZ7" s="78">
        <v>2057</v>
      </c>
      <c r="HA7" s="80">
        <v>19718</v>
      </c>
      <c r="HB7" s="81">
        <v>28359</v>
      </c>
      <c r="HC7" s="66">
        <v>127</v>
      </c>
      <c r="HD7" s="67">
        <v>154</v>
      </c>
      <c r="HE7" s="68">
        <v>281</v>
      </c>
      <c r="HF7" s="275"/>
      <c r="HG7" s="67">
        <v>146</v>
      </c>
      <c r="HH7" s="67">
        <v>192</v>
      </c>
      <c r="HI7" s="67">
        <v>109</v>
      </c>
      <c r="HJ7" s="67">
        <v>93</v>
      </c>
      <c r="HK7" s="67">
        <v>79</v>
      </c>
      <c r="HL7" s="68">
        <v>619</v>
      </c>
      <c r="HM7" s="69">
        <v>900</v>
      </c>
      <c r="HN7" s="66">
        <v>336</v>
      </c>
      <c r="HO7" s="67">
        <v>354</v>
      </c>
      <c r="HP7" s="68">
        <v>690</v>
      </c>
      <c r="HQ7" s="275"/>
      <c r="HR7" s="67">
        <v>398</v>
      </c>
      <c r="HS7" s="67">
        <v>398</v>
      </c>
      <c r="HT7" s="67">
        <v>262</v>
      </c>
      <c r="HU7" s="67">
        <v>225</v>
      </c>
      <c r="HV7" s="67">
        <v>162</v>
      </c>
      <c r="HW7" s="68">
        <v>1445</v>
      </c>
      <c r="HX7" s="69">
        <v>2135</v>
      </c>
      <c r="HY7" s="66">
        <v>548</v>
      </c>
      <c r="HZ7" s="67">
        <v>516</v>
      </c>
      <c r="IA7" s="68">
        <v>1064</v>
      </c>
      <c r="IB7" s="275"/>
      <c r="IC7" s="67">
        <v>671</v>
      </c>
      <c r="ID7" s="67">
        <v>580</v>
      </c>
      <c r="IE7" s="67">
        <v>328</v>
      </c>
      <c r="IF7" s="67">
        <v>325</v>
      </c>
      <c r="IG7" s="67">
        <v>232</v>
      </c>
      <c r="IH7" s="68">
        <v>2136</v>
      </c>
      <c r="II7" s="69">
        <v>3200</v>
      </c>
      <c r="IJ7" s="66">
        <v>1024</v>
      </c>
      <c r="IK7" s="67">
        <v>972</v>
      </c>
      <c r="IL7" s="68">
        <v>1996</v>
      </c>
      <c r="IM7" s="275"/>
      <c r="IN7" s="67">
        <v>1294</v>
      </c>
      <c r="IO7" s="67">
        <v>1039</v>
      </c>
      <c r="IP7" s="67">
        <v>666</v>
      </c>
      <c r="IQ7" s="67">
        <v>526</v>
      </c>
      <c r="IR7" s="67">
        <v>401</v>
      </c>
      <c r="IS7" s="68">
        <v>3926</v>
      </c>
      <c r="IT7" s="69">
        <v>5922</v>
      </c>
      <c r="IU7" s="66">
        <v>1359</v>
      </c>
      <c r="IV7" s="67">
        <v>1224</v>
      </c>
      <c r="IW7" s="68">
        <v>2583</v>
      </c>
      <c r="IX7" s="275"/>
      <c r="IY7" s="67">
        <v>1690</v>
      </c>
      <c r="IZ7" s="67">
        <v>1456</v>
      </c>
      <c r="JA7" s="67">
        <v>888</v>
      </c>
      <c r="JB7" s="67">
        <v>774</v>
      </c>
      <c r="JC7" s="67">
        <v>481</v>
      </c>
      <c r="JD7" s="68">
        <v>5289</v>
      </c>
      <c r="JE7" s="69">
        <v>7872</v>
      </c>
      <c r="JF7" s="66">
        <v>948</v>
      </c>
      <c r="JG7" s="67">
        <v>1079</v>
      </c>
      <c r="JH7" s="68">
        <v>2027</v>
      </c>
      <c r="JI7" s="275"/>
      <c r="JJ7" s="67">
        <v>1615</v>
      </c>
      <c r="JK7" s="67">
        <v>1727</v>
      </c>
      <c r="JL7" s="67">
        <v>1102</v>
      </c>
      <c r="JM7" s="67">
        <v>1157</v>
      </c>
      <c r="JN7" s="67">
        <v>702</v>
      </c>
      <c r="JO7" s="68">
        <v>6303</v>
      </c>
      <c r="JP7" s="69">
        <v>8330</v>
      </c>
      <c r="JQ7" s="66">
        <v>0</v>
      </c>
      <c r="JR7" s="67">
        <v>0</v>
      </c>
      <c r="JS7" s="68">
        <v>0</v>
      </c>
      <c r="JT7" s="275"/>
      <c r="JU7" s="67">
        <v>0</v>
      </c>
      <c r="JV7" s="67">
        <v>0</v>
      </c>
      <c r="JW7" s="67">
        <v>0</v>
      </c>
      <c r="JX7" s="67">
        <v>0</v>
      </c>
      <c r="JY7" s="67">
        <v>0</v>
      </c>
      <c r="JZ7" s="68">
        <v>0</v>
      </c>
      <c r="KA7" s="69">
        <v>0</v>
      </c>
      <c r="KB7" s="66">
        <v>4342</v>
      </c>
      <c r="KC7" s="67">
        <v>4299</v>
      </c>
      <c r="KD7" s="68">
        <v>8641</v>
      </c>
      <c r="KE7" s="275"/>
      <c r="KF7" s="67">
        <v>5814</v>
      </c>
      <c r="KG7" s="67">
        <v>5392</v>
      </c>
      <c r="KH7" s="67">
        <v>3355</v>
      </c>
      <c r="KI7" s="67">
        <v>3100</v>
      </c>
      <c r="KJ7" s="67">
        <v>2057</v>
      </c>
      <c r="KK7" s="68">
        <v>19718</v>
      </c>
      <c r="KL7" s="69">
        <v>28359</v>
      </c>
    </row>
    <row r="8" spans="1:298" ht="19.5" customHeight="1" x14ac:dyDescent="0.2">
      <c r="A8" s="129" t="s">
        <v>5</v>
      </c>
      <c r="B8" s="350">
        <v>1435</v>
      </c>
      <c r="C8" s="82">
        <v>1564</v>
      </c>
      <c r="D8" s="83">
        <v>2999</v>
      </c>
      <c r="E8" s="273"/>
      <c r="F8" s="82">
        <v>1574</v>
      </c>
      <c r="G8" s="82">
        <v>1868</v>
      </c>
      <c r="H8" s="82">
        <v>1040</v>
      </c>
      <c r="I8" s="82">
        <v>860</v>
      </c>
      <c r="J8" s="82">
        <v>586</v>
      </c>
      <c r="K8" s="84">
        <v>5928</v>
      </c>
      <c r="L8" s="85">
        <v>8927</v>
      </c>
      <c r="M8" s="70">
        <v>40</v>
      </c>
      <c r="N8" s="71">
        <v>60</v>
      </c>
      <c r="O8" s="72">
        <v>100</v>
      </c>
      <c r="P8" s="276"/>
      <c r="Q8" s="71">
        <v>39</v>
      </c>
      <c r="R8" s="71">
        <v>74</v>
      </c>
      <c r="S8" s="71">
        <v>37</v>
      </c>
      <c r="T8" s="71">
        <v>30</v>
      </c>
      <c r="U8" s="71">
        <v>27</v>
      </c>
      <c r="V8" s="72">
        <v>207</v>
      </c>
      <c r="W8" s="73">
        <v>307</v>
      </c>
      <c r="X8" s="70">
        <v>93</v>
      </c>
      <c r="Y8" s="71">
        <v>149</v>
      </c>
      <c r="Z8" s="72">
        <v>242</v>
      </c>
      <c r="AA8" s="276"/>
      <c r="AB8" s="71">
        <v>84</v>
      </c>
      <c r="AC8" s="71">
        <v>122</v>
      </c>
      <c r="AD8" s="71">
        <v>84</v>
      </c>
      <c r="AE8" s="71">
        <v>79</v>
      </c>
      <c r="AF8" s="71">
        <v>60</v>
      </c>
      <c r="AG8" s="72">
        <v>429</v>
      </c>
      <c r="AH8" s="73">
        <v>671</v>
      </c>
      <c r="AI8" s="70">
        <v>185</v>
      </c>
      <c r="AJ8" s="71">
        <v>191</v>
      </c>
      <c r="AK8" s="72">
        <v>376</v>
      </c>
      <c r="AL8" s="276"/>
      <c r="AM8" s="71">
        <v>154</v>
      </c>
      <c r="AN8" s="71">
        <v>213</v>
      </c>
      <c r="AO8" s="71">
        <v>94</v>
      </c>
      <c r="AP8" s="71">
        <v>108</v>
      </c>
      <c r="AQ8" s="71">
        <v>74</v>
      </c>
      <c r="AR8" s="72">
        <v>643</v>
      </c>
      <c r="AS8" s="73">
        <v>1019</v>
      </c>
      <c r="AT8" s="70">
        <v>337</v>
      </c>
      <c r="AU8" s="71">
        <v>332</v>
      </c>
      <c r="AV8" s="72">
        <v>669</v>
      </c>
      <c r="AW8" s="276"/>
      <c r="AX8" s="71">
        <v>349</v>
      </c>
      <c r="AY8" s="71">
        <v>371</v>
      </c>
      <c r="AZ8" s="71">
        <v>228</v>
      </c>
      <c r="BA8" s="71">
        <v>170</v>
      </c>
      <c r="BB8" s="71">
        <v>134</v>
      </c>
      <c r="BC8" s="72">
        <v>1252</v>
      </c>
      <c r="BD8" s="73">
        <v>1921</v>
      </c>
      <c r="BE8" s="70">
        <v>461</v>
      </c>
      <c r="BF8" s="71">
        <v>447</v>
      </c>
      <c r="BG8" s="72">
        <v>908</v>
      </c>
      <c r="BH8" s="276"/>
      <c r="BI8" s="71">
        <v>496</v>
      </c>
      <c r="BJ8" s="71">
        <v>482</v>
      </c>
      <c r="BK8" s="71">
        <v>273</v>
      </c>
      <c r="BL8" s="71">
        <v>202</v>
      </c>
      <c r="BM8" s="71">
        <v>129</v>
      </c>
      <c r="BN8" s="72">
        <v>1582</v>
      </c>
      <c r="BO8" s="73">
        <v>2490</v>
      </c>
      <c r="BP8" s="70">
        <v>319</v>
      </c>
      <c r="BQ8" s="71">
        <v>385</v>
      </c>
      <c r="BR8" s="72">
        <v>704</v>
      </c>
      <c r="BS8" s="276"/>
      <c r="BT8" s="71">
        <v>452</v>
      </c>
      <c r="BU8" s="71">
        <v>606</v>
      </c>
      <c r="BV8" s="71">
        <v>324</v>
      </c>
      <c r="BW8" s="71">
        <v>271</v>
      </c>
      <c r="BX8" s="71">
        <v>162</v>
      </c>
      <c r="BY8" s="72">
        <v>1815</v>
      </c>
      <c r="BZ8" s="73">
        <v>2519</v>
      </c>
      <c r="CA8" s="70">
        <v>0</v>
      </c>
      <c r="CB8" s="71">
        <v>0</v>
      </c>
      <c r="CC8" s="72">
        <v>0</v>
      </c>
      <c r="CD8" s="276"/>
      <c r="CE8" s="71">
        <v>0</v>
      </c>
      <c r="CF8" s="71">
        <v>0</v>
      </c>
      <c r="CG8" s="71">
        <v>0</v>
      </c>
      <c r="CH8" s="71">
        <v>0</v>
      </c>
      <c r="CI8" s="71">
        <v>0</v>
      </c>
      <c r="CJ8" s="72">
        <v>0</v>
      </c>
      <c r="CK8" s="73">
        <v>0</v>
      </c>
      <c r="CL8" s="70">
        <v>1435</v>
      </c>
      <c r="CM8" s="71">
        <v>1564</v>
      </c>
      <c r="CN8" s="72">
        <v>2999</v>
      </c>
      <c r="CO8" s="276"/>
      <c r="CP8" s="71">
        <v>1574</v>
      </c>
      <c r="CQ8" s="71">
        <v>1868</v>
      </c>
      <c r="CR8" s="71">
        <v>1040</v>
      </c>
      <c r="CS8" s="71">
        <v>860</v>
      </c>
      <c r="CT8" s="71">
        <v>586</v>
      </c>
      <c r="CU8" s="72">
        <v>5928</v>
      </c>
      <c r="CV8" s="73">
        <v>8927</v>
      </c>
      <c r="CW8" s="126">
        <v>477</v>
      </c>
      <c r="CX8" s="82">
        <v>602</v>
      </c>
      <c r="CY8" s="83">
        <v>1079</v>
      </c>
      <c r="CZ8" s="273"/>
      <c r="DA8" s="82">
        <v>580</v>
      </c>
      <c r="DB8" s="82">
        <v>782</v>
      </c>
      <c r="DC8" s="82">
        <v>444</v>
      </c>
      <c r="DD8" s="82">
        <v>469</v>
      </c>
      <c r="DE8" s="82">
        <v>336</v>
      </c>
      <c r="DF8" s="84">
        <v>2611</v>
      </c>
      <c r="DG8" s="85">
        <v>3690</v>
      </c>
      <c r="DH8" s="70">
        <v>15</v>
      </c>
      <c r="DI8" s="71">
        <v>18</v>
      </c>
      <c r="DJ8" s="72">
        <v>33</v>
      </c>
      <c r="DK8" s="276"/>
      <c r="DL8" s="71">
        <v>6</v>
      </c>
      <c r="DM8" s="71">
        <v>26</v>
      </c>
      <c r="DN8" s="71">
        <v>8</v>
      </c>
      <c r="DO8" s="71">
        <v>7</v>
      </c>
      <c r="DP8" s="71">
        <v>3</v>
      </c>
      <c r="DQ8" s="72">
        <v>50</v>
      </c>
      <c r="DR8" s="73">
        <v>83</v>
      </c>
      <c r="DS8" s="70">
        <v>40</v>
      </c>
      <c r="DT8" s="71">
        <v>38</v>
      </c>
      <c r="DU8" s="72">
        <v>78</v>
      </c>
      <c r="DV8" s="276"/>
      <c r="DW8" s="71">
        <v>32</v>
      </c>
      <c r="DX8" s="71">
        <v>41</v>
      </c>
      <c r="DY8" s="71">
        <v>19</v>
      </c>
      <c r="DZ8" s="71">
        <v>24</v>
      </c>
      <c r="EA8" s="71">
        <v>13</v>
      </c>
      <c r="EB8" s="72">
        <v>129</v>
      </c>
      <c r="EC8" s="73">
        <v>207</v>
      </c>
      <c r="ED8" s="70">
        <v>71</v>
      </c>
      <c r="EE8" s="71">
        <v>74</v>
      </c>
      <c r="EF8" s="72">
        <v>145</v>
      </c>
      <c r="EG8" s="276"/>
      <c r="EH8" s="71">
        <v>64</v>
      </c>
      <c r="EI8" s="71">
        <v>64</v>
      </c>
      <c r="EJ8" s="71">
        <v>36</v>
      </c>
      <c r="EK8" s="71">
        <v>27</v>
      </c>
      <c r="EL8" s="71">
        <v>27</v>
      </c>
      <c r="EM8" s="72">
        <v>218</v>
      </c>
      <c r="EN8" s="73">
        <v>363</v>
      </c>
      <c r="EO8" s="70">
        <v>108</v>
      </c>
      <c r="EP8" s="71">
        <v>141</v>
      </c>
      <c r="EQ8" s="72">
        <v>249</v>
      </c>
      <c r="ER8" s="276"/>
      <c r="ES8" s="71">
        <v>122</v>
      </c>
      <c r="ET8" s="71">
        <v>125</v>
      </c>
      <c r="EU8" s="71">
        <v>70</v>
      </c>
      <c r="EV8" s="71">
        <v>70</v>
      </c>
      <c r="EW8" s="71">
        <v>41</v>
      </c>
      <c r="EX8" s="72">
        <v>428</v>
      </c>
      <c r="EY8" s="73">
        <v>677</v>
      </c>
      <c r="EZ8" s="70">
        <v>153</v>
      </c>
      <c r="FA8" s="71">
        <v>170</v>
      </c>
      <c r="FB8" s="72">
        <v>323</v>
      </c>
      <c r="FC8" s="276"/>
      <c r="FD8" s="71">
        <v>181</v>
      </c>
      <c r="FE8" s="71">
        <v>241</v>
      </c>
      <c r="FF8" s="71">
        <v>136</v>
      </c>
      <c r="FG8" s="71">
        <v>119</v>
      </c>
      <c r="FH8" s="71">
        <v>103</v>
      </c>
      <c r="FI8" s="72">
        <v>780</v>
      </c>
      <c r="FJ8" s="73">
        <v>1103</v>
      </c>
      <c r="FK8" s="70">
        <v>90</v>
      </c>
      <c r="FL8" s="71">
        <v>161</v>
      </c>
      <c r="FM8" s="72">
        <v>251</v>
      </c>
      <c r="FN8" s="276"/>
      <c r="FO8" s="71">
        <v>175</v>
      </c>
      <c r="FP8" s="71">
        <v>285</v>
      </c>
      <c r="FQ8" s="71">
        <v>175</v>
      </c>
      <c r="FR8" s="71">
        <v>222</v>
      </c>
      <c r="FS8" s="71">
        <v>149</v>
      </c>
      <c r="FT8" s="72">
        <v>1006</v>
      </c>
      <c r="FU8" s="73">
        <v>1257</v>
      </c>
      <c r="FV8" s="70">
        <v>0</v>
      </c>
      <c r="FW8" s="71">
        <v>0</v>
      </c>
      <c r="FX8" s="72">
        <v>0</v>
      </c>
      <c r="FY8" s="276"/>
      <c r="FZ8" s="71">
        <v>0</v>
      </c>
      <c r="GA8" s="71">
        <v>0</v>
      </c>
      <c r="GB8" s="71">
        <v>0</v>
      </c>
      <c r="GC8" s="71">
        <v>0</v>
      </c>
      <c r="GD8" s="71">
        <v>0</v>
      </c>
      <c r="GE8" s="72">
        <v>0</v>
      </c>
      <c r="GF8" s="73">
        <v>0</v>
      </c>
      <c r="GG8" s="70">
        <v>477</v>
      </c>
      <c r="GH8" s="71">
        <v>602</v>
      </c>
      <c r="GI8" s="72">
        <v>1079</v>
      </c>
      <c r="GJ8" s="276"/>
      <c r="GK8" s="71">
        <v>580</v>
      </c>
      <c r="GL8" s="71">
        <v>782</v>
      </c>
      <c r="GM8" s="71">
        <v>444</v>
      </c>
      <c r="GN8" s="71">
        <v>469</v>
      </c>
      <c r="GO8" s="71">
        <v>336</v>
      </c>
      <c r="GP8" s="72">
        <v>2611</v>
      </c>
      <c r="GQ8" s="73">
        <v>3690</v>
      </c>
      <c r="GR8" s="126">
        <v>1912</v>
      </c>
      <c r="GS8" s="82">
        <v>2166</v>
      </c>
      <c r="GT8" s="83">
        <v>4078</v>
      </c>
      <c r="GU8" s="273"/>
      <c r="GV8" s="82">
        <v>2154</v>
      </c>
      <c r="GW8" s="82">
        <v>2650</v>
      </c>
      <c r="GX8" s="82">
        <v>1484</v>
      </c>
      <c r="GY8" s="82">
        <v>1329</v>
      </c>
      <c r="GZ8" s="82">
        <v>922</v>
      </c>
      <c r="HA8" s="84">
        <v>8539</v>
      </c>
      <c r="HB8" s="85">
        <v>12617</v>
      </c>
      <c r="HC8" s="70">
        <v>55</v>
      </c>
      <c r="HD8" s="71">
        <v>78</v>
      </c>
      <c r="HE8" s="72">
        <v>133</v>
      </c>
      <c r="HF8" s="276"/>
      <c r="HG8" s="71">
        <v>45</v>
      </c>
      <c r="HH8" s="71">
        <v>100</v>
      </c>
      <c r="HI8" s="71">
        <v>45</v>
      </c>
      <c r="HJ8" s="71">
        <v>37</v>
      </c>
      <c r="HK8" s="71">
        <v>30</v>
      </c>
      <c r="HL8" s="72">
        <v>257</v>
      </c>
      <c r="HM8" s="73">
        <v>390</v>
      </c>
      <c r="HN8" s="70">
        <v>133</v>
      </c>
      <c r="HO8" s="71">
        <v>187</v>
      </c>
      <c r="HP8" s="72">
        <v>320</v>
      </c>
      <c r="HQ8" s="276"/>
      <c r="HR8" s="71">
        <v>116</v>
      </c>
      <c r="HS8" s="71">
        <v>163</v>
      </c>
      <c r="HT8" s="71">
        <v>103</v>
      </c>
      <c r="HU8" s="71">
        <v>103</v>
      </c>
      <c r="HV8" s="71">
        <v>73</v>
      </c>
      <c r="HW8" s="72">
        <v>558</v>
      </c>
      <c r="HX8" s="73">
        <v>878</v>
      </c>
      <c r="HY8" s="70">
        <v>256</v>
      </c>
      <c r="HZ8" s="71">
        <v>265</v>
      </c>
      <c r="IA8" s="72">
        <v>521</v>
      </c>
      <c r="IB8" s="276"/>
      <c r="IC8" s="71">
        <v>218</v>
      </c>
      <c r="ID8" s="71">
        <v>277</v>
      </c>
      <c r="IE8" s="71">
        <v>130</v>
      </c>
      <c r="IF8" s="71">
        <v>135</v>
      </c>
      <c r="IG8" s="71">
        <v>101</v>
      </c>
      <c r="IH8" s="72">
        <v>861</v>
      </c>
      <c r="II8" s="73">
        <v>1382</v>
      </c>
      <c r="IJ8" s="70">
        <v>445</v>
      </c>
      <c r="IK8" s="71">
        <v>473</v>
      </c>
      <c r="IL8" s="72">
        <v>918</v>
      </c>
      <c r="IM8" s="276"/>
      <c r="IN8" s="71">
        <v>471</v>
      </c>
      <c r="IO8" s="71">
        <v>496</v>
      </c>
      <c r="IP8" s="71">
        <v>298</v>
      </c>
      <c r="IQ8" s="71">
        <v>240</v>
      </c>
      <c r="IR8" s="71">
        <v>175</v>
      </c>
      <c r="IS8" s="72">
        <v>1680</v>
      </c>
      <c r="IT8" s="73">
        <v>2598</v>
      </c>
      <c r="IU8" s="70">
        <v>614</v>
      </c>
      <c r="IV8" s="71">
        <v>617</v>
      </c>
      <c r="IW8" s="72">
        <v>1231</v>
      </c>
      <c r="IX8" s="276"/>
      <c r="IY8" s="71">
        <v>677</v>
      </c>
      <c r="IZ8" s="71">
        <v>723</v>
      </c>
      <c r="JA8" s="71">
        <v>409</v>
      </c>
      <c r="JB8" s="71">
        <v>321</v>
      </c>
      <c r="JC8" s="71">
        <v>232</v>
      </c>
      <c r="JD8" s="72">
        <v>2362</v>
      </c>
      <c r="JE8" s="73">
        <v>3593</v>
      </c>
      <c r="JF8" s="70">
        <v>409</v>
      </c>
      <c r="JG8" s="71">
        <v>546</v>
      </c>
      <c r="JH8" s="72">
        <v>955</v>
      </c>
      <c r="JI8" s="276"/>
      <c r="JJ8" s="71">
        <v>627</v>
      </c>
      <c r="JK8" s="71">
        <v>891</v>
      </c>
      <c r="JL8" s="71">
        <v>499</v>
      </c>
      <c r="JM8" s="71">
        <v>493</v>
      </c>
      <c r="JN8" s="71">
        <v>311</v>
      </c>
      <c r="JO8" s="72">
        <v>2821</v>
      </c>
      <c r="JP8" s="73">
        <v>3776</v>
      </c>
      <c r="JQ8" s="70">
        <v>0</v>
      </c>
      <c r="JR8" s="71">
        <v>0</v>
      </c>
      <c r="JS8" s="72">
        <v>0</v>
      </c>
      <c r="JT8" s="276"/>
      <c r="JU8" s="71">
        <v>0</v>
      </c>
      <c r="JV8" s="71">
        <v>0</v>
      </c>
      <c r="JW8" s="71">
        <v>0</v>
      </c>
      <c r="JX8" s="71">
        <v>0</v>
      </c>
      <c r="JY8" s="71">
        <v>0</v>
      </c>
      <c r="JZ8" s="72">
        <v>0</v>
      </c>
      <c r="KA8" s="73">
        <v>0</v>
      </c>
      <c r="KB8" s="70">
        <v>1912</v>
      </c>
      <c r="KC8" s="71">
        <v>2166</v>
      </c>
      <c r="KD8" s="72">
        <v>4078</v>
      </c>
      <c r="KE8" s="276"/>
      <c r="KF8" s="71">
        <v>2154</v>
      </c>
      <c r="KG8" s="71">
        <v>2650</v>
      </c>
      <c r="KH8" s="71">
        <v>1484</v>
      </c>
      <c r="KI8" s="71">
        <v>1329</v>
      </c>
      <c r="KJ8" s="71">
        <v>922</v>
      </c>
      <c r="KK8" s="72">
        <v>8539</v>
      </c>
      <c r="KL8" s="73">
        <v>12617</v>
      </c>
    </row>
    <row r="9" spans="1:298" ht="19.5" customHeight="1" x14ac:dyDescent="0.2">
      <c r="A9" s="129" t="s">
        <v>6</v>
      </c>
      <c r="B9" s="350">
        <v>401</v>
      </c>
      <c r="C9" s="82">
        <v>358</v>
      </c>
      <c r="D9" s="83">
        <v>759</v>
      </c>
      <c r="E9" s="273"/>
      <c r="F9" s="82">
        <v>706</v>
      </c>
      <c r="G9" s="82">
        <v>547</v>
      </c>
      <c r="H9" s="82">
        <v>355</v>
      </c>
      <c r="I9" s="82">
        <v>344</v>
      </c>
      <c r="J9" s="82">
        <v>226</v>
      </c>
      <c r="K9" s="84">
        <v>2178</v>
      </c>
      <c r="L9" s="85">
        <v>2937</v>
      </c>
      <c r="M9" s="70">
        <v>8</v>
      </c>
      <c r="N9" s="71">
        <v>23</v>
      </c>
      <c r="O9" s="72">
        <v>31</v>
      </c>
      <c r="P9" s="276"/>
      <c r="Q9" s="71">
        <v>19</v>
      </c>
      <c r="R9" s="71">
        <v>24</v>
      </c>
      <c r="S9" s="71">
        <v>14</v>
      </c>
      <c r="T9" s="71">
        <v>14</v>
      </c>
      <c r="U9" s="71">
        <v>12</v>
      </c>
      <c r="V9" s="72">
        <v>83</v>
      </c>
      <c r="W9" s="73">
        <v>114</v>
      </c>
      <c r="X9" s="70">
        <v>29</v>
      </c>
      <c r="Y9" s="71">
        <v>34</v>
      </c>
      <c r="Z9" s="72">
        <v>63</v>
      </c>
      <c r="AA9" s="276"/>
      <c r="AB9" s="71">
        <v>55</v>
      </c>
      <c r="AC9" s="71">
        <v>48</v>
      </c>
      <c r="AD9" s="71">
        <v>35</v>
      </c>
      <c r="AE9" s="71">
        <v>31</v>
      </c>
      <c r="AF9" s="71">
        <v>23</v>
      </c>
      <c r="AG9" s="72">
        <v>192</v>
      </c>
      <c r="AH9" s="73">
        <v>255</v>
      </c>
      <c r="AI9" s="70">
        <v>43</v>
      </c>
      <c r="AJ9" s="71">
        <v>42</v>
      </c>
      <c r="AK9" s="72">
        <v>85</v>
      </c>
      <c r="AL9" s="276"/>
      <c r="AM9" s="71">
        <v>89</v>
      </c>
      <c r="AN9" s="71">
        <v>67</v>
      </c>
      <c r="AO9" s="71">
        <v>51</v>
      </c>
      <c r="AP9" s="71">
        <v>41</v>
      </c>
      <c r="AQ9" s="71">
        <v>33</v>
      </c>
      <c r="AR9" s="72">
        <v>281</v>
      </c>
      <c r="AS9" s="73">
        <v>366</v>
      </c>
      <c r="AT9" s="70">
        <v>85</v>
      </c>
      <c r="AU9" s="71">
        <v>65</v>
      </c>
      <c r="AV9" s="72">
        <v>150</v>
      </c>
      <c r="AW9" s="276"/>
      <c r="AX9" s="71">
        <v>156</v>
      </c>
      <c r="AY9" s="71">
        <v>109</v>
      </c>
      <c r="AZ9" s="71">
        <v>69</v>
      </c>
      <c r="BA9" s="71">
        <v>63</v>
      </c>
      <c r="BB9" s="71">
        <v>42</v>
      </c>
      <c r="BC9" s="72">
        <v>439</v>
      </c>
      <c r="BD9" s="73">
        <v>589</v>
      </c>
      <c r="BE9" s="70">
        <v>123</v>
      </c>
      <c r="BF9" s="71">
        <v>105</v>
      </c>
      <c r="BG9" s="72">
        <v>228</v>
      </c>
      <c r="BH9" s="276"/>
      <c r="BI9" s="71">
        <v>186</v>
      </c>
      <c r="BJ9" s="71">
        <v>137</v>
      </c>
      <c r="BK9" s="71">
        <v>99</v>
      </c>
      <c r="BL9" s="71">
        <v>106</v>
      </c>
      <c r="BM9" s="71">
        <v>53</v>
      </c>
      <c r="BN9" s="72">
        <v>581</v>
      </c>
      <c r="BO9" s="73">
        <v>809</v>
      </c>
      <c r="BP9" s="70">
        <v>113</v>
      </c>
      <c r="BQ9" s="71">
        <v>89</v>
      </c>
      <c r="BR9" s="72">
        <v>202</v>
      </c>
      <c r="BS9" s="276"/>
      <c r="BT9" s="71">
        <v>201</v>
      </c>
      <c r="BU9" s="71">
        <v>162</v>
      </c>
      <c r="BV9" s="71">
        <v>87</v>
      </c>
      <c r="BW9" s="71">
        <v>89</v>
      </c>
      <c r="BX9" s="71">
        <v>63</v>
      </c>
      <c r="BY9" s="72">
        <v>602</v>
      </c>
      <c r="BZ9" s="73">
        <v>804</v>
      </c>
      <c r="CA9" s="70">
        <v>0</v>
      </c>
      <c r="CB9" s="71">
        <v>0</v>
      </c>
      <c r="CC9" s="72">
        <v>0</v>
      </c>
      <c r="CD9" s="276"/>
      <c r="CE9" s="71">
        <v>0</v>
      </c>
      <c r="CF9" s="71">
        <v>0</v>
      </c>
      <c r="CG9" s="71">
        <v>0</v>
      </c>
      <c r="CH9" s="71">
        <v>0</v>
      </c>
      <c r="CI9" s="71">
        <v>0</v>
      </c>
      <c r="CJ9" s="72">
        <v>0</v>
      </c>
      <c r="CK9" s="73">
        <v>0</v>
      </c>
      <c r="CL9" s="70">
        <v>401</v>
      </c>
      <c r="CM9" s="71">
        <v>358</v>
      </c>
      <c r="CN9" s="72">
        <v>759</v>
      </c>
      <c r="CO9" s="276"/>
      <c r="CP9" s="71">
        <v>706</v>
      </c>
      <c r="CQ9" s="71">
        <v>547</v>
      </c>
      <c r="CR9" s="71">
        <v>355</v>
      </c>
      <c r="CS9" s="71">
        <v>344</v>
      </c>
      <c r="CT9" s="71">
        <v>226</v>
      </c>
      <c r="CU9" s="72">
        <v>2178</v>
      </c>
      <c r="CV9" s="73">
        <v>2937</v>
      </c>
      <c r="CW9" s="126">
        <v>202</v>
      </c>
      <c r="CX9" s="82">
        <v>213</v>
      </c>
      <c r="CY9" s="83">
        <v>415</v>
      </c>
      <c r="CZ9" s="273"/>
      <c r="DA9" s="82">
        <v>387</v>
      </c>
      <c r="DB9" s="82">
        <v>237</v>
      </c>
      <c r="DC9" s="82">
        <v>180</v>
      </c>
      <c r="DD9" s="82">
        <v>190</v>
      </c>
      <c r="DE9" s="82">
        <v>126</v>
      </c>
      <c r="DF9" s="84">
        <v>1120</v>
      </c>
      <c r="DG9" s="85">
        <v>1535</v>
      </c>
      <c r="DH9" s="70">
        <v>7</v>
      </c>
      <c r="DI9" s="71">
        <v>3</v>
      </c>
      <c r="DJ9" s="72">
        <v>10</v>
      </c>
      <c r="DK9" s="276"/>
      <c r="DL9" s="71">
        <v>10</v>
      </c>
      <c r="DM9" s="71">
        <v>2</v>
      </c>
      <c r="DN9" s="71">
        <v>4</v>
      </c>
      <c r="DO9" s="71">
        <v>5</v>
      </c>
      <c r="DP9" s="71">
        <v>1</v>
      </c>
      <c r="DQ9" s="72">
        <v>22</v>
      </c>
      <c r="DR9" s="73">
        <v>32</v>
      </c>
      <c r="DS9" s="70">
        <v>12</v>
      </c>
      <c r="DT9" s="71">
        <v>16</v>
      </c>
      <c r="DU9" s="72">
        <v>28</v>
      </c>
      <c r="DV9" s="276"/>
      <c r="DW9" s="71">
        <v>25</v>
      </c>
      <c r="DX9" s="71">
        <v>8</v>
      </c>
      <c r="DY9" s="71">
        <v>7</v>
      </c>
      <c r="DZ9" s="71">
        <v>9</v>
      </c>
      <c r="EA9" s="71">
        <v>4</v>
      </c>
      <c r="EB9" s="72">
        <v>53</v>
      </c>
      <c r="EC9" s="73">
        <v>81</v>
      </c>
      <c r="ED9" s="70">
        <v>30</v>
      </c>
      <c r="EE9" s="71">
        <v>23</v>
      </c>
      <c r="EF9" s="72">
        <v>53</v>
      </c>
      <c r="EG9" s="276"/>
      <c r="EH9" s="71">
        <v>59</v>
      </c>
      <c r="EI9" s="71">
        <v>26</v>
      </c>
      <c r="EJ9" s="71">
        <v>12</v>
      </c>
      <c r="EK9" s="71">
        <v>12</v>
      </c>
      <c r="EL9" s="71">
        <v>12</v>
      </c>
      <c r="EM9" s="72">
        <v>121</v>
      </c>
      <c r="EN9" s="73">
        <v>174</v>
      </c>
      <c r="EO9" s="70">
        <v>43</v>
      </c>
      <c r="EP9" s="71">
        <v>51</v>
      </c>
      <c r="EQ9" s="72">
        <v>94</v>
      </c>
      <c r="ER9" s="276"/>
      <c r="ES9" s="71">
        <v>86</v>
      </c>
      <c r="ET9" s="71">
        <v>39</v>
      </c>
      <c r="EU9" s="71">
        <v>26</v>
      </c>
      <c r="EV9" s="71">
        <v>19</v>
      </c>
      <c r="EW9" s="71">
        <v>26</v>
      </c>
      <c r="EX9" s="72">
        <v>196</v>
      </c>
      <c r="EY9" s="73">
        <v>290</v>
      </c>
      <c r="EZ9" s="70">
        <v>65</v>
      </c>
      <c r="FA9" s="71">
        <v>70</v>
      </c>
      <c r="FB9" s="72">
        <v>135</v>
      </c>
      <c r="FC9" s="276"/>
      <c r="FD9" s="71">
        <v>97</v>
      </c>
      <c r="FE9" s="71">
        <v>79</v>
      </c>
      <c r="FF9" s="71">
        <v>56</v>
      </c>
      <c r="FG9" s="71">
        <v>42</v>
      </c>
      <c r="FH9" s="71">
        <v>27</v>
      </c>
      <c r="FI9" s="72">
        <v>301</v>
      </c>
      <c r="FJ9" s="73">
        <v>436</v>
      </c>
      <c r="FK9" s="70">
        <v>45</v>
      </c>
      <c r="FL9" s="71">
        <v>50</v>
      </c>
      <c r="FM9" s="72">
        <v>95</v>
      </c>
      <c r="FN9" s="276"/>
      <c r="FO9" s="71">
        <v>110</v>
      </c>
      <c r="FP9" s="71">
        <v>83</v>
      </c>
      <c r="FQ9" s="71">
        <v>75</v>
      </c>
      <c r="FR9" s="71">
        <v>103</v>
      </c>
      <c r="FS9" s="71">
        <v>56</v>
      </c>
      <c r="FT9" s="72">
        <v>427</v>
      </c>
      <c r="FU9" s="73">
        <v>522</v>
      </c>
      <c r="FV9" s="70">
        <v>0</v>
      </c>
      <c r="FW9" s="71">
        <v>0</v>
      </c>
      <c r="FX9" s="72">
        <v>0</v>
      </c>
      <c r="FY9" s="276"/>
      <c r="FZ9" s="71">
        <v>0</v>
      </c>
      <c r="GA9" s="71">
        <v>0</v>
      </c>
      <c r="GB9" s="71">
        <v>0</v>
      </c>
      <c r="GC9" s="71">
        <v>0</v>
      </c>
      <c r="GD9" s="71">
        <v>0</v>
      </c>
      <c r="GE9" s="72">
        <v>0</v>
      </c>
      <c r="GF9" s="73">
        <v>0</v>
      </c>
      <c r="GG9" s="70">
        <v>202</v>
      </c>
      <c r="GH9" s="71">
        <v>213</v>
      </c>
      <c r="GI9" s="72">
        <v>415</v>
      </c>
      <c r="GJ9" s="276"/>
      <c r="GK9" s="71">
        <v>387</v>
      </c>
      <c r="GL9" s="71">
        <v>237</v>
      </c>
      <c r="GM9" s="71">
        <v>180</v>
      </c>
      <c r="GN9" s="71">
        <v>190</v>
      </c>
      <c r="GO9" s="71">
        <v>126</v>
      </c>
      <c r="GP9" s="72">
        <v>1120</v>
      </c>
      <c r="GQ9" s="73">
        <v>1535</v>
      </c>
      <c r="GR9" s="126">
        <v>603</v>
      </c>
      <c r="GS9" s="82">
        <v>571</v>
      </c>
      <c r="GT9" s="83">
        <v>1174</v>
      </c>
      <c r="GU9" s="273"/>
      <c r="GV9" s="82">
        <v>1093</v>
      </c>
      <c r="GW9" s="82">
        <v>784</v>
      </c>
      <c r="GX9" s="82">
        <v>535</v>
      </c>
      <c r="GY9" s="82">
        <v>534</v>
      </c>
      <c r="GZ9" s="82">
        <v>352</v>
      </c>
      <c r="HA9" s="84">
        <v>3298</v>
      </c>
      <c r="HB9" s="85">
        <v>4472</v>
      </c>
      <c r="HC9" s="70">
        <v>15</v>
      </c>
      <c r="HD9" s="71">
        <v>26</v>
      </c>
      <c r="HE9" s="72">
        <v>41</v>
      </c>
      <c r="HF9" s="276"/>
      <c r="HG9" s="71">
        <v>29</v>
      </c>
      <c r="HH9" s="71">
        <v>26</v>
      </c>
      <c r="HI9" s="71">
        <v>18</v>
      </c>
      <c r="HJ9" s="71">
        <v>19</v>
      </c>
      <c r="HK9" s="71">
        <v>13</v>
      </c>
      <c r="HL9" s="72">
        <v>105</v>
      </c>
      <c r="HM9" s="73">
        <v>146</v>
      </c>
      <c r="HN9" s="70">
        <v>41</v>
      </c>
      <c r="HO9" s="71">
        <v>50</v>
      </c>
      <c r="HP9" s="72">
        <v>91</v>
      </c>
      <c r="HQ9" s="276"/>
      <c r="HR9" s="71">
        <v>80</v>
      </c>
      <c r="HS9" s="71">
        <v>56</v>
      </c>
      <c r="HT9" s="71">
        <v>42</v>
      </c>
      <c r="HU9" s="71">
        <v>40</v>
      </c>
      <c r="HV9" s="71">
        <v>27</v>
      </c>
      <c r="HW9" s="72">
        <v>245</v>
      </c>
      <c r="HX9" s="73">
        <v>336</v>
      </c>
      <c r="HY9" s="70">
        <v>73</v>
      </c>
      <c r="HZ9" s="71">
        <v>65</v>
      </c>
      <c r="IA9" s="72">
        <v>138</v>
      </c>
      <c r="IB9" s="276"/>
      <c r="IC9" s="71">
        <v>148</v>
      </c>
      <c r="ID9" s="71">
        <v>93</v>
      </c>
      <c r="IE9" s="71">
        <v>63</v>
      </c>
      <c r="IF9" s="71">
        <v>53</v>
      </c>
      <c r="IG9" s="71">
        <v>45</v>
      </c>
      <c r="IH9" s="72">
        <v>402</v>
      </c>
      <c r="II9" s="73">
        <v>540</v>
      </c>
      <c r="IJ9" s="70">
        <v>128</v>
      </c>
      <c r="IK9" s="71">
        <v>116</v>
      </c>
      <c r="IL9" s="72">
        <v>244</v>
      </c>
      <c r="IM9" s="276"/>
      <c r="IN9" s="71">
        <v>242</v>
      </c>
      <c r="IO9" s="71">
        <v>148</v>
      </c>
      <c r="IP9" s="71">
        <v>95</v>
      </c>
      <c r="IQ9" s="71">
        <v>82</v>
      </c>
      <c r="IR9" s="71">
        <v>68</v>
      </c>
      <c r="IS9" s="72">
        <v>635</v>
      </c>
      <c r="IT9" s="73">
        <v>879</v>
      </c>
      <c r="IU9" s="70">
        <v>188</v>
      </c>
      <c r="IV9" s="71">
        <v>175</v>
      </c>
      <c r="IW9" s="72">
        <v>363</v>
      </c>
      <c r="IX9" s="276"/>
      <c r="IY9" s="71">
        <v>283</v>
      </c>
      <c r="IZ9" s="71">
        <v>216</v>
      </c>
      <c r="JA9" s="71">
        <v>155</v>
      </c>
      <c r="JB9" s="71">
        <v>148</v>
      </c>
      <c r="JC9" s="71">
        <v>80</v>
      </c>
      <c r="JD9" s="72">
        <v>882</v>
      </c>
      <c r="JE9" s="73">
        <v>1245</v>
      </c>
      <c r="JF9" s="70">
        <v>158</v>
      </c>
      <c r="JG9" s="71">
        <v>139</v>
      </c>
      <c r="JH9" s="72">
        <v>297</v>
      </c>
      <c r="JI9" s="276"/>
      <c r="JJ9" s="71">
        <v>311</v>
      </c>
      <c r="JK9" s="71">
        <v>245</v>
      </c>
      <c r="JL9" s="71">
        <v>162</v>
      </c>
      <c r="JM9" s="71">
        <v>192</v>
      </c>
      <c r="JN9" s="71">
        <v>119</v>
      </c>
      <c r="JO9" s="72">
        <v>1029</v>
      </c>
      <c r="JP9" s="73">
        <v>1326</v>
      </c>
      <c r="JQ9" s="70">
        <v>0</v>
      </c>
      <c r="JR9" s="71">
        <v>0</v>
      </c>
      <c r="JS9" s="72">
        <v>0</v>
      </c>
      <c r="JT9" s="276"/>
      <c r="JU9" s="71">
        <v>0</v>
      </c>
      <c r="JV9" s="71">
        <v>0</v>
      </c>
      <c r="JW9" s="71">
        <v>0</v>
      </c>
      <c r="JX9" s="71">
        <v>0</v>
      </c>
      <c r="JY9" s="71">
        <v>0</v>
      </c>
      <c r="JZ9" s="72">
        <v>0</v>
      </c>
      <c r="KA9" s="73">
        <v>0</v>
      </c>
      <c r="KB9" s="70">
        <v>603</v>
      </c>
      <c r="KC9" s="71">
        <v>571</v>
      </c>
      <c r="KD9" s="72">
        <v>1174</v>
      </c>
      <c r="KE9" s="276"/>
      <c r="KF9" s="71">
        <v>1093</v>
      </c>
      <c r="KG9" s="71">
        <v>784</v>
      </c>
      <c r="KH9" s="71">
        <v>535</v>
      </c>
      <c r="KI9" s="71">
        <v>534</v>
      </c>
      <c r="KJ9" s="71">
        <v>352</v>
      </c>
      <c r="KK9" s="72">
        <v>3298</v>
      </c>
      <c r="KL9" s="73">
        <v>4472</v>
      </c>
    </row>
    <row r="10" spans="1:298" ht="19.5" customHeight="1" x14ac:dyDescent="0.2">
      <c r="A10" s="129" t="s">
        <v>14</v>
      </c>
      <c r="B10" s="350">
        <v>180</v>
      </c>
      <c r="C10" s="82">
        <v>200</v>
      </c>
      <c r="D10" s="83">
        <v>380</v>
      </c>
      <c r="E10" s="273"/>
      <c r="F10" s="82">
        <v>235</v>
      </c>
      <c r="G10" s="82">
        <v>236</v>
      </c>
      <c r="H10" s="82">
        <v>155</v>
      </c>
      <c r="I10" s="82">
        <v>148</v>
      </c>
      <c r="J10" s="82">
        <v>95</v>
      </c>
      <c r="K10" s="84">
        <v>869</v>
      </c>
      <c r="L10" s="85">
        <v>1249</v>
      </c>
      <c r="M10" s="70">
        <v>12</v>
      </c>
      <c r="N10" s="71">
        <v>7</v>
      </c>
      <c r="O10" s="72">
        <v>19</v>
      </c>
      <c r="P10" s="276"/>
      <c r="Q10" s="71">
        <v>11</v>
      </c>
      <c r="R10" s="71">
        <v>7</v>
      </c>
      <c r="S10" s="71">
        <v>6</v>
      </c>
      <c r="T10" s="71">
        <v>9</v>
      </c>
      <c r="U10" s="71">
        <v>8</v>
      </c>
      <c r="V10" s="72">
        <v>41</v>
      </c>
      <c r="W10" s="73">
        <v>60</v>
      </c>
      <c r="X10" s="70">
        <v>16</v>
      </c>
      <c r="Y10" s="71">
        <v>20</v>
      </c>
      <c r="Z10" s="72">
        <v>36</v>
      </c>
      <c r="AA10" s="276"/>
      <c r="AB10" s="71">
        <v>17</v>
      </c>
      <c r="AC10" s="71">
        <v>29</v>
      </c>
      <c r="AD10" s="71">
        <v>13</v>
      </c>
      <c r="AE10" s="71">
        <v>17</v>
      </c>
      <c r="AF10" s="71">
        <v>12</v>
      </c>
      <c r="AG10" s="72">
        <v>88</v>
      </c>
      <c r="AH10" s="73">
        <v>124</v>
      </c>
      <c r="AI10" s="70">
        <v>19</v>
      </c>
      <c r="AJ10" s="71">
        <v>28</v>
      </c>
      <c r="AK10" s="72">
        <v>47</v>
      </c>
      <c r="AL10" s="276"/>
      <c r="AM10" s="71">
        <v>21</v>
      </c>
      <c r="AN10" s="71">
        <v>25</v>
      </c>
      <c r="AO10" s="71">
        <v>21</v>
      </c>
      <c r="AP10" s="71">
        <v>15</v>
      </c>
      <c r="AQ10" s="71">
        <v>19</v>
      </c>
      <c r="AR10" s="72">
        <v>101</v>
      </c>
      <c r="AS10" s="73">
        <v>148</v>
      </c>
      <c r="AT10" s="70">
        <v>41</v>
      </c>
      <c r="AU10" s="71">
        <v>62</v>
      </c>
      <c r="AV10" s="72">
        <v>103</v>
      </c>
      <c r="AW10" s="276"/>
      <c r="AX10" s="71">
        <v>57</v>
      </c>
      <c r="AY10" s="71">
        <v>52</v>
      </c>
      <c r="AZ10" s="71">
        <v>42</v>
      </c>
      <c r="BA10" s="71">
        <v>26</v>
      </c>
      <c r="BB10" s="71">
        <v>22</v>
      </c>
      <c r="BC10" s="72">
        <v>199</v>
      </c>
      <c r="BD10" s="73">
        <v>302</v>
      </c>
      <c r="BE10" s="70">
        <v>59</v>
      </c>
      <c r="BF10" s="71">
        <v>51</v>
      </c>
      <c r="BG10" s="72">
        <v>110</v>
      </c>
      <c r="BH10" s="276"/>
      <c r="BI10" s="71">
        <v>67</v>
      </c>
      <c r="BJ10" s="71">
        <v>61</v>
      </c>
      <c r="BK10" s="71">
        <v>43</v>
      </c>
      <c r="BL10" s="71">
        <v>37</v>
      </c>
      <c r="BM10" s="71">
        <v>13</v>
      </c>
      <c r="BN10" s="72">
        <v>221</v>
      </c>
      <c r="BO10" s="73">
        <v>331</v>
      </c>
      <c r="BP10" s="70">
        <v>33</v>
      </c>
      <c r="BQ10" s="71">
        <v>32</v>
      </c>
      <c r="BR10" s="72">
        <v>65</v>
      </c>
      <c r="BS10" s="276"/>
      <c r="BT10" s="71">
        <v>62</v>
      </c>
      <c r="BU10" s="71">
        <v>62</v>
      </c>
      <c r="BV10" s="71">
        <v>30</v>
      </c>
      <c r="BW10" s="71">
        <v>44</v>
      </c>
      <c r="BX10" s="71">
        <v>21</v>
      </c>
      <c r="BY10" s="72">
        <v>219</v>
      </c>
      <c r="BZ10" s="73">
        <v>284</v>
      </c>
      <c r="CA10" s="70">
        <v>0</v>
      </c>
      <c r="CB10" s="71">
        <v>0</v>
      </c>
      <c r="CC10" s="72">
        <v>0</v>
      </c>
      <c r="CD10" s="276"/>
      <c r="CE10" s="71">
        <v>0</v>
      </c>
      <c r="CF10" s="71">
        <v>0</v>
      </c>
      <c r="CG10" s="71">
        <v>0</v>
      </c>
      <c r="CH10" s="71">
        <v>0</v>
      </c>
      <c r="CI10" s="71">
        <v>0</v>
      </c>
      <c r="CJ10" s="72">
        <v>0</v>
      </c>
      <c r="CK10" s="73">
        <v>0</v>
      </c>
      <c r="CL10" s="70">
        <v>180</v>
      </c>
      <c r="CM10" s="71">
        <v>200</v>
      </c>
      <c r="CN10" s="72">
        <v>380</v>
      </c>
      <c r="CO10" s="276"/>
      <c r="CP10" s="71">
        <v>235</v>
      </c>
      <c r="CQ10" s="71">
        <v>236</v>
      </c>
      <c r="CR10" s="71">
        <v>155</v>
      </c>
      <c r="CS10" s="71">
        <v>148</v>
      </c>
      <c r="CT10" s="71">
        <v>95</v>
      </c>
      <c r="CU10" s="72">
        <v>869</v>
      </c>
      <c r="CV10" s="73">
        <v>1249</v>
      </c>
      <c r="CW10" s="126">
        <v>61</v>
      </c>
      <c r="CX10" s="82">
        <v>84</v>
      </c>
      <c r="CY10" s="83">
        <v>145</v>
      </c>
      <c r="CZ10" s="273"/>
      <c r="DA10" s="82">
        <v>94</v>
      </c>
      <c r="DB10" s="82">
        <v>82</v>
      </c>
      <c r="DC10" s="82">
        <v>68</v>
      </c>
      <c r="DD10" s="82">
        <v>64</v>
      </c>
      <c r="DE10" s="82">
        <v>38</v>
      </c>
      <c r="DF10" s="84">
        <v>346</v>
      </c>
      <c r="DG10" s="85">
        <v>491</v>
      </c>
      <c r="DH10" s="70">
        <v>4</v>
      </c>
      <c r="DI10" s="71">
        <v>2</v>
      </c>
      <c r="DJ10" s="72">
        <v>6</v>
      </c>
      <c r="DK10" s="276"/>
      <c r="DL10" s="71">
        <v>3</v>
      </c>
      <c r="DM10" s="71">
        <v>1</v>
      </c>
      <c r="DN10" s="71">
        <v>2</v>
      </c>
      <c r="DO10" s="71">
        <v>0</v>
      </c>
      <c r="DP10" s="71">
        <v>1</v>
      </c>
      <c r="DQ10" s="72">
        <v>7</v>
      </c>
      <c r="DR10" s="73">
        <v>13</v>
      </c>
      <c r="DS10" s="70">
        <v>8</v>
      </c>
      <c r="DT10" s="71">
        <v>3</v>
      </c>
      <c r="DU10" s="72">
        <v>11</v>
      </c>
      <c r="DV10" s="276"/>
      <c r="DW10" s="71">
        <v>5</v>
      </c>
      <c r="DX10" s="71">
        <v>3</v>
      </c>
      <c r="DY10" s="71">
        <v>8</v>
      </c>
      <c r="DZ10" s="71">
        <v>2</v>
      </c>
      <c r="EA10" s="71">
        <v>1</v>
      </c>
      <c r="EB10" s="72">
        <v>19</v>
      </c>
      <c r="EC10" s="73">
        <v>30</v>
      </c>
      <c r="ED10" s="70">
        <v>6</v>
      </c>
      <c r="EE10" s="71">
        <v>7</v>
      </c>
      <c r="EF10" s="72">
        <v>13</v>
      </c>
      <c r="EG10" s="276"/>
      <c r="EH10" s="71">
        <v>9</v>
      </c>
      <c r="EI10" s="71">
        <v>9</v>
      </c>
      <c r="EJ10" s="71">
        <v>5</v>
      </c>
      <c r="EK10" s="71">
        <v>6</v>
      </c>
      <c r="EL10" s="71">
        <v>2</v>
      </c>
      <c r="EM10" s="72">
        <v>31</v>
      </c>
      <c r="EN10" s="73">
        <v>44</v>
      </c>
      <c r="EO10" s="70">
        <v>17</v>
      </c>
      <c r="EP10" s="71">
        <v>19</v>
      </c>
      <c r="EQ10" s="72">
        <v>36</v>
      </c>
      <c r="ER10" s="276"/>
      <c r="ES10" s="71">
        <v>18</v>
      </c>
      <c r="ET10" s="71">
        <v>19</v>
      </c>
      <c r="EU10" s="71">
        <v>11</v>
      </c>
      <c r="EV10" s="71">
        <v>6</v>
      </c>
      <c r="EW10" s="71">
        <v>5</v>
      </c>
      <c r="EX10" s="72">
        <v>59</v>
      </c>
      <c r="EY10" s="73">
        <v>95</v>
      </c>
      <c r="EZ10" s="70">
        <v>13</v>
      </c>
      <c r="FA10" s="71">
        <v>35</v>
      </c>
      <c r="FB10" s="72">
        <v>48</v>
      </c>
      <c r="FC10" s="276"/>
      <c r="FD10" s="71">
        <v>27</v>
      </c>
      <c r="FE10" s="71">
        <v>20</v>
      </c>
      <c r="FF10" s="71">
        <v>12</v>
      </c>
      <c r="FG10" s="71">
        <v>12</v>
      </c>
      <c r="FH10" s="71">
        <v>6</v>
      </c>
      <c r="FI10" s="72">
        <v>77</v>
      </c>
      <c r="FJ10" s="73">
        <v>125</v>
      </c>
      <c r="FK10" s="70">
        <v>13</v>
      </c>
      <c r="FL10" s="71">
        <v>18</v>
      </c>
      <c r="FM10" s="72">
        <v>31</v>
      </c>
      <c r="FN10" s="276"/>
      <c r="FO10" s="71">
        <v>32</v>
      </c>
      <c r="FP10" s="71">
        <v>30</v>
      </c>
      <c r="FQ10" s="71">
        <v>30</v>
      </c>
      <c r="FR10" s="71">
        <v>38</v>
      </c>
      <c r="FS10" s="71">
        <v>23</v>
      </c>
      <c r="FT10" s="72">
        <v>153</v>
      </c>
      <c r="FU10" s="73">
        <v>184</v>
      </c>
      <c r="FV10" s="70">
        <v>0</v>
      </c>
      <c r="FW10" s="71">
        <v>0</v>
      </c>
      <c r="FX10" s="72">
        <v>0</v>
      </c>
      <c r="FY10" s="276"/>
      <c r="FZ10" s="71">
        <v>0</v>
      </c>
      <c r="GA10" s="71">
        <v>0</v>
      </c>
      <c r="GB10" s="71">
        <v>0</v>
      </c>
      <c r="GC10" s="71">
        <v>0</v>
      </c>
      <c r="GD10" s="71">
        <v>0</v>
      </c>
      <c r="GE10" s="72">
        <v>0</v>
      </c>
      <c r="GF10" s="73">
        <v>0</v>
      </c>
      <c r="GG10" s="70">
        <v>61</v>
      </c>
      <c r="GH10" s="71">
        <v>84</v>
      </c>
      <c r="GI10" s="72">
        <v>145</v>
      </c>
      <c r="GJ10" s="276"/>
      <c r="GK10" s="71">
        <v>94</v>
      </c>
      <c r="GL10" s="71">
        <v>82</v>
      </c>
      <c r="GM10" s="71">
        <v>68</v>
      </c>
      <c r="GN10" s="71">
        <v>64</v>
      </c>
      <c r="GO10" s="71">
        <v>38</v>
      </c>
      <c r="GP10" s="72">
        <v>346</v>
      </c>
      <c r="GQ10" s="73">
        <v>491</v>
      </c>
      <c r="GR10" s="126">
        <v>241</v>
      </c>
      <c r="GS10" s="82">
        <v>284</v>
      </c>
      <c r="GT10" s="83">
        <v>525</v>
      </c>
      <c r="GU10" s="273"/>
      <c r="GV10" s="82">
        <v>329</v>
      </c>
      <c r="GW10" s="82">
        <v>318</v>
      </c>
      <c r="GX10" s="82">
        <v>223</v>
      </c>
      <c r="GY10" s="82">
        <v>212</v>
      </c>
      <c r="GZ10" s="82">
        <v>133</v>
      </c>
      <c r="HA10" s="84">
        <v>1215</v>
      </c>
      <c r="HB10" s="85">
        <v>1740</v>
      </c>
      <c r="HC10" s="70">
        <v>16</v>
      </c>
      <c r="HD10" s="71">
        <v>9</v>
      </c>
      <c r="HE10" s="72">
        <v>25</v>
      </c>
      <c r="HF10" s="276"/>
      <c r="HG10" s="71">
        <v>14</v>
      </c>
      <c r="HH10" s="71">
        <v>8</v>
      </c>
      <c r="HI10" s="71">
        <v>8</v>
      </c>
      <c r="HJ10" s="71">
        <v>9</v>
      </c>
      <c r="HK10" s="71">
        <v>9</v>
      </c>
      <c r="HL10" s="72">
        <v>48</v>
      </c>
      <c r="HM10" s="73">
        <v>73</v>
      </c>
      <c r="HN10" s="70">
        <v>24</v>
      </c>
      <c r="HO10" s="71">
        <v>23</v>
      </c>
      <c r="HP10" s="72">
        <v>47</v>
      </c>
      <c r="HQ10" s="276"/>
      <c r="HR10" s="71">
        <v>22</v>
      </c>
      <c r="HS10" s="71">
        <v>32</v>
      </c>
      <c r="HT10" s="71">
        <v>21</v>
      </c>
      <c r="HU10" s="71">
        <v>19</v>
      </c>
      <c r="HV10" s="71">
        <v>13</v>
      </c>
      <c r="HW10" s="72">
        <v>107</v>
      </c>
      <c r="HX10" s="73">
        <v>154</v>
      </c>
      <c r="HY10" s="70">
        <v>25</v>
      </c>
      <c r="HZ10" s="71">
        <v>35</v>
      </c>
      <c r="IA10" s="72">
        <v>60</v>
      </c>
      <c r="IB10" s="276"/>
      <c r="IC10" s="71">
        <v>30</v>
      </c>
      <c r="ID10" s="71">
        <v>34</v>
      </c>
      <c r="IE10" s="71">
        <v>26</v>
      </c>
      <c r="IF10" s="71">
        <v>21</v>
      </c>
      <c r="IG10" s="71">
        <v>21</v>
      </c>
      <c r="IH10" s="72">
        <v>132</v>
      </c>
      <c r="II10" s="73">
        <v>192</v>
      </c>
      <c r="IJ10" s="70">
        <v>58</v>
      </c>
      <c r="IK10" s="71">
        <v>81</v>
      </c>
      <c r="IL10" s="72">
        <v>139</v>
      </c>
      <c r="IM10" s="276"/>
      <c r="IN10" s="71">
        <v>75</v>
      </c>
      <c r="IO10" s="71">
        <v>71</v>
      </c>
      <c r="IP10" s="71">
        <v>53</v>
      </c>
      <c r="IQ10" s="71">
        <v>32</v>
      </c>
      <c r="IR10" s="71">
        <v>27</v>
      </c>
      <c r="IS10" s="72">
        <v>258</v>
      </c>
      <c r="IT10" s="73">
        <v>397</v>
      </c>
      <c r="IU10" s="70">
        <v>72</v>
      </c>
      <c r="IV10" s="71">
        <v>86</v>
      </c>
      <c r="IW10" s="72">
        <v>158</v>
      </c>
      <c r="IX10" s="276"/>
      <c r="IY10" s="71">
        <v>94</v>
      </c>
      <c r="IZ10" s="71">
        <v>81</v>
      </c>
      <c r="JA10" s="71">
        <v>55</v>
      </c>
      <c r="JB10" s="71">
        <v>49</v>
      </c>
      <c r="JC10" s="71">
        <v>19</v>
      </c>
      <c r="JD10" s="72">
        <v>298</v>
      </c>
      <c r="JE10" s="73">
        <v>456</v>
      </c>
      <c r="JF10" s="70">
        <v>46</v>
      </c>
      <c r="JG10" s="71">
        <v>50</v>
      </c>
      <c r="JH10" s="72">
        <v>96</v>
      </c>
      <c r="JI10" s="276"/>
      <c r="JJ10" s="71">
        <v>94</v>
      </c>
      <c r="JK10" s="71">
        <v>92</v>
      </c>
      <c r="JL10" s="71">
        <v>60</v>
      </c>
      <c r="JM10" s="71">
        <v>82</v>
      </c>
      <c r="JN10" s="71">
        <v>44</v>
      </c>
      <c r="JO10" s="72">
        <v>372</v>
      </c>
      <c r="JP10" s="73">
        <v>468</v>
      </c>
      <c r="JQ10" s="70">
        <v>0</v>
      </c>
      <c r="JR10" s="71">
        <v>0</v>
      </c>
      <c r="JS10" s="72">
        <v>0</v>
      </c>
      <c r="JT10" s="276"/>
      <c r="JU10" s="71">
        <v>0</v>
      </c>
      <c r="JV10" s="71">
        <v>0</v>
      </c>
      <c r="JW10" s="71">
        <v>0</v>
      </c>
      <c r="JX10" s="71">
        <v>0</v>
      </c>
      <c r="JY10" s="71">
        <v>0</v>
      </c>
      <c r="JZ10" s="72">
        <v>0</v>
      </c>
      <c r="KA10" s="73">
        <v>0</v>
      </c>
      <c r="KB10" s="70">
        <v>241</v>
      </c>
      <c r="KC10" s="71">
        <v>284</v>
      </c>
      <c r="KD10" s="72">
        <v>525</v>
      </c>
      <c r="KE10" s="276"/>
      <c r="KF10" s="71">
        <v>329</v>
      </c>
      <c r="KG10" s="71">
        <v>318</v>
      </c>
      <c r="KH10" s="71">
        <v>223</v>
      </c>
      <c r="KI10" s="71">
        <v>212</v>
      </c>
      <c r="KJ10" s="71">
        <v>133</v>
      </c>
      <c r="KK10" s="72">
        <v>1215</v>
      </c>
      <c r="KL10" s="73">
        <v>1740</v>
      </c>
    </row>
    <row r="11" spans="1:298" ht="19.5" customHeight="1" x14ac:dyDescent="0.2">
      <c r="A11" s="129" t="s">
        <v>7</v>
      </c>
      <c r="B11" s="350">
        <v>112</v>
      </c>
      <c r="C11" s="82">
        <v>84</v>
      </c>
      <c r="D11" s="83">
        <v>196</v>
      </c>
      <c r="E11" s="273"/>
      <c r="F11" s="82">
        <v>222</v>
      </c>
      <c r="G11" s="82">
        <v>159</v>
      </c>
      <c r="H11" s="82">
        <v>76</v>
      </c>
      <c r="I11" s="82">
        <v>61</v>
      </c>
      <c r="J11" s="82">
        <v>40</v>
      </c>
      <c r="K11" s="84">
        <v>558</v>
      </c>
      <c r="L11" s="85">
        <v>754</v>
      </c>
      <c r="M11" s="70">
        <v>6</v>
      </c>
      <c r="N11" s="71">
        <v>2</v>
      </c>
      <c r="O11" s="72">
        <v>8</v>
      </c>
      <c r="P11" s="276"/>
      <c r="Q11" s="71">
        <v>3</v>
      </c>
      <c r="R11" s="71">
        <v>7</v>
      </c>
      <c r="S11" s="71">
        <v>6</v>
      </c>
      <c r="T11" s="71">
        <v>3</v>
      </c>
      <c r="U11" s="71">
        <v>5</v>
      </c>
      <c r="V11" s="72">
        <v>24</v>
      </c>
      <c r="W11" s="73">
        <v>32</v>
      </c>
      <c r="X11" s="70">
        <v>12</v>
      </c>
      <c r="Y11" s="71">
        <v>5</v>
      </c>
      <c r="Z11" s="72">
        <v>17</v>
      </c>
      <c r="AA11" s="276"/>
      <c r="AB11" s="71">
        <v>21</v>
      </c>
      <c r="AC11" s="71">
        <v>13</v>
      </c>
      <c r="AD11" s="71">
        <v>10</v>
      </c>
      <c r="AE11" s="71">
        <v>5</v>
      </c>
      <c r="AF11" s="71">
        <v>3</v>
      </c>
      <c r="AG11" s="72">
        <v>52</v>
      </c>
      <c r="AH11" s="73">
        <v>69</v>
      </c>
      <c r="AI11" s="70">
        <v>15</v>
      </c>
      <c r="AJ11" s="71">
        <v>11</v>
      </c>
      <c r="AK11" s="72">
        <v>26</v>
      </c>
      <c r="AL11" s="276"/>
      <c r="AM11" s="71">
        <v>29</v>
      </c>
      <c r="AN11" s="71">
        <v>21</v>
      </c>
      <c r="AO11" s="71">
        <v>10</v>
      </c>
      <c r="AP11" s="71">
        <v>11</v>
      </c>
      <c r="AQ11" s="71">
        <v>5</v>
      </c>
      <c r="AR11" s="72">
        <v>76</v>
      </c>
      <c r="AS11" s="73">
        <v>102</v>
      </c>
      <c r="AT11" s="70">
        <v>28</v>
      </c>
      <c r="AU11" s="71">
        <v>22</v>
      </c>
      <c r="AV11" s="72">
        <v>50</v>
      </c>
      <c r="AW11" s="276"/>
      <c r="AX11" s="71">
        <v>64</v>
      </c>
      <c r="AY11" s="71">
        <v>37</v>
      </c>
      <c r="AZ11" s="71">
        <v>13</v>
      </c>
      <c r="BA11" s="71">
        <v>10</v>
      </c>
      <c r="BB11" s="71">
        <v>8</v>
      </c>
      <c r="BC11" s="72">
        <v>132</v>
      </c>
      <c r="BD11" s="73">
        <v>182</v>
      </c>
      <c r="BE11" s="70">
        <v>31</v>
      </c>
      <c r="BF11" s="71">
        <v>23</v>
      </c>
      <c r="BG11" s="72">
        <v>54</v>
      </c>
      <c r="BH11" s="276"/>
      <c r="BI11" s="71">
        <v>58</v>
      </c>
      <c r="BJ11" s="71">
        <v>38</v>
      </c>
      <c r="BK11" s="71">
        <v>14</v>
      </c>
      <c r="BL11" s="71">
        <v>11</v>
      </c>
      <c r="BM11" s="71">
        <v>13</v>
      </c>
      <c r="BN11" s="72">
        <v>134</v>
      </c>
      <c r="BO11" s="73">
        <v>188</v>
      </c>
      <c r="BP11" s="70">
        <v>20</v>
      </c>
      <c r="BQ11" s="71">
        <v>21</v>
      </c>
      <c r="BR11" s="72">
        <v>41</v>
      </c>
      <c r="BS11" s="276"/>
      <c r="BT11" s="71">
        <v>47</v>
      </c>
      <c r="BU11" s="71">
        <v>43</v>
      </c>
      <c r="BV11" s="71">
        <v>23</v>
      </c>
      <c r="BW11" s="71">
        <v>21</v>
      </c>
      <c r="BX11" s="71">
        <v>6</v>
      </c>
      <c r="BY11" s="72">
        <v>140</v>
      </c>
      <c r="BZ11" s="73">
        <v>181</v>
      </c>
      <c r="CA11" s="70">
        <v>0</v>
      </c>
      <c r="CB11" s="71">
        <v>0</v>
      </c>
      <c r="CC11" s="72">
        <v>0</v>
      </c>
      <c r="CD11" s="276"/>
      <c r="CE11" s="71">
        <v>0</v>
      </c>
      <c r="CF11" s="71">
        <v>0</v>
      </c>
      <c r="CG11" s="71">
        <v>0</v>
      </c>
      <c r="CH11" s="71">
        <v>0</v>
      </c>
      <c r="CI11" s="71">
        <v>0</v>
      </c>
      <c r="CJ11" s="72">
        <v>0</v>
      </c>
      <c r="CK11" s="73">
        <v>0</v>
      </c>
      <c r="CL11" s="70">
        <v>112</v>
      </c>
      <c r="CM11" s="71">
        <v>84</v>
      </c>
      <c r="CN11" s="72">
        <v>196</v>
      </c>
      <c r="CO11" s="276"/>
      <c r="CP11" s="71">
        <v>222</v>
      </c>
      <c r="CQ11" s="71">
        <v>159</v>
      </c>
      <c r="CR11" s="71">
        <v>76</v>
      </c>
      <c r="CS11" s="71">
        <v>61</v>
      </c>
      <c r="CT11" s="71">
        <v>40</v>
      </c>
      <c r="CU11" s="72">
        <v>558</v>
      </c>
      <c r="CV11" s="73">
        <v>754</v>
      </c>
      <c r="CW11" s="126">
        <v>32</v>
      </c>
      <c r="CX11" s="82">
        <v>34</v>
      </c>
      <c r="CY11" s="83">
        <v>66</v>
      </c>
      <c r="CZ11" s="273"/>
      <c r="DA11" s="82">
        <v>69</v>
      </c>
      <c r="DB11" s="82">
        <v>32</v>
      </c>
      <c r="DC11" s="82">
        <v>33</v>
      </c>
      <c r="DD11" s="82">
        <v>26</v>
      </c>
      <c r="DE11" s="82">
        <v>19</v>
      </c>
      <c r="DF11" s="84">
        <v>179</v>
      </c>
      <c r="DG11" s="85">
        <v>245</v>
      </c>
      <c r="DH11" s="70">
        <v>0</v>
      </c>
      <c r="DI11" s="71">
        <v>0</v>
      </c>
      <c r="DJ11" s="72">
        <v>0</v>
      </c>
      <c r="DK11" s="276"/>
      <c r="DL11" s="71">
        <v>3</v>
      </c>
      <c r="DM11" s="71">
        <v>2</v>
      </c>
      <c r="DN11" s="71">
        <v>2</v>
      </c>
      <c r="DO11" s="71">
        <v>0</v>
      </c>
      <c r="DP11" s="71">
        <v>1</v>
      </c>
      <c r="DQ11" s="72">
        <v>8</v>
      </c>
      <c r="DR11" s="73">
        <v>8</v>
      </c>
      <c r="DS11" s="70">
        <v>2</v>
      </c>
      <c r="DT11" s="71">
        <v>2</v>
      </c>
      <c r="DU11" s="72">
        <v>4</v>
      </c>
      <c r="DV11" s="276"/>
      <c r="DW11" s="71">
        <v>3</v>
      </c>
      <c r="DX11" s="71">
        <v>5</v>
      </c>
      <c r="DY11" s="71">
        <v>2</v>
      </c>
      <c r="DZ11" s="71">
        <v>2</v>
      </c>
      <c r="EA11" s="71">
        <v>0</v>
      </c>
      <c r="EB11" s="72">
        <v>12</v>
      </c>
      <c r="EC11" s="73">
        <v>16</v>
      </c>
      <c r="ED11" s="70">
        <v>1</v>
      </c>
      <c r="EE11" s="71">
        <v>6</v>
      </c>
      <c r="EF11" s="72">
        <v>7</v>
      </c>
      <c r="EG11" s="276"/>
      <c r="EH11" s="71">
        <v>6</v>
      </c>
      <c r="EI11" s="71">
        <v>3</v>
      </c>
      <c r="EJ11" s="71">
        <v>2</v>
      </c>
      <c r="EK11" s="71">
        <v>3</v>
      </c>
      <c r="EL11" s="71">
        <v>2</v>
      </c>
      <c r="EM11" s="72">
        <v>16</v>
      </c>
      <c r="EN11" s="73">
        <v>23</v>
      </c>
      <c r="EO11" s="70">
        <v>8</v>
      </c>
      <c r="EP11" s="71">
        <v>8</v>
      </c>
      <c r="EQ11" s="72">
        <v>16</v>
      </c>
      <c r="ER11" s="276"/>
      <c r="ES11" s="71">
        <v>20</v>
      </c>
      <c r="ET11" s="71">
        <v>1</v>
      </c>
      <c r="EU11" s="71">
        <v>4</v>
      </c>
      <c r="EV11" s="71">
        <v>2</v>
      </c>
      <c r="EW11" s="71">
        <v>1</v>
      </c>
      <c r="EX11" s="72">
        <v>28</v>
      </c>
      <c r="EY11" s="73">
        <v>44</v>
      </c>
      <c r="EZ11" s="70">
        <v>16</v>
      </c>
      <c r="FA11" s="71">
        <v>9</v>
      </c>
      <c r="FB11" s="72">
        <v>25</v>
      </c>
      <c r="FC11" s="276"/>
      <c r="FD11" s="71">
        <v>17</v>
      </c>
      <c r="FE11" s="71">
        <v>6</v>
      </c>
      <c r="FF11" s="71">
        <v>11</v>
      </c>
      <c r="FG11" s="71">
        <v>4</v>
      </c>
      <c r="FH11" s="71">
        <v>7</v>
      </c>
      <c r="FI11" s="72">
        <v>45</v>
      </c>
      <c r="FJ11" s="73">
        <v>70</v>
      </c>
      <c r="FK11" s="70">
        <v>5</v>
      </c>
      <c r="FL11" s="71">
        <v>9</v>
      </c>
      <c r="FM11" s="72">
        <v>14</v>
      </c>
      <c r="FN11" s="276"/>
      <c r="FO11" s="71">
        <v>20</v>
      </c>
      <c r="FP11" s="71">
        <v>15</v>
      </c>
      <c r="FQ11" s="71">
        <v>12</v>
      </c>
      <c r="FR11" s="71">
        <v>15</v>
      </c>
      <c r="FS11" s="71">
        <v>8</v>
      </c>
      <c r="FT11" s="72">
        <v>70</v>
      </c>
      <c r="FU11" s="73">
        <v>84</v>
      </c>
      <c r="FV11" s="70">
        <v>0</v>
      </c>
      <c r="FW11" s="71">
        <v>0</v>
      </c>
      <c r="FX11" s="72">
        <v>0</v>
      </c>
      <c r="FY11" s="276"/>
      <c r="FZ11" s="71">
        <v>0</v>
      </c>
      <c r="GA11" s="71">
        <v>0</v>
      </c>
      <c r="GB11" s="71">
        <v>0</v>
      </c>
      <c r="GC11" s="71">
        <v>0</v>
      </c>
      <c r="GD11" s="71">
        <v>0</v>
      </c>
      <c r="GE11" s="72">
        <v>0</v>
      </c>
      <c r="GF11" s="73">
        <v>0</v>
      </c>
      <c r="GG11" s="70">
        <v>32</v>
      </c>
      <c r="GH11" s="71">
        <v>34</v>
      </c>
      <c r="GI11" s="72">
        <v>66</v>
      </c>
      <c r="GJ11" s="276"/>
      <c r="GK11" s="71">
        <v>69</v>
      </c>
      <c r="GL11" s="71">
        <v>32</v>
      </c>
      <c r="GM11" s="71">
        <v>33</v>
      </c>
      <c r="GN11" s="71">
        <v>26</v>
      </c>
      <c r="GO11" s="71">
        <v>19</v>
      </c>
      <c r="GP11" s="72">
        <v>179</v>
      </c>
      <c r="GQ11" s="73">
        <v>245</v>
      </c>
      <c r="GR11" s="126">
        <v>144</v>
      </c>
      <c r="GS11" s="82">
        <v>118</v>
      </c>
      <c r="GT11" s="83">
        <v>262</v>
      </c>
      <c r="GU11" s="273"/>
      <c r="GV11" s="82">
        <v>291</v>
      </c>
      <c r="GW11" s="82">
        <v>191</v>
      </c>
      <c r="GX11" s="82">
        <v>109</v>
      </c>
      <c r="GY11" s="82">
        <v>87</v>
      </c>
      <c r="GZ11" s="82">
        <v>59</v>
      </c>
      <c r="HA11" s="84">
        <v>737</v>
      </c>
      <c r="HB11" s="85">
        <v>999</v>
      </c>
      <c r="HC11" s="70">
        <v>6</v>
      </c>
      <c r="HD11" s="71">
        <v>2</v>
      </c>
      <c r="HE11" s="72">
        <v>8</v>
      </c>
      <c r="HF11" s="276"/>
      <c r="HG11" s="71">
        <v>6</v>
      </c>
      <c r="HH11" s="71">
        <v>9</v>
      </c>
      <c r="HI11" s="71">
        <v>8</v>
      </c>
      <c r="HJ11" s="71">
        <v>3</v>
      </c>
      <c r="HK11" s="71">
        <v>6</v>
      </c>
      <c r="HL11" s="72">
        <v>32</v>
      </c>
      <c r="HM11" s="73">
        <v>40</v>
      </c>
      <c r="HN11" s="70">
        <v>14</v>
      </c>
      <c r="HO11" s="71">
        <v>7</v>
      </c>
      <c r="HP11" s="72">
        <v>21</v>
      </c>
      <c r="HQ11" s="276"/>
      <c r="HR11" s="71">
        <v>24</v>
      </c>
      <c r="HS11" s="71">
        <v>18</v>
      </c>
      <c r="HT11" s="71">
        <v>12</v>
      </c>
      <c r="HU11" s="71">
        <v>7</v>
      </c>
      <c r="HV11" s="71">
        <v>3</v>
      </c>
      <c r="HW11" s="72">
        <v>64</v>
      </c>
      <c r="HX11" s="73">
        <v>85</v>
      </c>
      <c r="HY11" s="70">
        <v>16</v>
      </c>
      <c r="HZ11" s="71">
        <v>17</v>
      </c>
      <c r="IA11" s="72">
        <v>33</v>
      </c>
      <c r="IB11" s="276"/>
      <c r="IC11" s="71">
        <v>35</v>
      </c>
      <c r="ID11" s="71">
        <v>24</v>
      </c>
      <c r="IE11" s="71">
        <v>12</v>
      </c>
      <c r="IF11" s="71">
        <v>14</v>
      </c>
      <c r="IG11" s="71">
        <v>7</v>
      </c>
      <c r="IH11" s="72">
        <v>92</v>
      </c>
      <c r="II11" s="73">
        <v>125</v>
      </c>
      <c r="IJ11" s="70">
        <v>36</v>
      </c>
      <c r="IK11" s="71">
        <v>30</v>
      </c>
      <c r="IL11" s="72">
        <v>66</v>
      </c>
      <c r="IM11" s="276"/>
      <c r="IN11" s="71">
        <v>84</v>
      </c>
      <c r="IO11" s="71">
        <v>38</v>
      </c>
      <c r="IP11" s="71">
        <v>17</v>
      </c>
      <c r="IQ11" s="71">
        <v>12</v>
      </c>
      <c r="IR11" s="71">
        <v>9</v>
      </c>
      <c r="IS11" s="72">
        <v>160</v>
      </c>
      <c r="IT11" s="73">
        <v>226</v>
      </c>
      <c r="IU11" s="70">
        <v>47</v>
      </c>
      <c r="IV11" s="71">
        <v>32</v>
      </c>
      <c r="IW11" s="72">
        <v>79</v>
      </c>
      <c r="IX11" s="276"/>
      <c r="IY11" s="71">
        <v>75</v>
      </c>
      <c r="IZ11" s="71">
        <v>44</v>
      </c>
      <c r="JA11" s="71">
        <v>25</v>
      </c>
      <c r="JB11" s="71">
        <v>15</v>
      </c>
      <c r="JC11" s="71">
        <v>20</v>
      </c>
      <c r="JD11" s="72">
        <v>179</v>
      </c>
      <c r="JE11" s="73">
        <v>258</v>
      </c>
      <c r="JF11" s="70">
        <v>25</v>
      </c>
      <c r="JG11" s="71">
        <v>30</v>
      </c>
      <c r="JH11" s="72">
        <v>55</v>
      </c>
      <c r="JI11" s="276"/>
      <c r="JJ11" s="71">
        <v>67</v>
      </c>
      <c r="JK11" s="71">
        <v>58</v>
      </c>
      <c r="JL11" s="71">
        <v>35</v>
      </c>
      <c r="JM11" s="71">
        <v>36</v>
      </c>
      <c r="JN11" s="71">
        <v>14</v>
      </c>
      <c r="JO11" s="72">
        <v>210</v>
      </c>
      <c r="JP11" s="73">
        <v>265</v>
      </c>
      <c r="JQ11" s="70">
        <v>0</v>
      </c>
      <c r="JR11" s="71">
        <v>0</v>
      </c>
      <c r="JS11" s="72">
        <v>0</v>
      </c>
      <c r="JT11" s="276"/>
      <c r="JU11" s="71">
        <v>0</v>
      </c>
      <c r="JV11" s="71">
        <v>0</v>
      </c>
      <c r="JW11" s="71">
        <v>0</v>
      </c>
      <c r="JX11" s="71">
        <v>0</v>
      </c>
      <c r="JY11" s="71">
        <v>0</v>
      </c>
      <c r="JZ11" s="72">
        <v>0</v>
      </c>
      <c r="KA11" s="73">
        <v>0</v>
      </c>
      <c r="KB11" s="70">
        <v>144</v>
      </c>
      <c r="KC11" s="71">
        <v>118</v>
      </c>
      <c r="KD11" s="72">
        <v>262</v>
      </c>
      <c r="KE11" s="276"/>
      <c r="KF11" s="71">
        <v>291</v>
      </c>
      <c r="KG11" s="71">
        <v>191</v>
      </c>
      <c r="KH11" s="71">
        <v>109</v>
      </c>
      <c r="KI11" s="71">
        <v>87</v>
      </c>
      <c r="KJ11" s="71">
        <v>59</v>
      </c>
      <c r="KK11" s="72">
        <v>737</v>
      </c>
      <c r="KL11" s="73">
        <v>999</v>
      </c>
    </row>
    <row r="12" spans="1:298" ht="19.5" customHeight="1" x14ac:dyDescent="0.2">
      <c r="A12" s="129" t="s">
        <v>8</v>
      </c>
      <c r="B12" s="350">
        <v>51</v>
      </c>
      <c r="C12" s="82">
        <v>26</v>
      </c>
      <c r="D12" s="83">
        <v>77</v>
      </c>
      <c r="E12" s="273"/>
      <c r="F12" s="82">
        <v>106</v>
      </c>
      <c r="G12" s="82">
        <v>75</v>
      </c>
      <c r="H12" s="82">
        <v>36</v>
      </c>
      <c r="I12" s="82">
        <v>53</v>
      </c>
      <c r="J12" s="82">
        <v>13</v>
      </c>
      <c r="K12" s="84">
        <v>283</v>
      </c>
      <c r="L12" s="85">
        <v>360</v>
      </c>
      <c r="M12" s="70">
        <v>2</v>
      </c>
      <c r="N12" s="71">
        <v>4</v>
      </c>
      <c r="O12" s="72">
        <v>6</v>
      </c>
      <c r="P12" s="276"/>
      <c r="Q12" s="71">
        <v>2</v>
      </c>
      <c r="R12" s="71">
        <v>2</v>
      </c>
      <c r="S12" s="71">
        <v>0</v>
      </c>
      <c r="T12" s="71">
        <v>4</v>
      </c>
      <c r="U12" s="71">
        <v>0</v>
      </c>
      <c r="V12" s="72">
        <v>8</v>
      </c>
      <c r="W12" s="73">
        <v>14</v>
      </c>
      <c r="X12" s="70">
        <v>3</v>
      </c>
      <c r="Y12" s="71">
        <v>0</v>
      </c>
      <c r="Z12" s="72">
        <v>3</v>
      </c>
      <c r="AA12" s="276"/>
      <c r="AB12" s="71">
        <v>13</v>
      </c>
      <c r="AC12" s="71">
        <v>11</v>
      </c>
      <c r="AD12" s="71">
        <v>3</v>
      </c>
      <c r="AE12" s="71">
        <v>5</v>
      </c>
      <c r="AF12" s="71">
        <v>2</v>
      </c>
      <c r="AG12" s="72">
        <v>34</v>
      </c>
      <c r="AH12" s="73">
        <v>37</v>
      </c>
      <c r="AI12" s="70">
        <v>3</v>
      </c>
      <c r="AJ12" s="71">
        <v>2</v>
      </c>
      <c r="AK12" s="72">
        <v>5</v>
      </c>
      <c r="AL12" s="276"/>
      <c r="AM12" s="71">
        <v>11</v>
      </c>
      <c r="AN12" s="71">
        <v>9</v>
      </c>
      <c r="AO12" s="71">
        <v>5</v>
      </c>
      <c r="AP12" s="71">
        <v>6</v>
      </c>
      <c r="AQ12" s="71">
        <v>1</v>
      </c>
      <c r="AR12" s="72">
        <v>32</v>
      </c>
      <c r="AS12" s="73">
        <v>37</v>
      </c>
      <c r="AT12" s="70">
        <v>11</v>
      </c>
      <c r="AU12" s="71">
        <v>5</v>
      </c>
      <c r="AV12" s="72">
        <v>16</v>
      </c>
      <c r="AW12" s="276"/>
      <c r="AX12" s="71">
        <v>25</v>
      </c>
      <c r="AY12" s="71">
        <v>11</v>
      </c>
      <c r="AZ12" s="71">
        <v>6</v>
      </c>
      <c r="BA12" s="71">
        <v>13</v>
      </c>
      <c r="BB12" s="71">
        <v>1</v>
      </c>
      <c r="BC12" s="72">
        <v>56</v>
      </c>
      <c r="BD12" s="73">
        <v>72</v>
      </c>
      <c r="BE12" s="70">
        <v>14</v>
      </c>
      <c r="BF12" s="71">
        <v>5</v>
      </c>
      <c r="BG12" s="72">
        <v>19</v>
      </c>
      <c r="BH12" s="276"/>
      <c r="BI12" s="71">
        <v>30</v>
      </c>
      <c r="BJ12" s="71">
        <v>17</v>
      </c>
      <c r="BK12" s="71">
        <v>11</v>
      </c>
      <c r="BL12" s="71">
        <v>8</v>
      </c>
      <c r="BM12" s="71">
        <v>4</v>
      </c>
      <c r="BN12" s="72">
        <v>70</v>
      </c>
      <c r="BO12" s="73">
        <v>89</v>
      </c>
      <c r="BP12" s="70">
        <v>18</v>
      </c>
      <c r="BQ12" s="71">
        <v>10</v>
      </c>
      <c r="BR12" s="72">
        <v>28</v>
      </c>
      <c r="BS12" s="276"/>
      <c r="BT12" s="71">
        <v>25</v>
      </c>
      <c r="BU12" s="71">
        <v>25</v>
      </c>
      <c r="BV12" s="71">
        <v>11</v>
      </c>
      <c r="BW12" s="71">
        <v>17</v>
      </c>
      <c r="BX12" s="71">
        <v>5</v>
      </c>
      <c r="BY12" s="72">
        <v>83</v>
      </c>
      <c r="BZ12" s="73">
        <v>111</v>
      </c>
      <c r="CA12" s="70">
        <v>0</v>
      </c>
      <c r="CB12" s="71">
        <v>0</v>
      </c>
      <c r="CC12" s="72">
        <v>0</v>
      </c>
      <c r="CD12" s="276"/>
      <c r="CE12" s="71">
        <v>0</v>
      </c>
      <c r="CF12" s="71">
        <v>0</v>
      </c>
      <c r="CG12" s="71">
        <v>0</v>
      </c>
      <c r="CH12" s="71">
        <v>0</v>
      </c>
      <c r="CI12" s="71">
        <v>0</v>
      </c>
      <c r="CJ12" s="72">
        <v>0</v>
      </c>
      <c r="CK12" s="73">
        <v>0</v>
      </c>
      <c r="CL12" s="70">
        <v>51</v>
      </c>
      <c r="CM12" s="71">
        <v>26</v>
      </c>
      <c r="CN12" s="72">
        <v>77</v>
      </c>
      <c r="CO12" s="276"/>
      <c r="CP12" s="71">
        <v>106</v>
      </c>
      <c r="CQ12" s="71">
        <v>75</v>
      </c>
      <c r="CR12" s="71">
        <v>36</v>
      </c>
      <c r="CS12" s="71">
        <v>53</v>
      </c>
      <c r="CT12" s="71">
        <v>13</v>
      </c>
      <c r="CU12" s="72">
        <v>283</v>
      </c>
      <c r="CV12" s="73">
        <v>360</v>
      </c>
      <c r="CW12" s="126">
        <v>16</v>
      </c>
      <c r="CX12" s="82">
        <v>23</v>
      </c>
      <c r="CY12" s="83">
        <v>39</v>
      </c>
      <c r="CZ12" s="273"/>
      <c r="DA12" s="82">
        <v>29</v>
      </c>
      <c r="DB12" s="82">
        <v>44</v>
      </c>
      <c r="DC12" s="82">
        <v>16</v>
      </c>
      <c r="DD12" s="82">
        <v>26</v>
      </c>
      <c r="DE12" s="82">
        <v>13</v>
      </c>
      <c r="DF12" s="84">
        <v>128</v>
      </c>
      <c r="DG12" s="85">
        <v>167</v>
      </c>
      <c r="DH12" s="70">
        <v>1</v>
      </c>
      <c r="DI12" s="71">
        <v>0</v>
      </c>
      <c r="DJ12" s="72">
        <v>1</v>
      </c>
      <c r="DK12" s="276"/>
      <c r="DL12" s="71">
        <v>0</v>
      </c>
      <c r="DM12" s="71">
        <v>1</v>
      </c>
      <c r="DN12" s="71">
        <v>0</v>
      </c>
      <c r="DO12" s="71">
        <v>1</v>
      </c>
      <c r="DP12" s="71">
        <v>0</v>
      </c>
      <c r="DQ12" s="72">
        <v>2</v>
      </c>
      <c r="DR12" s="73">
        <v>3</v>
      </c>
      <c r="DS12" s="70">
        <v>2</v>
      </c>
      <c r="DT12" s="71">
        <v>1</v>
      </c>
      <c r="DU12" s="72">
        <v>3</v>
      </c>
      <c r="DV12" s="276"/>
      <c r="DW12" s="71">
        <v>2</v>
      </c>
      <c r="DX12" s="71">
        <v>3</v>
      </c>
      <c r="DY12" s="71">
        <v>0</v>
      </c>
      <c r="DZ12" s="71">
        <v>2</v>
      </c>
      <c r="EA12" s="71">
        <v>0</v>
      </c>
      <c r="EB12" s="72">
        <v>7</v>
      </c>
      <c r="EC12" s="73">
        <v>10</v>
      </c>
      <c r="ED12" s="70">
        <v>3</v>
      </c>
      <c r="EE12" s="71">
        <v>7</v>
      </c>
      <c r="EF12" s="72">
        <v>10</v>
      </c>
      <c r="EG12" s="276"/>
      <c r="EH12" s="71">
        <v>3</v>
      </c>
      <c r="EI12" s="71">
        <v>7</v>
      </c>
      <c r="EJ12" s="71">
        <v>2</v>
      </c>
      <c r="EK12" s="71">
        <v>0</v>
      </c>
      <c r="EL12" s="71">
        <v>0</v>
      </c>
      <c r="EM12" s="72">
        <v>12</v>
      </c>
      <c r="EN12" s="73">
        <v>22</v>
      </c>
      <c r="EO12" s="70">
        <v>6</v>
      </c>
      <c r="EP12" s="71">
        <v>6</v>
      </c>
      <c r="EQ12" s="72">
        <v>12</v>
      </c>
      <c r="ER12" s="276"/>
      <c r="ES12" s="71">
        <v>4</v>
      </c>
      <c r="ET12" s="71">
        <v>4</v>
      </c>
      <c r="EU12" s="71">
        <v>3</v>
      </c>
      <c r="EV12" s="71">
        <v>7</v>
      </c>
      <c r="EW12" s="71">
        <v>2</v>
      </c>
      <c r="EX12" s="72">
        <v>20</v>
      </c>
      <c r="EY12" s="73">
        <v>32</v>
      </c>
      <c r="EZ12" s="70">
        <v>3</v>
      </c>
      <c r="FA12" s="71">
        <v>3</v>
      </c>
      <c r="FB12" s="72">
        <v>6</v>
      </c>
      <c r="FC12" s="276"/>
      <c r="FD12" s="71">
        <v>9</v>
      </c>
      <c r="FE12" s="71">
        <v>13</v>
      </c>
      <c r="FF12" s="71">
        <v>3</v>
      </c>
      <c r="FG12" s="71">
        <v>4</v>
      </c>
      <c r="FH12" s="71">
        <v>2</v>
      </c>
      <c r="FI12" s="72">
        <v>31</v>
      </c>
      <c r="FJ12" s="73">
        <v>37</v>
      </c>
      <c r="FK12" s="70">
        <v>1</v>
      </c>
      <c r="FL12" s="71">
        <v>6</v>
      </c>
      <c r="FM12" s="72">
        <v>7</v>
      </c>
      <c r="FN12" s="276"/>
      <c r="FO12" s="71">
        <v>11</v>
      </c>
      <c r="FP12" s="71">
        <v>16</v>
      </c>
      <c r="FQ12" s="71">
        <v>8</v>
      </c>
      <c r="FR12" s="71">
        <v>12</v>
      </c>
      <c r="FS12" s="71">
        <v>9</v>
      </c>
      <c r="FT12" s="72">
        <v>56</v>
      </c>
      <c r="FU12" s="73">
        <v>63</v>
      </c>
      <c r="FV12" s="70">
        <v>0</v>
      </c>
      <c r="FW12" s="71">
        <v>0</v>
      </c>
      <c r="FX12" s="72">
        <v>0</v>
      </c>
      <c r="FY12" s="276"/>
      <c r="FZ12" s="71">
        <v>0</v>
      </c>
      <c r="GA12" s="71">
        <v>0</v>
      </c>
      <c r="GB12" s="71">
        <v>0</v>
      </c>
      <c r="GC12" s="71">
        <v>0</v>
      </c>
      <c r="GD12" s="71">
        <v>0</v>
      </c>
      <c r="GE12" s="72">
        <v>0</v>
      </c>
      <c r="GF12" s="73">
        <v>0</v>
      </c>
      <c r="GG12" s="70">
        <v>16</v>
      </c>
      <c r="GH12" s="71">
        <v>23</v>
      </c>
      <c r="GI12" s="72">
        <v>39</v>
      </c>
      <c r="GJ12" s="276"/>
      <c r="GK12" s="71">
        <v>29</v>
      </c>
      <c r="GL12" s="71">
        <v>44</v>
      </c>
      <c r="GM12" s="71">
        <v>16</v>
      </c>
      <c r="GN12" s="71">
        <v>26</v>
      </c>
      <c r="GO12" s="71">
        <v>13</v>
      </c>
      <c r="GP12" s="72">
        <v>128</v>
      </c>
      <c r="GQ12" s="73">
        <v>167</v>
      </c>
      <c r="GR12" s="126">
        <v>67</v>
      </c>
      <c r="GS12" s="82">
        <v>49</v>
      </c>
      <c r="GT12" s="83">
        <v>116</v>
      </c>
      <c r="GU12" s="273"/>
      <c r="GV12" s="82">
        <v>135</v>
      </c>
      <c r="GW12" s="82">
        <v>119</v>
      </c>
      <c r="GX12" s="82">
        <v>52</v>
      </c>
      <c r="GY12" s="82">
        <v>79</v>
      </c>
      <c r="GZ12" s="82">
        <v>26</v>
      </c>
      <c r="HA12" s="84">
        <v>411</v>
      </c>
      <c r="HB12" s="85">
        <v>527</v>
      </c>
      <c r="HC12" s="70">
        <v>3</v>
      </c>
      <c r="HD12" s="71">
        <v>4</v>
      </c>
      <c r="HE12" s="72">
        <v>7</v>
      </c>
      <c r="HF12" s="276"/>
      <c r="HG12" s="71">
        <v>2</v>
      </c>
      <c r="HH12" s="71">
        <v>3</v>
      </c>
      <c r="HI12" s="71">
        <v>0</v>
      </c>
      <c r="HJ12" s="71">
        <v>5</v>
      </c>
      <c r="HK12" s="71">
        <v>0</v>
      </c>
      <c r="HL12" s="72">
        <v>10</v>
      </c>
      <c r="HM12" s="73">
        <v>17</v>
      </c>
      <c r="HN12" s="70">
        <v>5</v>
      </c>
      <c r="HO12" s="71">
        <v>1</v>
      </c>
      <c r="HP12" s="72">
        <v>6</v>
      </c>
      <c r="HQ12" s="276"/>
      <c r="HR12" s="71">
        <v>15</v>
      </c>
      <c r="HS12" s="71">
        <v>14</v>
      </c>
      <c r="HT12" s="71">
        <v>3</v>
      </c>
      <c r="HU12" s="71">
        <v>7</v>
      </c>
      <c r="HV12" s="71">
        <v>2</v>
      </c>
      <c r="HW12" s="72">
        <v>41</v>
      </c>
      <c r="HX12" s="73">
        <v>47</v>
      </c>
      <c r="HY12" s="70">
        <v>6</v>
      </c>
      <c r="HZ12" s="71">
        <v>9</v>
      </c>
      <c r="IA12" s="72">
        <v>15</v>
      </c>
      <c r="IB12" s="276"/>
      <c r="IC12" s="71">
        <v>14</v>
      </c>
      <c r="ID12" s="71">
        <v>16</v>
      </c>
      <c r="IE12" s="71">
        <v>7</v>
      </c>
      <c r="IF12" s="71">
        <v>6</v>
      </c>
      <c r="IG12" s="71">
        <v>1</v>
      </c>
      <c r="IH12" s="72">
        <v>44</v>
      </c>
      <c r="II12" s="73">
        <v>59</v>
      </c>
      <c r="IJ12" s="70">
        <v>17</v>
      </c>
      <c r="IK12" s="71">
        <v>11</v>
      </c>
      <c r="IL12" s="72">
        <v>28</v>
      </c>
      <c r="IM12" s="276"/>
      <c r="IN12" s="71">
        <v>29</v>
      </c>
      <c r="IO12" s="71">
        <v>15</v>
      </c>
      <c r="IP12" s="71">
        <v>9</v>
      </c>
      <c r="IQ12" s="71">
        <v>20</v>
      </c>
      <c r="IR12" s="71">
        <v>3</v>
      </c>
      <c r="IS12" s="72">
        <v>76</v>
      </c>
      <c r="IT12" s="73">
        <v>104</v>
      </c>
      <c r="IU12" s="70">
        <v>17</v>
      </c>
      <c r="IV12" s="71">
        <v>8</v>
      </c>
      <c r="IW12" s="72">
        <v>25</v>
      </c>
      <c r="IX12" s="276"/>
      <c r="IY12" s="71">
        <v>39</v>
      </c>
      <c r="IZ12" s="71">
        <v>30</v>
      </c>
      <c r="JA12" s="71">
        <v>14</v>
      </c>
      <c r="JB12" s="71">
        <v>12</v>
      </c>
      <c r="JC12" s="71">
        <v>6</v>
      </c>
      <c r="JD12" s="72">
        <v>101</v>
      </c>
      <c r="JE12" s="73">
        <v>126</v>
      </c>
      <c r="JF12" s="70">
        <v>19</v>
      </c>
      <c r="JG12" s="71">
        <v>16</v>
      </c>
      <c r="JH12" s="72">
        <v>35</v>
      </c>
      <c r="JI12" s="276"/>
      <c r="JJ12" s="71">
        <v>36</v>
      </c>
      <c r="JK12" s="71">
        <v>41</v>
      </c>
      <c r="JL12" s="71">
        <v>19</v>
      </c>
      <c r="JM12" s="71">
        <v>29</v>
      </c>
      <c r="JN12" s="71">
        <v>14</v>
      </c>
      <c r="JO12" s="72">
        <v>139</v>
      </c>
      <c r="JP12" s="73">
        <v>174</v>
      </c>
      <c r="JQ12" s="70">
        <v>0</v>
      </c>
      <c r="JR12" s="71">
        <v>0</v>
      </c>
      <c r="JS12" s="72">
        <v>0</v>
      </c>
      <c r="JT12" s="276"/>
      <c r="JU12" s="71">
        <v>0</v>
      </c>
      <c r="JV12" s="71">
        <v>0</v>
      </c>
      <c r="JW12" s="71">
        <v>0</v>
      </c>
      <c r="JX12" s="71">
        <v>0</v>
      </c>
      <c r="JY12" s="71">
        <v>0</v>
      </c>
      <c r="JZ12" s="72">
        <v>0</v>
      </c>
      <c r="KA12" s="73">
        <v>0</v>
      </c>
      <c r="KB12" s="70">
        <v>67</v>
      </c>
      <c r="KC12" s="71">
        <v>49</v>
      </c>
      <c r="KD12" s="72">
        <v>116</v>
      </c>
      <c r="KE12" s="276"/>
      <c r="KF12" s="71">
        <v>135</v>
      </c>
      <c r="KG12" s="71">
        <v>119</v>
      </c>
      <c r="KH12" s="71">
        <v>52</v>
      </c>
      <c r="KI12" s="71">
        <v>79</v>
      </c>
      <c r="KJ12" s="71">
        <v>26</v>
      </c>
      <c r="KK12" s="72">
        <v>411</v>
      </c>
      <c r="KL12" s="73">
        <v>527</v>
      </c>
    </row>
    <row r="13" spans="1:298" ht="19.5" customHeight="1" x14ac:dyDescent="0.2">
      <c r="A13" s="129" t="s">
        <v>9</v>
      </c>
      <c r="B13" s="350">
        <v>175</v>
      </c>
      <c r="C13" s="82">
        <v>120</v>
      </c>
      <c r="D13" s="83">
        <v>295</v>
      </c>
      <c r="E13" s="273"/>
      <c r="F13" s="82">
        <v>220</v>
      </c>
      <c r="G13" s="82">
        <v>146</v>
      </c>
      <c r="H13" s="82">
        <v>104</v>
      </c>
      <c r="I13" s="82">
        <v>97</v>
      </c>
      <c r="J13" s="82">
        <v>56</v>
      </c>
      <c r="K13" s="84">
        <v>623</v>
      </c>
      <c r="L13" s="85">
        <v>918</v>
      </c>
      <c r="M13" s="70">
        <v>0</v>
      </c>
      <c r="N13" s="71">
        <v>4</v>
      </c>
      <c r="O13" s="72">
        <v>4</v>
      </c>
      <c r="P13" s="276"/>
      <c r="Q13" s="71">
        <v>5</v>
      </c>
      <c r="R13" s="71">
        <v>3</v>
      </c>
      <c r="S13" s="71">
        <v>1</v>
      </c>
      <c r="T13" s="71">
        <v>2</v>
      </c>
      <c r="U13" s="71">
        <v>3</v>
      </c>
      <c r="V13" s="72">
        <v>14</v>
      </c>
      <c r="W13" s="73">
        <v>18</v>
      </c>
      <c r="X13" s="70">
        <v>7</v>
      </c>
      <c r="Y13" s="71">
        <v>9</v>
      </c>
      <c r="Z13" s="72">
        <v>16</v>
      </c>
      <c r="AA13" s="276"/>
      <c r="AB13" s="71">
        <v>9</v>
      </c>
      <c r="AC13" s="71">
        <v>11</v>
      </c>
      <c r="AD13" s="71">
        <v>4</v>
      </c>
      <c r="AE13" s="71">
        <v>3</v>
      </c>
      <c r="AF13" s="71">
        <v>5</v>
      </c>
      <c r="AG13" s="72">
        <v>32</v>
      </c>
      <c r="AH13" s="73">
        <v>48</v>
      </c>
      <c r="AI13" s="70">
        <v>14</v>
      </c>
      <c r="AJ13" s="71">
        <v>10</v>
      </c>
      <c r="AK13" s="72">
        <v>24</v>
      </c>
      <c r="AL13" s="276"/>
      <c r="AM13" s="71">
        <v>22</v>
      </c>
      <c r="AN13" s="71">
        <v>9</v>
      </c>
      <c r="AO13" s="71">
        <v>15</v>
      </c>
      <c r="AP13" s="71">
        <v>13</v>
      </c>
      <c r="AQ13" s="71">
        <v>6</v>
      </c>
      <c r="AR13" s="72">
        <v>65</v>
      </c>
      <c r="AS13" s="73">
        <v>89</v>
      </c>
      <c r="AT13" s="70">
        <v>43</v>
      </c>
      <c r="AU13" s="71">
        <v>20</v>
      </c>
      <c r="AV13" s="72">
        <v>63</v>
      </c>
      <c r="AW13" s="276"/>
      <c r="AX13" s="71">
        <v>50</v>
      </c>
      <c r="AY13" s="71">
        <v>29</v>
      </c>
      <c r="AZ13" s="71">
        <v>21</v>
      </c>
      <c r="BA13" s="71">
        <v>16</v>
      </c>
      <c r="BB13" s="71">
        <v>9</v>
      </c>
      <c r="BC13" s="72">
        <v>125</v>
      </c>
      <c r="BD13" s="73">
        <v>188</v>
      </c>
      <c r="BE13" s="70">
        <v>63</v>
      </c>
      <c r="BF13" s="71">
        <v>42</v>
      </c>
      <c r="BG13" s="72">
        <v>105</v>
      </c>
      <c r="BH13" s="276"/>
      <c r="BI13" s="71">
        <v>78</v>
      </c>
      <c r="BJ13" s="71">
        <v>45</v>
      </c>
      <c r="BK13" s="71">
        <v>24</v>
      </c>
      <c r="BL13" s="71">
        <v>33</v>
      </c>
      <c r="BM13" s="71">
        <v>10</v>
      </c>
      <c r="BN13" s="72">
        <v>190</v>
      </c>
      <c r="BO13" s="73">
        <v>295</v>
      </c>
      <c r="BP13" s="70">
        <v>48</v>
      </c>
      <c r="BQ13" s="71">
        <v>35</v>
      </c>
      <c r="BR13" s="72">
        <v>83</v>
      </c>
      <c r="BS13" s="276"/>
      <c r="BT13" s="71">
        <v>56</v>
      </c>
      <c r="BU13" s="71">
        <v>49</v>
      </c>
      <c r="BV13" s="71">
        <v>39</v>
      </c>
      <c r="BW13" s="71">
        <v>30</v>
      </c>
      <c r="BX13" s="71">
        <v>23</v>
      </c>
      <c r="BY13" s="72">
        <v>197</v>
      </c>
      <c r="BZ13" s="73">
        <v>280</v>
      </c>
      <c r="CA13" s="70">
        <v>0</v>
      </c>
      <c r="CB13" s="71">
        <v>0</v>
      </c>
      <c r="CC13" s="72">
        <v>0</v>
      </c>
      <c r="CD13" s="276"/>
      <c r="CE13" s="71">
        <v>0</v>
      </c>
      <c r="CF13" s="71">
        <v>0</v>
      </c>
      <c r="CG13" s="71">
        <v>0</v>
      </c>
      <c r="CH13" s="71">
        <v>0</v>
      </c>
      <c r="CI13" s="71">
        <v>0</v>
      </c>
      <c r="CJ13" s="72">
        <v>0</v>
      </c>
      <c r="CK13" s="73">
        <v>0</v>
      </c>
      <c r="CL13" s="70">
        <v>175</v>
      </c>
      <c r="CM13" s="71">
        <v>120</v>
      </c>
      <c r="CN13" s="72">
        <v>295</v>
      </c>
      <c r="CO13" s="276"/>
      <c r="CP13" s="71">
        <v>220</v>
      </c>
      <c r="CQ13" s="71">
        <v>146</v>
      </c>
      <c r="CR13" s="71">
        <v>104</v>
      </c>
      <c r="CS13" s="71">
        <v>97</v>
      </c>
      <c r="CT13" s="71">
        <v>56</v>
      </c>
      <c r="CU13" s="72">
        <v>623</v>
      </c>
      <c r="CV13" s="73">
        <v>918</v>
      </c>
      <c r="CW13" s="126">
        <v>61</v>
      </c>
      <c r="CX13" s="82">
        <v>41</v>
      </c>
      <c r="CY13" s="83">
        <v>102</v>
      </c>
      <c r="CZ13" s="273"/>
      <c r="DA13" s="82">
        <v>57</v>
      </c>
      <c r="DB13" s="82">
        <v>41</v>
      </c>
      <c r="DC13" s="82">
        <v>38</v>
      </c>
      <c r="DD13" s="82">
        <v>35</v>
      </c>
      <c r="DE13" s="82">
        <v>32</v>
      </c>
      <c r="DF13" s="84">
        <v>203</v>
      </c>
      <c r="DG13" s="85">
        <v>305</v>
      </c>
      <c r="DH13" s="70">
        <v>1</v>
      </c>
      <c r="DI13" s="71">
        <v>1</v>
      </c>
      <c r="DJ13" s="72">
        <v>2</v>
      </c>
      <c r="DK13" s="276"/>
      <c r="DL13" s="71">
        <v>2</v>
      </c>
      <c r="DM13" s="71">
        <v>0</v>
      </c>
      <c r="DN13" s="71">
        <v>0</v>
      </c>
      <c r="DO13" s="71">
        <v>0</v>
      </c>
      <c r="DP13" s="71">
        <v>0</v>
      </c>
      <c r="DQ13" s="72">
        <v>2</v>
      </c>
      <c r="DR13" s="73">
        <v>4</v>
      </c>
      <c r="DS13" s="70">
        <v>5</v>
      </c>
      <c r="DT13" s="71">
        <v>1</v>
      </c>
      <c r="DU13" s="72">
        <v>6</v>
      </c>
      <c r="DV13" s="276"/>
      <c r="DW13" s="71">
        <v>2</v>
      </c>
      <c r="DX13" s="71">
        <v>3</v>
      </c>
      <c r="DY13" s="71">
        <v>3</v>
      </c>
      <c r="DZ13" s="71">
        <v>1</v>
      </c>
      <c r="EA13" s="71">
        <v>1</v>
      </c>
      <c r="EB13" s="72">
        <v>10</v>
      </c>
      <c r="EC13" s="73">
        <v>16</v>
      </c>
      <c r="ED13" s="70">
        <v>7</v>
      </c>
      <c r="EE13" s="71">
        <v>6</v>
      </c>
      <c r="EF13" s="72">
        <v>13</v>
      </c>
      <c r="EG13" s="276"/>
      <c r="EH13" s="71">
        <v>8</v>
      </c>
      <c r="EI13" s="71">
        <v>2</v>
      </c>
      <c r="EJ13" s="71">
        <v>3</v>
      </c>
      <c r="EK13" s="71">
        <v>1</v>
      </c>
      <c r="EL13" s="71">
        <v>1</v>
      </c>
      <c r="EM13" s="72">
        <v>15</v>
      </c>
      <c r="EN13" s="73">
        <v>28</v>
      </c>
      <c r="EO13" s="70">
        <v>23</v>
      </c>
      <c r="EP13" s="71">
        <v>10</v>
      </c>
      <c r="EQ13" s="72">
        <v>33</v>
      </c>
      <c r="ER13" s="276"/>
      <c r="ES13" s="71">
        <v>13</v>
      </c>
      <c r="ET13" s="71">
        <v>6</v>
      </c>
      <c r="EU13" s="71">
        <v>2</v>
      </c>
      <c r="EV13" s="71">
        <v>3</v>
      </c>
      <c r="EW13" s="71">
        <v>5</v>
      </c>
      <c r="EX13" s="72">
        <v>29</v>
      </c>
      <c r="EY13" s="73">
        <v>62</v>
      </c>
      <c r="EZ13" s="70">
        <v>15</v>
      </c>
      <c r="FA13" s="71">
        <v>7</v>
      </c>
      <c r="FB13" s="72">
        <v>22</v>
      </c>
      <c r="FC13" s="276"/>
      <c r="FD13" s="71">
        <v>12</v>
      </c>
      <c r="FE13" s="71">
        <v>15</v>
      </c>
      <c r="FF13" s="71">
        <v>12</v>
      </c>
      <c r="FG13" s="71">
        <v>13</v>
      </c>
      <c r="FH13" s="71">
        <v>12</v>
      </c>
      <c r="FI13" s="72">
        <v>64</v>
      </c>
      <c r="FJ13" s="73">
        <v>86</v>
      </c>
      <c r="FK13" s="70">
        <v>10</v>
      </c>
      <c r="FL13" s="71">
        <v>16</v>
      </c>
      <c r="FM13" s="72">
        <v>26</v>
      </c>
      <c r="FN13" s="276"/>
      <c r="FO13" s="71">
        <v>20</v>
      </c>
      <c r="FP13" s="71">
        <v>15</v>
      </c>
      <c r="FQ13" s="71">
        <v>18</v>
      </c>
      <c r="FR13" s="71">
        <v>17</v>
      </c>
      <c r="FS13" s="71">
        <v>13</v>
      </c>
      <c r="FT13" s="72">
        <v>83</v>
      </c>
      <c r="FU13" s="73">
        <v>109</v>
      </c>
      <c r="FV13" s="70">
        <v>0</v>
      </c>
      <c r="FW13" s="71">
        <v>0</v>
      </c>
      <c r="FX13" s="72">
        <v>0</v>
      </c>
      <c r="FY13" s="276"/>
      <c r="FZ13" s="71">
        <v>0</v>
      </c>
      <c r="GA13" s="71">
        <v>0</v>
      </c>
      <c r="GB13" s="71">
        <v>0</v>
      </c>
      <c r="GC13" s="71">
        <v>0</v>
      </c>
      <c r="GD13" s="71">
        <v>0</v>
      </c>
      <c r="GE13" s="72">
        <v>0</v>
      </c>
      <c r="GF13" s="73">
        <v>0</v>
      </c>
      <c r="GG13" s="70">
        <v>61</v>
      </c>
      <c r="GH13" s="71">
        <v>41</v>
      </c>
      <c r="GI13" s="72">
        <v>102</v>
      </c>
      <c r="GJ13" s="276"/>
      <c r="GK13" s="71">
        <v>57</v>
      </c>
      <c r="GL13" s="71">
        <v>41</v>
      </c>
      <c r="GM13" s="71">
        <v>38</v>
      </c>
      <c r="GN13" s="71">
        <v>35</v>
      </c>
      <c r="GO13" s="71">
        <v>32</v>
      </c>
      <c r="GP13" s="72">
        <v>203</v>
      </c>
      <c r="GQ13" s="73">
        <v>305</v>
      </c>
      <c r="GR13" s="126">
        <v>236</v>
      </c>
      <c r="GS13" s="82">
        <v>161</v>
      </c>
      <c r="GT13" s="83">
        <v>397</v>
      </c>
      <c r="GU13" s="273"/>
      <c r="GV13" s="82">
        <v>277</v>
      </c>
      <c r="GW13" s="82">
        <v>187</v>
      </c>
      <c r="GX13" s="82">
        <v>142</v>
      </c>
      <c r="GY13" s="82">
        <v>132</v>
      </c>
      <c r="GZ13" s="82">
        <v>88</v>
      </c>
      <c r="HA13" s="84">
        <v>826</v>
      </c>
      <c r="HB13" s="85">
        <v>1223</v>
      </c>
      <c r="HC13" s="70">
        <v>1</v>
      </c>
      <c r="HD13" s="71">
        <v>5</v>
      </c>
      <c r="HE13" s="72">
        <v>6</v>
      </c>
      <c r="HF13" s="276"/>
      <c r="HG13" s="71">
        <v>7</v>
      </c>
      <c r="HH13" s="71">
        <v>3</v>
      </c>
      <c r="HI13" s="71">
        <v>1</v>
      </c>
      <c r="HJ13" s="71">
        <v>2</v>
      </c>
      <c r="HK13" s="71">
        <v>3</v>
      </c>
      <c r="HL13" s="72">
        <v>16</v>
      </c>
      <c r="HM13" s="73">
        <v>22</v>
      </c>
      <c r="HN13" s="70">
        <v>12</v>
      </c>
      <c r="HO13" s="71">
        <v>10</v>
      </c>
      <c r="HP13" s="72">
        <v>22</v>
      </c>
      <c r="HQ13" s="276"/>
      <c r="HR13" s="71">
        <v>11</v>
      </c>
      <c r="HS13" s="71">
        <v>14</v>
      </c>
      <c r="HT13" s="71">
        <v>7</v>
      </c>
      <c r="HU13" s="71">
        <v>4</v>
      </c>
      <c r="HV13" s="71">
        <v>6</v>
      </c>
      <c r="HW13" s="72">
        <v>42</v>
      </c>
      <c r="HX13" s="73">
        <v>64</v>
      </c>
      <c r="HY13" s="70">
        <v>21</v>
      </c>
      <c r="HZ13" s="71">
        <v>16</v>
      </c>
      <c r="IA13" s="72">
        <v>37</v>
      </c>
      <c r="IB13" s="276"/>
      <c r="IC13" s="71">
        <v>30</v>
      </c>
      <c r="ID13" s="71">
        <v>11</v>
      </c>
      <c r="IE13" s="71">
        <v>18</v>
      </c>
      <c r="IF13" s="71">
        <v>14</v>
      </c>
      <c r="IG13" s="71">
        <v>7</v>
      </c>
      <c r="IH13" s="72">
        <v>80</v>
      </c>
      <c r="II13" s="73">
        <v>117</v>
      </c>
      <c r="IJ13" s="70">
        <v>66</v>
      </c>
      <c r="IK13" s="71">
        <v>30</v>
      </c>
      <c r="IL13" s="72">
        <v>96</v>
      </c>
      <c r="IM13" s="276"/>
      <c r="IN13" s="71">
        <v>63</v>
      </c>
      <c r="IO13" s="71">
        <v>35</v>
      </c>
      <c r="IP13" s="71">
        <v>23</v>
      </c>
      <c r="IQ13" s="71">
        <v>19</v>
      </c>
      <c r="IR13" s="71">
        <v>14</v>
      </c>
      <c r="IS13" s="72">
        <v>154</v>
      </c>
      <c r="IT13" s="73">
        <v>250</v>
      </c>
      <c r="IU13" s="70">
        <v>78</v>
      </c>
      <c r="IV13" s="71">
        <v>49</v>
      </c>
      <c r="IW13" s="72">
        <v>127</v>
      </c>
      <c r="IX13" s="276"/>
      <c r="IY13" s="71">
        <v>90</v>
      </c>
      <c r="IZ13" s="71">
        <v>60</v>
      </c>
      <c r="JA13" s="71">
        <v>36</v>
      </c>
      <c r="JB13" s="71">
        <v>46</v>
      </c>
      <c r="JC13" s="71">
        <v>22</v>
      </c>
      <c r="JD13" s="72">
        <v>254</v>
      </c>
      <c r="JE13" s="73">
        <v>381</v>
      </c>
      <c r="JF13" s="70">
        <v>58</v>
      </c>
      <c r="JG13" s="71">
        <v>51</v>
      </c>
      <c r="JH13" s="72">
        <v>109</v>
      </c>
      <c r="JI13" s="276"/>
      <c r="JJ13" s="71">
        <v>76</v>
      </c>
      <c r="JK13" s="71">
        <v>64</v>
      </c>
      <c r="JL13" s="71">
        <v>57</v>
      </c>
      <c r="JM13" s="71">
        <v>47</v>
      </c>
      <c r="JN13" s="71">
        <v>36</v>
      </c>
      <c r="JO13" s="72">
        <v>280</v>
      </c>
      <c r="JP13" s="73">
        <v>389</v>
      </c>
      <c r="JQ13" s="70">
        <v>0</v>
      </c>
      <c r="JR13" s="71">
        <v>0</v>
      </c>
      <c r="JS13" s="72">
        <v>0</v>
      </c>
      <c r="JT13" s="276"/>
      <c r="JU13" s="71">
        <v>0</v>
      </c>
      <c r="JV13" s="71">
        <v>0</v>
      </c>
      <c r="JW13" s="71">
        <v>0</v>
      </c>
      <c r="JX13" s="71">
        <v>0</v>
      </c>
      <c r="JY13" s="71">
        <v>0</v>
      </c>
      <c r="JZ13" s="72">
        <v>0</v>
      </c>
      <c r="KA13" s="73">
        <v>0</v>
      </c>
      <c r="KB13" s="70">
        <v>236</v>
      </c>
      <c r="KC13" s="71">
        <v>161</v>
      </c>
      <c r="KD13" s="72">
        <v>397</v>
      </c>
      <c r="KE13" s="276"/>
      <c r="KF13" s="71">
        <v>277</v>
      </c>
      <c r="KG13" s="71">
        <v>187</v>
      </c>
      <c r="KH13" s="71">
        <v>142</v>
      </c>
      <c r="KI13" s="71">
        <v>132</v>
      </c>
      <c r="KJ13" s="71">
        <v>88</v>
      </c>
      <c r="KK13" s="72">
        <v>826</v>
      </c>
      <c r="KL13" s="73">
        <v>1223</v>
      </c>
    </row>
    <row r="14" spans="1:298" ht="19.5" customHeight="1" x14ac:dyDescent="0.2">
      <c r="A14" s="129" t="s">
        <v>10</v>
      </c>
      <c r="B14" s="350">
        <v>260</v>
      </c>
      <c r="C14" s="82">
        <v>175</v>
      </c>
      <c r="D14" s="83">
        <v>435</v>
      </c>
      <c r="E14" s="273"/>
      <c r="F14" s="82">
        <v>261</v>
      </c>
      <c r="G14" s="82">
        <v>158</v>
      </c>
      <c r="H14" s="82">
        <v>101</v>
      </c>
      <c r="I14" s="82">
        <v>95</v>
      </c>
      <c r="J14" s="82">
        <v>78</v>
      </c>
      <c r="K14" s="84">
        <v>693</v>
      </c>
      <c r="L14" s="85">
        <v>1128</v>
      </c>
      <c r="M14" s="70">
        <v>3</v>
      </c>
      <c r="N14" s="71">
        <v>7</v>
      </c>
      <c r="O14" s="72">
        <v>10</v>
      </c>
      <c r="P14" s="276"/>
      <c r="Q14" s="71">
        <v>12</v>
      </c>
      <c r="R14" s="71">
        <v>7</v>
      </c>
      <c r="S14" s="71">
        <v>3</v>
      </c>
      <c r="T14" s="71">
        <v>3</v>
      </c>
      <c r="U14" s="71">
        <v>4</v>
      </c>
      <c r="V14" s="72">
        <v>29</v>
      </c>
      <c r="W14" s="73">
        <v>39</v>
      </c>
      <c r="X14" s="70">
        <v>19</v>
      </c>
      <c r="Y14" s="71">
        <v>15</v>
      </c>
      <c r="Z14" s="72">
        <v>34</v>
      </c>
      <c r="AA14" s="276"/>
      <c r="AB14" s="71">
        <v>20</v>
      </c>
      <c r="AC14" s="71">
        <v>19</v>
      </c>
      <c r="AD14" s="71">
        <v>8</v>
      </c>
      <c r="AE14" s="71">
        <v>3</v>
      </c>
      <c r="AF14" s="71">
        <v>13</v>
      </c>
      <c r="AG14" s="72">
        <v>63</v>
      </c>
      <c r="AH14" s="73">
        <v>97</v>
      </c>
      <c r="AI14" s="70">
        <v>26</v>
      </c>
      <c r="AJ14" s="71">
        <v>20</v>
      </c>
      <c r="AK14" s="72">
        <v>46</v>
      </c>
      <c r="AL14" s="276"/>
      <c r="AM14" s="71">
        <v>39</v>
      </c>
      <c r="AN14" s="71">
        <v>18</v>
      </c>
      <c r="AO14" s="71">
        <v>11</v>
      </c>
      <c r="AP14" s="71">
        <v>13</v>
      </c>
      <c r="AQ14" s="71">
        <v>9</v>
      </c>
      <c r="AR14" s="72">
        <v>90</v>
      </c>
      <c r="AS14" s="73">
        <v>136</v>
      </c>
      <c r="AT14" s="70">
        <v>74</v>
      </c>
      <c r="AU14" s="71">
        <v>40</v>
      </c>
      <c r="AV14" s="72">
        <v>114</v>
      </c>
      <c r="AW14" s="276"/>
      <c r="AX14" s="71">
        <v>50</v>
      </c>
      <c r="AY14" s="71">
        <v>28</v>
      </c>
      <c r="AZ14" s="71">
        <v>18</v>
      </c>
      <c r="BA14" s="71">
        <v>11</v>
      </c>
      <c r="BB14" s="71">
        <v>18</v>
      </c>
      <c r="BC14" s="72">
        <v>125</v>
      </c>
      <c r="BD14" s="73">
        <v>239</v>
      </c>
      <c r="BE14" s="70">
        <v>77</v>
      </c>
      <c r="BF14" s="71">
        <v>38</v>
      </c>
      <c r="BG14" s="72">
        <v>115</v>
      </c>
      <c r="BH14" s="276"/>
      <c r="BI14" s="71">
        <v>79</v>
      </c>
      <c r="BJ14" s="71">
        <v>43</v>
      </c>
      <c r="BK14" s="71">
        <v>30</v>
      </c>
      <c r="BL14" s="71">
        <v>33</v>
      </c>
      <c r="BM14" s="71">
        <v>14</v>
      </c>
      <c r="BN14" s="72">
        <v>199</v>
      </c>
      <c r="BO14" s="73">
        <v>314</v>
      </c>
      <c r="BP14" s="70">
        <v>61</v>
      </c>
      <c r="BQ14" s="71">
        <v>55</v>
      </c>
      <c r="BR14" s="72">
        <v>116</v>
      </c>
      <c r="BS14" s="276"/>
      <c r="BT14" s="71">
        <v>61</v>
      </c>
      <c r="BU14" s="71">
        <v>43</v>
      </c>
      <c r="BV14" s="71">
        <v>31</v>
      </c>
      <c r="BW14" s="71">
        <v>32</v>
      </c>
      <c r="BX14" s="71">
        <v>20</v>
      </c>
      <c r="BY14" s="72">
        <v>187</v>
      </c>
      <c r="BZ14" s="73">
        <v>303</v>
      </c>
      <c r="CA14" s="70">
        <v>0</v>
      </c>
      <c r="CB14" s="71">
        <v>0</v>
      </c>
      <c r="CC14" s="72">
        <v>0</v>
      </c>
      <c r="CD14" s="276"/>
      <c r="CE14" s="71">
        <v>0</v>
      </c>
      <c r="CF14" s="71">
        <v>0</v>
      </c>
      <c r="CG14" s="71">
        <v>0</v>
      </c>
      <c r="CH14" s="71">
        <v>0</v>
      </c>
      <c r="CI14" s="71">
        <v>0</v>
      </c>
      <c r="CJ14" s="72">
        <v>0</v>
      </c>
      <c r="CK14" s="73">
        <v>0</v>
      </c>
      <c r="CL14" s="70">
        <v>260</v>
      </c>
      <c r="CM14" s="71">
        <v>175</v>
      </c>
      <c r="CN14" s="72">
        <v>435</v>
      </c>
      <c r="CO14" s="276"/>
      <c r="CP14" s="71">
        <v>261</v>
      </c>
      <c r="CQ14" s="71">
        <v>158</v>
      </c>
      <c r="CR14" s="71">
        <v>101</v>
      </c>
      <c r="CS14" s="71">
        <v>95</v>
      </c>
      <c r="CT14" s="71">
        <v>78</v>
      </c>
      <c r="CU14" s="72">
        <v>693</v>
      </c>
      <c r="CV14" s="73">
        <v>1128</v>
      </c>
      <c r="CW14" s="126">
        <v>97</v>
      </c>
      <c r="CX14" s="82">
        <v>69</v>
      </c>
      <c r="CY14" s="83">
        <v>166</v>
      </c>
      <c r="CZ14" s="273"/>
      <c r="DA14" s="82">
        <v>107</v>
      </c>
      <c r="DB14" s="82">
        <v>51</v>
      </c>
      <c r="DC14" s="82">
        <v>47</v>
      </c>
      <c r="DD14" s="82">
        <v>40</v>
      </c>
      <c r="DE14" s="82">
        <v>47</v>
      </c>
      <c r="DF14" s="84">
        <v>292</v>
      </c>
      <c r="DG14" s="85">
        <v>458</v>
      </c>
      <c r="DH14" s="70">
        <v>4</v>
      </c>
      <c r="DI14" s="71">
        <v>1</v>
      </c>
      <c r="DJ14" s="72">
        <v>5</v>
      </c>
      <c r="DK14" s="276"/>
      <c r="DL14" s="71">
        <v>1</v>
      </c>
      <c r="DM14" s="71">
        <v>1</v>
      </c>
      <c r="DN14" s="71">
        <v>2</v>
      </c>
      <c r="DO14" s="71">
        <v>0</v>
      </c>
      <c r="DP14" s="71">
        <v>0</v>
      </c>
      <c r="DQ14" s="72">
        <v>4</v>
      </c>
      <c r="DR14" s="73">
        <v>9</v>
      </c>
      <c r="DS14" s="70">
        <v>6</v>
      </c>
      <c r="DT14" s="71">
        <v>8</v>
      </c>
      <c r="DU14" s="72">
        <v>14</v>
      </c>
      <c r="DV14" s="276"/>
      <c r="DW14" s="71">
        <v>4</v>
      </c>
      <c r="DX14" s="71">
        <v>2</v>
      </c>
      <c r="DY14" s="71">
        <v>2</v>
      </c>
      <c r="DZ14" s="71">
        <v>1</v>
      </c>
      <c r="EA14" s="71">
        <v>0</v>
      </c>
      <c r="EB14" s="72">
        <v>9</v>
      </c>
      <c r="EC14" s="73">
        <v>23</v>
      </c>
      <c r="ED14" s="70">
        <v>13</v>
      </c>
      <c r="EE14" s="71">
        <v>6</v>
      </c>
      <c r="EF14" s="72">
        <v>19</v>
      </c>
      <c r="EG14" s="276"/>
      <c r="EH14" s="71">
        <v>9</v>
      </c>
      <c r="EI14" s="71">
        <v>3</v>
      </c>
      <c r="EJ14" s="71">
        <v>1</v>
      </c>
      <c r="EK14" s="71">
        <v>5</v>
      </c>
      <c r="EL14" s="71">
        <v>3</v>
      </c>
      <c r="EM14" s="72">
        <v>21</v>
      </c>
      <c r="EN14" s="73">
        <v>40</v>
      </c>
      <c r="EO14" s="70">
        <v>24</v>
      </c>
      <c r="EP14" s="71">
        <v>17</v>
      </c>
      <c r="EQ14" s="72">
        <v>41</v>
      </c>
      <c r="ER14" s="276"/>
      <c r="ES14" s="71">
        <v>22</v>
      </c>
      <c r="ET14" s="71">
        <v>9</v>
      </c>
      <c r="EU14" s="71">
        <v>3</v>
      </c>
      <c r="EV14" s="71">
        <v>3</v>
      </c>
      <c r="EW14" s="71">
        <v>11</v>
      </c>
      <c r="EX14" s="72">
        <v>48</v>
      </c>
      <c r="EY14" s="73">
        <v>89</v>
      </c>
      <c r="EZ14" s="70">
        <v>34</v>
      </c>
      <c r="FA14" s="71">
        <v>17</v>
      </c>
      <c r="FB14" s="72">
        <v>51</v>
      </c>
      <c r="FC14" s="276"/>
      <c r="FD14" s="71">
        <v>36</v>
      </c>
      <c r="FE14" s="71">
        <v>10</v>
      </c>
      <c r="FF14" s="71">
        <v>11</v>
      </c>
      <c r="FG14" s="71">
        <v>8</v>
      </c>
      <c r="FH14" s="71">
        <v>8</v>
      </c>
      <c r="FI14" s="72">
        <v>73</v>
      </c>
      <c r="FJ14" s="73">
        <v>124</v>
      </c>
      <c r="FK14" s="70">
        <v>16</v>
      </c>
      <c r="FL14" s="71">
        <v>20</v>
      </c>
      <c r="FM14" s="72">
        <v>36</v>
      </c>
      <c r="FN14" s="276"/>
      <c r="FO14" s="71">
        <v>35</v>
      </c>
      <c r="FP14" s="71">
        <v>26</v>
      </c>
      <c r="FQ14" s="71">
        <v>28</v>
      </c>
      <c r="FR14" s="71">
        <v>23</v>
      </c>
      <c r="FS14" s="71">
        <v>25</v>
      </c>
      <c r="FT14" s="72">
        <v>137</v>
      </c>
      <c r="FU14" s="73">
        <v>173</v>
      </c>
      <c r="FV14" s="70">
        <v>0</v>
      </c>
      <c r="FW14" s="71">
        <v>0</v>
      </c>
      <c r="FX14" s="72">
        <v>0</v>
      </c>
      <c r="FY14" s="276"/>
      <c r="FZ14" s="71">
        <v>0</v>
      </c>
      <c r="GA14" s="71">
        <v>0</v>
      </c>
      <c r="GB14" s="71">
        <v>0</v>
      </c>
      <c r="GC14" s="71">
        <v>0</v>
      </c>
      <c r="GD14" s="71">
        <v>0</v>
      </c>
      <c r="GE14" s="72">
        <v>0</v>
      </c>
      <c r="GF14" s="73">
        <v>0</v>
      </c>
      <c r="GG14" s="70">
        <v>97</v>
      </c>
      <c r="GH14" s="71">
        <v>69</v>
      </c>
      <c r="GI14" s="72">
        <v>166</v>
      </c>
      <c r="GJ14" s="276"/>
      <c r="GK14" s="71">
        <v>107</v>
      </c>
      <c r="GL14" s="71">
        <v>51</v>
      </c>
      <c r="GM14" s="71">
        <v>47</v>
      </c>
      <c r="GN14" s="71">
        <v>40</v>
      </c>
      <c r="GO14" s="71">
        <v>47</v>
      </c>
      <c r="GP14" s="72">
        <v>292</v>
      </c>
      <c r="GQ14" s="73">
        <v>458</v>
      </c>
      <c r="GR14" s="126">
        <v>357</v>
      </c>
      <c r="GS14" s="82">
        <v>244</v>
      </c>
      <c r="GT14" s="83">
        <v>601</v>
      </c>
      <c r="GU14" s="273"/>
      <c r="GV14" s="82">
        <v>368</v>
      </c>
      <c r="GW14" s="82">
        <v>209</v>
      </c>
      <c r="GX14" s="82">
        <v>148</v>
      </c>
      <c r="GY14" s="82">
        <v>135</v>
      </c>
      <c r="GZ14" s="82">
        <v>125</v>
      </c>
      <c r="HA14" s="84">
        <v>985</v>
      </c>
      <c r="HB14" s="85">
        <v>1586</v>
      </c>
      <c r="HC14" s="70">
        <v>7</v>
      </c>
      <c r="HD14" s="71">
        <v>8</v>
      </c>
      <c r="HE14" s="72">
        <v>15</v>
      </c>
      <c r="HF14" s="276"/>
      <c r="HG14" s="71">
        <v>13</v>
      </c>
      <c r="HH14" s="71">
        <v>8</v>
      </c>
      <c r="HI14" s="71">
        <v>5</v>
      </c>
      <c r="HJ14" s="71">
        <v>3</v>
      </c>
      <c r="HK14" s="71">
        <v>4</v>
      </c>
      <c r="HL14" s="72">
        <v>33</v>
      </c>
      <c r="HM14" s="73">
        <v>48</v>
      </c>
      <c r="HN14" s="70">
        <v>25</v>
      </c>
      <c r="HO14" s="71">
        <v>23</v>
      </c>
      <c r="HP14" s="72">
        <v>48</v>
      </c>
      <c r="HQ14" s="276"/>
      <c r="HR14" s="71">
        <v>24</v>
      </c>
      <c r="HS14" s="71">
        <v>21</v>
      </c>
      <c r="HT14" s="71">
        <v>10</v>
      </c>
      <c r="HU14" s="71">
        <v>4</v>
      </c>
      <c r="HV14" s="71">
        <v>13</v>
      </c>
      <c r="HW14" s="72">
        <v>72</v>
      </c>
      <c r="HX14" s="73">
        <v>120</v>
      </c>
      <c r="HY14" s="70">
        <v>39</v>
      </c>
      <c r="HZ14" s="71">
        <v>26</v>
      </c>
      <c r="IA14" s="72">
        <v>65</v>
      </c>
      <c r="IB14" s="276"/>
      <c r="IC14" s="71">
        <v>48</v>
      </c>
      <c r="ID14" s="71">
        <v>21</v>
      </c>
      <c r="IE14" s="71">
        <v>12</v>
      </c>
      <c r="IF14" s="71">
        <v>18</v>
      </c>
      <c r="IG14" s="71">
        <v>12</v>
      </c>
      <c r="IH14" s="72">
        <v>111</v>
      </c>
      <c r="II14" s="73">
        <v>176</v>
      </c>
      <c r="IJ14" s="70">
        <v>98</v>
      </c>
      <c r="IK14" s="71">
        <v>57</v>
      </c>
      <c r="IL14" s="72">
        <v>155</v>
      </c>
      <c r="IM14" s="276"/>
      <c r="IN14" s="71">
        <v>72</v>
      </c>
      <c r="IO14" s="71">
        <v>37</v>
      </c>
      <c r="IP14" s="71">
        <v>21</v>
      </c>
      <c r="IQ14" s="71">
        <v>14</v>
      </c>
      <c r="IR14" s="71">
        <v>29</v>
      </c>
      <c r="IS14" s="72">
        <v>173</v>
      </c>
      <c r="IT14" s="73">
        <v>328</v>
      </c>
      <c r="IU14" s="70">
        <v>111</v>
      </c>
      <c r="IV14" s="71">
        <v>55</v>
      </c>
      <c r="IW14" s="72">
        <v>166</v>
      </c>
      <c r="IX14" s="276"/>
      <c r="IY14" s="71">
        <v>115</v>
      </c>
      <c r="IZ14" s="71">
        <v>53</v>
      </c>
      <c r="JA14" s="71">
        <v>41</v>
      </c>
      <c r="JB14" s="71">
        <v>41</v>
      </c>
      <c r="JC14" s="71">
        <v>22</v>
      </c>
      <c r="JD14" s="72">
        <v>272</v>
      </c>
      <c r="JE14" s="73">
        <v>438</v>
      </c>
      <c r="JF14" s="70">
        <v>77</v>
      </c>
      <c r="JG14" s="71">
        <v>75</v>
      </c>
      <c r="JH14" s="72">
        <v>152</v>
      </c>
      <c r="JI14" s="276"/>
      <c r="JJ14" s="71">
        <v>96</v>
      </c>
      <c r="JK14" s="71">
        <v>69</v>
      </c>
      <c r="JL14" s="71">
        <v>59</v>
      </c>
      <c r="JM14" s="71">
        <v>55</v>
      </c>
      <c r="JN14" s="71">
        <v>45</v>
      </c>
      <c r="JO14" s="72">
        <v>324</v>
      </c>
      <c r="JP14" s="73">
        <v>476</v>
      </c>
      <c r="JQ14" s="70">
        <v>0</v>
      </c>
      <c r="JR14" s="71">
        <v>0</v>
      </c>
      <c r="JS14" s="72">
        <v>0</v>
      </c>
      <c r="JT14" s="276"/>
      <c r="JU14" s="71">
        <v>0</v>
      </c>
      <c r="JV14" s="71">
        <v>0</v>
      </c>
      <c r="JW14" s="71">
        <v>0</v>
      </c>
      <c r="JX14" s="71">
        <v>0</v>
      </c>
      <c r="JY14" s="71">
        <v>0</v>
      </c>
      <c r="JZ14" s="72">
        <v>0</v>
      </c>
      <c r="KA14" s="73">
        <v>0</v>
      </c>
      <c r="KB14" s="70">
        <v>357</v>
      </c>
      <c r="KC14" s="71">
        <v>244</v>
      </c>
      <c r="KD14" s="72">
        <v>601</v>
      </c>
      <c r="KE14" s="276"/>
      <c r="KF14" s="71">
        <v>368</v>
      </c>
      <c r="KG14" s="71">
        <v>209</v>
      </c>
      <c r="KH14" s="71">
        <v>148</v>
      </c>
      <c r="KI14" s="71">
        <v>135</v>
      </c>
      <c r="KJ14" s="71">
        <v>125</v>
      </c>
      <c r="KK14" s="72">
        <v>985</v>
      </c>
      <c r="KL14" s="73">
        <v>1586</v>
      </c>
    </row>
    <row r="15" spans="1:298" ht="19.5" customHeight="1" x14ac:dyDescent="0.2">
      <c r="A15" s="129" t="s">
        <v>11</v>
      </c>
      <c r="B15" s="350">
        <v>55</v>
      </c>
      <c r="C15" s="82">
        <v>34</v>
      </c>
      <c r="D15" s="83">
        <v>89</v>
      </c>
      <c r="E15" s="273"/>
      <c r="F15" s="82">
        <v>86</v>
      </c>
      <c r="G15" s="82">
        <v>29</v>
      </c>
      <c r="H15" s="82">
        <v>37</v>
      </c>
      <c r="I15" s="82">
        <v>36</v>
      </c>
      <c r="J15" s="82">
        <v>19</v>
      </c>
      <c r="K15" s="84">
        <v>207</v>
      </c>
      <c r="L15" s="85">
        <v>296</v>
      </c>
      <c r="M15" s="70">
        <v>3</v>
      </c>
      <c r="N15" s="71">
        <v>1</v>
      </c>
      <c r="O15" s="72">
        <v>4</v>
      </c>
      <c r="P15" s="276"/>
      <c r="Q15" s="71">
        <v>4</v>
      </c>
      <c r="R15" s="71">
        <v>1</v>
      </c>
      <c r="S15" s="71">
        <v>1</v>
      </c>
      <c r="T15" s="71">
        <v>1</v>
      </c>
      <c r="U15" s="71">
        <v>1</v>
      </c>
      <c r="V15" s="72">
        <v>8</v>
      </c>
      <c r="W15" s="73">
        <v>12</v>
      </c>
      <c r="X15" s="70">
        <v>10</v>
      </c>
      <c r="Y15" s="71">
        <v>2</v>
      </c>
      <c r="Z15" s="72">
        <v>12</v>
      </c>
      <c r="AA15" s="276"/>
      <c r="AB15" s="71">
        <v>8</v>
      </c>
      <c r="AC15" s="71">
        <v>2</v>
      </c>
      <c r="AD15" s="71">
        <v>4</v>
      </c>
      <c r="AE15" s="71">
        <v>0</v>
      </c>
      <c r="AF15" s="71">
        <v>2</v>
      </c>
      <c r="AG15" s="72">
        <v>16</v>
      </c>
      <c r="AH15" s="73">
        <v>28</v>
      </c>
      <c r="AI15" s="70">
        <v>2</v>
      </c>
      <c r="AJ15" s="71">
        <v>2</v>
      </c>
      <c r="AK15" s="72">
        <v>4</v>
      </c>
      <c r="AL15" s="276"/>
      <c r="AM15" s="71">
        <v>19</v>
      </c>
      <c r="AN15" s="71">
        <v>5</v>
      </c>
      <c r="AO15" s="71">
        <v>3</v>
      </c>
      <c r="AP15" s="71">
        <v>4</v>
      </c>
      <c r="AQ15" s="71">
        <v>2</v>
      </c>
      <c r="AR15" s="72">
        <v>33</v>
      </c>
      <c r="AS15" s="73">
        <v>37</v>
      </c>
      <c r="AT15" s="70">
        <v>12</v>
      </c>
      <c r="AU15" s="71">
        <v>8</v>
      </c>
      <c r="AV15" s="72">
        <v>20</v>
      </c>
      <c r="AW15" s="276"/>
      <c r="AX15" s="71">
        <v>14</v>
      </c>
      <c r="AY15" s="71">
        <v>5</v>
      </c>
      <c r="AZ15" s="71">
        <v>12</v>
      </c>
      <c r="BA15" s="71">
        <v>10</v>
      </c>
      <c r="BB15" s="71">
        <v>5</v>
      </c>
      <c r="BC15" s="72">
        <v>46</v>
      </c>
      <c r="BD15" s="73">
        <v>66</v>
      </c>
      <c r="BE15" s="70">
        <v>20</v>
      </c>
      <c r="BF15" s="71">
        <v>10</v>
      </c>
      <c r="BG15" s="72">
        <v>30</v>
      </c>
      <c r="BH15" s="276"/>
      <c r="BI15" s="71">
        <v>17</v>
      </c>
      <c r="BJ15" s="71">
        <v>8</v>
      </c>
      <c r="BK15" s="71">
        <v>5</v>
      </c>
      <c r="BL15" s="71">
        <v>9</v>
      </c>
      <c r="BM15" s="71">
        <v>3</v>
      </c>
      <c r="BN15" s="72">
        <v>42</v>
      </c>
      <c r="BO15" s="73">
        <v>72</v>
      </c>
      <c r="BP15" s="70">
        <v>8</v>
      </c>
      <c r="BQ15" s="71">
        <v>11</v>
      </c>
      <c r="BR15" s="72">
        <v>19</v>
      </c>
      <c r="BS15" s="276"/>
      <c r="BT15" s="71">
        <v>24</v>
      </c>
      <c r="BU15" s="71">
        <v>8</v>
      </c>
      <c r="BV15" s="71">
        <v>12</v>
      </c>
      <c r="BW15" s="71">
        <v>12</v>
      </c>
      <c r="BX15" s="71">
        <v>6</v>
      </c>
      <c r="BY15" s="72">
        <v>62</v>
      </c>
      <c r="BZ15" s="73">
        <v>81</v>
      </c>
      <c r="CA15" s="70">
        <v>0</v>
      </c>
      <c r="CB15" s="71">
        <v>0</v>
      </c>
      <c r="CC15" s="72">
        <v>0</v>
      </c>
      <c r="CD15" s="276"/>
      <c r="CE15" s="71">
        <v>0</v>
      </c>
      <c r="CF15" s="71">
        <v>0</v>
      </c>
      <c r="CG15" s="71">
        <v>0</v>
      </c>
      <c r="CH15" s="71">
        <v>0</v>
      </c>
      <c r="CI15" s="71">
        <v>0</v>
      </c>
      <c r="CJ15" s="72">
        <v>0</v>
      </c>
      <c r="CK15" s="73">
        <v>0</v>
      </c>
      <c r="CL15" s="70">
        <v>55</v>
      </c>
      <c r="CM15" s="71">
        <v>34</v>
      </c>
      <c r="CN15" s="72">
        <v>89</v>
      </c>
      <c r="CO15" s="276"/>
      <c r="CP15" s="71">
        <v>86</v>
      </c>
      <c r="CQ15" s="71">
        <v>29</v>
      </c>
      <c r="CR15" s="71">
        <v>37</v>
      </c>
      <c r="CS15" s="71">
        <v>36</v>
      </c>
      <c r="CT15" s="71">
        <v>19</v>
      </c>
      <c r="CU15" s="72">
        <v>207</v>
      </c>
      <c r="CV15" s="73">
        <v>296</v>
      </c>
      <c r="CW15" s="126">
        <v>27</v>
      </c>
      <c r="CX15" s="82">
        <v>17</v>
      </c>
      <c r="CY15" s="83">
        <v>44</v>
      </c>
      <c r="CZ15" s="273"/>
      <c r="DA15" s="82">
        <v>38</v>
      </c>
      <c r="DB15" s="82">
        <v>22</v>
      </c>
      <c r="DC15" s="82">
        <v>19</v>
      </c>
      <c r="DD15" s="82">
        <v>26</v>
      </c>
      <c r="DE15" s="82">
        <v>14</v>
      </c>
      <c r="DF15" s="84">
        <v>119</v>
      </c>
      <c r="DG15" s="85">
        <v>163</v>
      </c>
      <c r="DH15" s="70">
        <v>0</v>
      </c>
      <c r="DI15" s="71">
        <v>1</v>
      </c>
      <c r="DJ15" s="72">
        <v>1</v>
      </c>
      <c r="DK15" s="276"/>
      <c r="DL15" s="71">
        <v>0</v>
      </c>
      <c r="DM15" s="71">
        <v>1</v>
      </c>
      <c r="DN15" s="71">
        <v>0</v>
      </c>
      <c r="DO15" s="71">
        <v>0</v>
      </c>
      <c r="DP15" s="71">
        <v>0</v>
      </c>
      <c r="DQ15" s="72">
        <v>1</v>
      </c>
      <c r="DR15" s="73">
        <v>2</v>
      </c>
      <c r="DS15" s="70">
        <v>4</v>
      </c>
      <c r="DT15" s="71">
        <v>0</v>
      </c>
      <c r="DU15" s="72">
        <v>4</v>
      </c>
      <c r="DV15" s="276"/>
      <c r="DW15" s="71">
        <v>3</v>
      </c>
      <c r="DX15" s="71">
        <v>1</v>
      </c>
      <c r="DY15" s="71">
        <v>1</v>
      </c>
      <c r="DZ15" s="71">
        <v>1</v>
      </c>
      <c r="EA15" s="71">
        <v>0</v>
      </c>
      <c r="EB15" s="72">
        <v>6</v>
      </c>
      <c r="EC15" s="73">
        <v>10</v>
      </c>
      <c r="ED15" s="70">
        <v>3</v>
      </c>
      <c r="EE15" s="71">
        <v>5</v>
      </c>
      <c r="EF15" s="72">
        <v>8</v>
      </c>
      <c r="EG15" s="276"/>
      <c r="EH15" s="71">
        <v>2</v>
      </c>
      <c r="EI15" s="71">
        <v>0</v>
      </c>
      <c r="EJ15" s="71">
        <v>1</v>
      </c>
      <c r="EK15" s="71">
        <v>2</v>
      </c>
      <c r="EL15" s="71">
        <v>0</v>
      </c>
      <c r="EM15" s="72">
        <v>5</v>
      </c>
      <c r="EN15" s="73">
        <v>13</v>
      </c>
      <c r="EO15" s="70">
        <v>6</v>
      </c>
      <c r="EP15" s="71">
        <v>1</v>
      </c>
      <c r="EQ15" s="72">
        <v>7</v>
      </c>
      <c r="ER15" s="276"/>
      <c r="ES15" s="71">
        <v>8</v>
      </c>
      <c r="ET15" s="71">
        <v>4</v>
      </c>
      <c r="EU15" s="71">
        <v>2</v>
      </c>
      <c r="EV15" s="71">
        <v>4</v>
      </c>
      <c r="EW15" s="71">
        <v>5</v>
      </c>
      <c r="EX15" s="72">
        <v>23</v>
      </c>
      <c r="EY15" s="73">
        <v>30</v>
      </c>
      <c r="EZ15" s="70">
        <v>10</v>
      </c>
      <c r="FA15" s="71">
        <v>3</v>
      </c>
      <c r="FB15" s="72">
        <v>13</v>
      </c>
      <c r="FC15" s="276"/>
      <c r="FD15" s="71">
        <v>15</v>
      </c>
      <c r="FE15" s="71">
        <v>6</v>
      </c>
      <c r="FF15" s="71">
        <v>4</v>
      </c>
      <c r="FG15" s="71">
        <v>7</v>
      </c>
      <c r="FH15" s="71">
        <v>2</v>
      </c>
      <c r="FI15" s="72">
        <v>34</v>
      </c>
      <c r="FJ15" s="73">
        <v>47</v>
      </c>
      <c r="FK15" s="70">
        <v>4</v>
      </c>
      <c r="FL15" s="71">
        <v>7</v>
      </c>
      <c r="FM15" s="72">
        <v>11</v>
      </c>
      <c r="FN15" s="276"/>
      <c r="FO15" s="71">
        <v>10</v>
      </c>
      <c r="FP15" s="71">
        <v>10</v>
      </c>
      <c r="FQ15" s="71">
        <v>11</v>
      </c>
      <c r="FR15" s="71">
        <v>12</v>
      </c>
      <c r="FS15" s="71">
        <v>7</v>
      </c>
      <c r="FT15" s="72">
        <v>50</v>
      </c>
      <c r="FU15" s="73">
        <v>61</v>
      </c>
      <c r="FV15" s="70">
        <v>0</v>
      </c>
      <c r="FW15" s="71">
        <v>0</v>
      </c>
      <c r="FX15" s="72">
        <v>0</v>
      </c>
      <c r="FY15" s="276"/>
      <c r="FZ15" s="71">
        <v>0</v>
      </c>
      <c r="GA15" s="71">
        <v>0</v>
      </c>
      <c r="GB15" s="71">
        <v>0</v>
      </c>
      <c r="GC15" s="71">
        <v>0</v>
      </c>
      <c r="GD15" s="71">
        <v>0</v>
      </c>
      <c r="GE15" s="72">
        <v>0</v>
      </c>
      <c r="GF15" s="73">
        <v>0</v>
      </c>
      <c r="GG15" s="70">
        <v>27</v>
      </c>
      <c r="GH15" s="71">
        <v>17</v>
      </c>
      <c r="GI15" s="72">
        <v>44</v>
      </c>
      <c r="GJ15" s="276"/>
      <c r="GK15" s="71">
        <v>38</v>
      </c>
      <c r="GL15" s="71">
        <v>22</v>
      </c>
      <c r="GM15" s="71">
        <v>19</v>
      </c>
      <c r="GN15" s="71">
        <v>26</v>
      </c>
      <c r="GO15" s="71">
        <v>14</v>
      </c>
      <c r="GP15" s="72">
        <v>119</v>
      </c>
      <c r="GQ15" s="73">
        <v>163</v>
      </c>
      <c r="GR15" s="126">
        <v>82</v>
      </c>
      <c r="GS15" s="82">
        <v>51</v>
      </c>
      <c r="GT15" s="83">
        <v>133</v>
      </c>
      <c r="GU15" s="273"/>
      <c r="GV15" s="82">
        <v>124</v>
      </c>
      <c r="GW15" s="82">
        <v>51</v>
      </c>
      <c r="GX15" s="82">
        <v>56</v>
      </c>
      <c r="GY15" s="82">
        <v>62</v>
      </c>
      <c r="GZ15" s="82">
        <v>33</v>
      </c>
      <c r="HA15" s="84">
        <v>326</v>
      </c>
      <c r="HB15" s="85">
        <v>459</v>
      </c>
      <c r="HC15" s="70">
        <v>3</v>
      </c>
      <c r="HD15" s="71">
        <v>2</v>
      </c>
      <c r="HE15" s="72">
        <v>5</v>
      </c>
      <c r="HF15" s="276"/>
      <c r="HG15" s="71">
        <v>4</v>
      </c>
      <c r="HH15" s="71">
        <v>2</v>
      </c>
      <c r="HI15" s="71">
        <v>1</v>
      </c>
      <c r="HJ15" s="71">
        <v>1</v>
      </c>
      <c r="HK15" s="71">
        <v>1</v>
      </c>
      <c r="HL15" s="72">
        <v>9</v>
      </c>
      <c r="HM15" s="73">
        <v>14</v>
      </c>
      <c r="HN15" s="70">
        <v>14</v>
      </c>
      <c r="HO15" s="71">
        <v>2</v>
      </c>
      <c r="HP15" s="72">
        <v>16</v>
      </c>
      <c r="HQ15" s="276"/>
      <c r="HR15" s="71">
        <v>11</v>
      </c>
      <c r="HS15" s="71">
        <v>3</v>
      </c>
      <c r="HT15" s="71">
        <v>5</v>
      </c>
      <c r="HU15" s="71">
        <v>1</v>
      </c>
      <c r="HV15" s="71">
        <v>2</v>
      </c>
      <c r="HW15" s="72">
        <v>22</v>
      </c>
      <c r="HX15" s="73">
        <v>38</v>
      </c>
      <c r="HY15" s="70">
        <v>5</v>
      </c>
      <c r="HZ15" s="71">
        <v>7</v>
      </c>
      <c r="IA15" s="72">
        <v>12</v>
      </c>
      <c r="IB15" s="276"/>
      <c r="IC15" s="71">
        <v>21</v>
      </c>
      <c r="ID15" s="71">
        <v>5</v>
      </c>
      <c r="IE15" s="71">
        <v>4</v>
      </c>
      <c r="IF15" s="71">
        <v>6</v>
      </c>
      <c r="IG15" s="71">
        <v>2</v>
      </c>
      <c r="IH15" s="72">
        <v>38</v>
      </c>
      <c r="II15" s="73">
        <v>50</v>
      </c>
      <c r="IJ15" s="70">
        <v>18</v>
      </c>
      <c r="IK15" s="71">
        <v>9</v>
      </c>
      <c r="IL15" s="72">
        <v>27</v>
      </c>
      <c r="IM15" s="276"/>
      <c r="IN15" s="71">
        <v>22</v>
      </c>
      <c r="IO15" s="71">
        <v>9</v>
      </c>
      <c r="IP15" s="71">
        <v>14</v>
      </c>
      <c r="IQ15" s="71">
        <v>14</v>
      </c>
      <c r="IR15" s="71">
        <v>10</v>
      </c>
      <c r="IS15" s="72">
        <v>69</v>
      </c>
      <c r="IT15" s="73">
        <v>96</v>
      </c>
      <c r="IU15" s="70">
        <v>30</v>
      </c>
      <c r="IV15" s="71">
        <v>13</v>
      </c>
      <c r="IW15" s="72">
        <v>43</v>
      </c>
      <c r="IX15" s="276"/>
      <c r="IY15" s="71">
        <v>32</v>
      </c>
      <c r="IZ15" s="71">
        <v>14</v>
      </c>
      <c r="JA15" s="71">
        <v>9</v>
      </c>
      <c r="JB15" s="71">
        <v>16</v>
      </c>
      <c r="JC15" s="71">
        <v>5</v>
      </c>
      <c r="JD15" s="72">
        <v>76</v>
      </c>
      <c r="JE15" s="73">
        <v>119</v>
      </c>
      <c r="JF15" s="70">
        <v>12</v>
      </c>
      <c r="JG15" s="71">
        <v>18</v>
      </c>
      <c r="JH15" s="72">
        <v>30</v>
      </c>
      <c r="JI15" s="276"/>
      <c r="JJ15" s="71">
        <v>34</v>
      </c>
      <c r="JK15" s="71">
        <v>18</v>
      </c>
      <c r="JL15" s="71">
        <v>23</v>
      </c>
      <c r="JM15" s="71">
        <v>24</v>
      </c>
      <c r="JN15" s="71">
        <v>13</v>
      </c>
      <c r="JO15" s="72">
        <v>112</v>
      </c>
      <c r="JP15" s="73">
        <v>142</v>
      </c>
      <c r="JQ15" s="70">
        <v>0</v>
      </c>
      <c r="JR15" s="71">
        <v>0</v>
      </c>
      <c r="JS15" s="72">
        <v>0</v>
      </c>
      <c r="JT15" s="276"/>
      <c r="JU15" s="71">
        <v>0</v>
      </c>
      <c r="JV15" s="71">
        <v>0</v>
      </c>
      <c r="JW15" s="71">
        <v>0</v>
      </c>
      <c r="JX15" s="71">
        <v>0</v>
      </c>
      <c r="JY15" s="71">
        <v>0</v>
      </c>
      <c r="JZ15" s="72">
        <v>0</v>
      </c>
      <c r="KA15" s="73">
        <v>0</v>
      </c>
      <c r="KB15" s="70">
        <v>82</v>
      </c>
      <c r="KC15" s="71">
        <v>51</v>
      </c>
      <c r="KD15" s="72">
        <v>133</v>
      </c>
      <c r="KE15" s="276"/>
      <c r="KF15" s="71">
        <v>124</v>
      </c>
      <c r="KG15" s="71">
        <v>51</v>
      </c>
      <c r="KH15" s="71">
        <v>56</v>
      </c>
      <c r="KI15" s="71">
        <v>62</v>
      </c>
      <c r="KJ15" s="71">
        <v>33</v>
      </c>
      <c r="KK15" s="72">
        <v>326</v>
      </c>
      <c r="KL15" s="73">
        <v>459</v>
      </c>
    </row>
    <row r="16" spans="1:298" ht="19.5" customHeight="1" x14ac:dyDescent="0.2">
      <c r="A16" s="129" t="s">
        <v>12</v>
      </c>
      <c r="B16" s="350">
        <v>148</v>
      </c>
      <c r="C16" s="82">
        <v>93</v>
      </c>
      <c r="D16" s="83">
        <v>241</v>
      </c>
      <c r="E16" s="273"/>
      <c r="F16" s="82">
        <v>86</v>
      </c>
      <c r="G16" s="82">
        <v>68</v>
      </c>
      <c r="H16" s="82">
        <v>56</v>
      </c>
      <c r="I16" s="82">
        <v>56</v>
      </c>
      <c r="J16" s="82">
        <v>34</v>
      </c>
      <c r="K16" s="84">
        <v>300</v>
      </c>
      <c r="L16" s="85">
        <v>541</v>
      </c>
      <c r="M16" s="86">
        <v>3</v>
      </c>
      <c r="N16" s="71">
        <v>6</v>
      </c>
      <c r="O16" s="72">
        <v>9</v>
      </c>
      <c r="P16" s="276"/>
      <c r="Q16" s="71">
        <v>0</v>
      </c>
      <c r="R16" s="71">
        <v>2</v>
      </c>
      <c r="S16" s="71">
        <v>3</v>
      </c>
      <c r="T16" s="71">
        <v>1</v>
      </c>
      <c r="U16" s="71">
        <v>2</v>
      </c>
      <c r="V16" s="72">
        <v>8</v>
      </c>
      <c r="W16" s="73">
        <v>17</v>
      </c>
      <c r="X16" s="70">
        <v>8</v>
      </c>
      <c r="Y16" s="71">
        <v>8</v>
      </c>
      <c r="Z16" s="72">
        <v>16</v>
      </c>
      <c r="AA16" s="276"/>
      <c r="AB16" s="71">
        <v>6</v>
      </c>
      <c r="AC16" s="71">
        <v>3</v>
      </c>
      <c r="AD16" s="71">
        <v>1</v>
      </c>
      <c r="AE16" s="71">
        <v>4</v>
      </c>
      <c r="AF16" s="71">
        <v>3</v>
      </c>
      <c r="AG16" s="72">
        <v>17</v>
      </c>
      <c r="AH16" s="73">
        <v>33</v>
      </c>
      <c r="AI16" s="86">
        <v>16</v>
      </c>
      <c r="AJ16" s="71">
        <v>13</v>
      </c>
      <c r="AK16" s="72">
        <v>29</v>
      </c>
      <c r="AL16" s="276"/>
      <c r="AM16" s="71">
        <v>6</v>
      </c>
      <c r="AN16" s="71">
        <v>12</v>
      </c>
      <c r="AO16" s="71">
        <v>5</v>
      </c>
      <c r="AP16" s="71">
        <v>5</v>
      </c>
      <c r="AQ16" s="71">
        <v>4</v>
      </c>
      <c r="AR16" s="72">
        <v>32</v>
      </c>
      <c r="AS16" s="73">
        <v>61</v>
      </c>
      <c r="AT16" s="70">
        <v>36</v>
      </c>
      <c r="AU16" s="71">
        <v>18</v>
      </c>
      <c r="AV16" s="72">
        <v>54</v>
      </c>
      <c r="AW16" s="276"/>
      <c r="AX16" s="71">
        <v>22</v>
      </c>
      <c r="AY16" s="71">
        <v>18</v>
      </c>
      <c r="AZ16" s="71">
        <v>13</v>
      </c>
      <c r="BA16" s="71">
        <v>15</v>
      </c>
      <c r="BB16" s="71">
        <v>9</v>
      </c>
      <c r="BC16" s="72">
        <v>77</v>
      </c>
      <c r="BD16" s="73">
        <v>131</v>
      </c>
      <c r="BE16" s="86">
        <v>49</v>
      </c>
      <c r="BF16" s="71">
        <v>27</v>
      </c>
      <c r="BG16" s="72">
        <v>76</v>
      </c>
      <c r="BH16" s="276"/>
      <c r="BI16" s="71">
        <v>28</v>
      </c>
      <c r="BJ16" s="71">
        <v>17</v>
      </c>
      <c r="BK16" s="71">
        <v>21</v>
      </c>
      <c r="BL16" s="71">
        <v>18</v>
      </c>
      <c r="BM16" s="71">
        <v>5</v>
      </c>
      <c r="BN16" s="72">
        <v>89</v>
      </c>
      <c r="BO16" s="73">
        <v>165</v>
      </c>
      <c r="BP16" s="70">
        <v>36</v>
      </c>
      <c r="BQ16" s="71">
        <v>21</v>
      </c>
      <c r="BR16" s="72">
        <v>57</v>
      </c>
      <c r="BS16" s="276"/>
      <c r="BT16" s="71">
        <v>24</v>
      </c>
      <c r="BU16" s="71">
        <v>16</v>
      </c>
      <c r="BV16" s="71">
        <v>13</v>
      </c>
      <c r="BW16" s="71">
        <v>13</v>
      </c>
      <c r="BX16" s="71">
        <v>11</v>
      </c>
      <c r="BY16" s="72">
        <v>77</v>
      </c>
      <c r="BZ16" s="73">
        <v>134</v>
      </c>
      <c r="CA16" s="70">
        <v>0</v>
      </c>
      <c r="CB16" s="71">
        <v>0</v>
      </c>
      <c r="CC16" s="72">
        <v>0</v>
      </c>
      <c r="CD16" s="276"/>
      <c r="CE16" s="71">
        <v>0</v>
      </c>
      <c r="CF16" s="71">
        <v>0</v>
      </c>
      <c r="CG16" s="71">
        <v>0</v>
      </c>
      <c r="CH16" s="71">
        <v>0</v>
      </c>
      <c r="CI16" s="71">
        <v>0</v>
      </c>
      <c r="CJ16" s="72">
        <v>0</v>
      </c>
      <c r="CK16" s="73">
        <v>0</v>
      </c>
      <c r="CL16" s="70">
        <v>148</v>
      </c>
      <c r="CM16" s="71">
        <v>93</v>
      </c>
      <c r="CN16" s="72">
        <v>241</v>
      </c>
      <c r="CO16" s="276"/>
      <c r="CP16" s="71">
        <v>86</v>
      </c>
      <c r="CQ16" s="71">
        <v>68</v>
      </c>
      <c r="CR16" s="71">
        <v>56</v>
      </c>
      <c r="CS16" s="71">
        <v>56</v>
      </c>
      <c r="CT16" s="71">
        <v>34</v>
      </c>
      <c r="CU16" s="72">
        <v>300</v>
      </c>
      <c r="CV16" s="73">
        <v>541</v>
      </c>
      <c r="CW16" s="126">
        <v>38</v>
      </c>
      <c r="CX16" s="82">
        <v>25</v>
      </c>
      <c r="CY16" s="83">
        <v>63</v>
      </c>
      <c r="CZ16" s="273"/>
      <c r="DA16" s="82">
        <v>41</v>
      </c>
      <c r="DB16" s="82">
        <v>24</v>
      </c>
      <c r="DC16" s="82">
        <v>27</v>
      </c>
      <c r="DD16" s="82">
        <v>28</v>
      </c>
      <c r="DE16" s="82">
        <v>12</v>
      </c>
      <c r="DF16" s="84">
        <v>132</v>
      </c>
      <c r="DG16" s="85">
        <v>195</v>
      </c>
      <c r="DH16" s="86">
        <v>0</v>
      </c>
      <c r="DI16" s="71">
        <v>0</v>
      </c>
      <c r="DJ16" s="72">
        <v>0</v>
      </c>
      <c r="DK16" s="276"/>
      <c r="DL16" s="71">
        <v>1</v>
      </c>
      <c r="DM16" s="71">
        <v>0</v>
      </c>
      <c r="DN16" s="71">
        <v>0</v>
      </c>
      <c r="DO16" s="71">
        <v>0</v>
      </c>
      <c r="DP16" s="71">
        <v>0</v>
      </c>
      <c r="DQ16" s="72">
        <v>1</v>
      </c>
      <c r="DR16" s="73">
        <v>1</v>
      </c>
      <c r="DS16" s="70">
        <v>3</v>
      </c>
      <c r="DT16" s="71">
        <v>2</v>
      </c>
      <c r="DU16" s="72">
        <v>5</v>
      </c>
      <c r="DV16" s="276"/>
      <c r="DW16" s="71">
        <v>1</v>
      </c>
      <c r="DX16" s="71">
        <v>1</v>
      </c>
      <c r="DY16" s="71">
        <v>1</v>
      </c>
      <c r="DZ16" s="71">
        <v>0</v>
      </c>
      <c r="EA16" s="71">
        <v>0</v>
      </c>
      <c r="EB16" s="72">
        <v>3</v>
      </c>
      <c r="EC16" s="73">
        <v>8</v>
      </c>
      <c r="ED16" s="86">
        <v>10</v>
      </c>
      <c r="EE16" s="71">
        <v>2</v>
      </c>
      <c r="EF16" s="72">
        <v>12</v>
      </c>
      <c r="EG16" s="276"/>
      <c r="EH16" s="71">
        <v>3</v>
      </c>
      <c r="EI16" s="71">
        <v>3</v>
      </c>
      <c r="EJ16" s="71">
        <v>1</v>
      </c>
      <c r="EK16" s="71">
        <v>0</v>
      </c>
      <c r="EL16" s="71">
        <v>2</v>
      </c>
      <c r="EM16" s="72">
        <v>9</v>
      </c>
      <c r="EN16" s="73">
        <v>21</v>
      </c>
      <c r="EO16" s="70">
        <v>7</v>
      </c>
      <c r="EP16" s="71">
        <v>9</v>
      </c>
      <c r="EQ16" s="72">
        <v>16</v>
      </c>
      <c r="ER16" s="276"/>
      <c r="ES16" s="71">
        <v>9</v>
      </c>
      <c r="ET16" s="71">
        <v>5</v>
      </c>
      <c r="EU16" s="71">
        <v>7</v>
      </c>
      <c r="EV16" s="71">
        <v>5</v>
      </c>
      <c r="EW16" s="71">
        <v>1</v>
      </c>
      <c r="EX16" s="72">
        <v>27</v>
      </c>
      <c r="EY16" s="73">
        <v>43</v>
      </c>
      <c r="EZ16" s="86">
        <v>10</v>
      </c>
      <c r="FA16" s="71">
        <v>6</v>
      </c>
      <c r="FB16" s="72">
        <v>16</v>
      </c>
      <c r="FC16" s="276"/>
      <c r="FD16" s="71">
        <v>11</v>
      </c>
      <c r="FE16" s="71">
        <v>8</v>
      </c>
      <c r="FF16" s="71">
        <v>6</v>
      </c>
      <c r="FG16" s="71">
        <v>8</v>
      </c>
      <c r="FH16" s="71">
        <v>1</v>
      </c>
      <c r="FI16" s="72">
        <v>34</v>
      </c>
      <c r="FJ16" s="73">
        <v>50</v>
      </c>
      <c r="FK16" s="70">
        <v>8</v>
      </c>
      <c r="FL16" s="71">
        <v>6</v>
      </c>
      <c r="FM16" s="72">
        <v>14</v>
      </c>
      <c r="FN16" s="276"/>
      <c r="FO16" s="71">
        <v>16</v>
      </c>
      <c r="FP16" s="71">
        <v>7</v>
      </c>
      <c r="FQ16" s="71">
        <v>12</v>
      </c>
      <c r="FR16" s="71">
        <v>15</v>
      </c>
      <c r="FS16" s="71">
        <v>8</v>
      </c>
      <c r="FT16" s="72">
        <v>58</v>
      </c>
      <c r="FU16" s="73">
        <v>72</v>
      </c>
      <c r="FV16" s="70">
        <v>0</v>
      </c>
      <c r="FW16" s="71">
        <v>0</v>
      </c>
      <c r="FX16" s="72">
        <v>0</v>
      </c>
      <c r="FY16" s="276"/>
      <c r="FZ16" s="71">
        <v>0</v>
      </c>
      <c r="GA16" s="71">
        <v>0</v>
      </c>
      <c r="GB16" s="71">
        <v>0</v>
      </c>
      <c r="GC16" s="71">
        <v>0</v>
      </c>
      <c r="GD16" s="71">
        <v>0</v>
      </c>
      <c r="GE16" s="72">
        <v>0</v>
      </c>
      <c r="GF16" s="73">
        <v>0</v>
      </c>
      <c r="GG16" s="70">
        <v>38</v>
      </c>
      <c r="GH16" s="71">
        <v>25</v>
      </c>
      <c r="GI16" s="72">
        <v>63</v>
      </c>
      <c r="GJ16" s="276"/>
      <c r="GK16" s="71">
        <v>41</v>
      </c>
      <c r="GL16" s="71">
        <v>24</v>
      </c>
      <c r="GM16" s="71">
        <v>27</v>
      </c>
      <c r="GN16" s="71">
        <v>28</v>
      </c>
      <c r="GO16" s="71">
        <v>12</v>
      </c>
      <c r="GP16" s="72">
        <v>132</v>
      </c>
      <c r="GQ16" s="73">
        <v>195</v>
      </c>
      <c r="GR16" s="126">
        <v>186</v>
      </c>
      <c r="GS16" s="82">
        <v>118</v>
      </c>
      <c r="GT16" s="83">
        <v>304</v>
      </c>
      <c r="GU16" s="273"/>
      <c r="GV16" s="82">
        <v>127</v>
      </c>
      <c r="GW16" s="82">
        <v>92</v>
      </c>
      <c r="GX16" s="82">
        <v>83</v>
      </c>
      <c r="GY16" s="82">
        <v>84</v>
      </c>
      <c r="GZ16" s="82">
        <v>46</v>
      </c>
      <c r="HA16" s="84">
        <v>432</v>
      </c>
      <c r="HB16" s="85">
        <v>736</v>
      </c>
      <c r="HC16" s="86">
        <v>3</v>
      </c>
      <c r="HD16" s="71">
        <v>6</v>
      </c>
      <c r="HE16" s="72">
        <v>9</v>
      </c>
      <c r="HF16" s="276"/>
      <c r="HG16" s="71">
        <v>1</v>
      </c>
      <c r="HH16" s="71">
        <v>2</v>
      </c>
      <c r="HI16" s="71">
        <v>3</v>
      </c>
      <c r="HJ16" s="71">
        <v>1</v>
      </c>
      <c r="HK16" s="71">
        <v>2</v>
      </c>
      <c r="HL16" s="72">
        <v>9</v>
      </c>
      <c r="HM16" s="73">
        <v>18</v>
      </c>
      <c r="HN16" s="70">
        <v>11</v>
      </c>
      <c r="HO16" s="71">
        <v>10</v>
      </c>
      <c r="HP16" s="72">
        <v>21</v>
      </c>
      <c r="HQ16" s="276"/>
      <c r="HR16" s="71">
        <v>7</v>
      </c>
      <c r="HS16" s="71">
        <v>4</v>
      </c>
      <c r="HT16" s="71">
        <v>2</v>
      </c>
      <c r="HU16" s="71">
        <v>4</v>
      </c>
      <c r="HV16" s="71">
        <v>3</v>
      </c>
      <c r="HW16" s="72">
        <v>20</v>
      </c>
      <c r="HX16" s="73">
        <v>41</v>
      </c>
      <c r="HY16" s="86">
        <v>26</v>
      </c>
      <c r="HZ16" s="71">
        <v>15</v>
      </c>
      <c r="IA16" s="72">
        <v>41</v>
      </c>
      <c r="IB16" s="276"/>
      <c r="IC16" s="71">
        <v>9</v>
      </c>
      <c r="ID16" s="71">
        <v>15</v>
      </c>
      <c r="IE16" s="71">
        <v>6</v>
      </c>
      <c r="IF16" s="71">
        <v>5</v>
      </c>
      <c r="IG16" s="71">
        <v>6</v>
      </c>
      <c r="IH16" s="72">
        <v>41</v>
      </c>
      <c r="II16" s="73">
        <v>82</v>
      </c>
      <c r="IJ16" s="70">
        <v>43</v>
      </c>
      <c r="IK16" s="71">
        <v>27</v>
      </c>
      <c r="IL16" s="72">
        <v>70</v>
      </c>
      <c r="IM16" s="276"/>
      <c r="IN16" s="71">
        <v>31</v>
      </c>
      <c r="IO16" s="71">
        <v>23</v>
      </c>
      <c r="IP16" s="71">
        <v>20</v>
      </c>
      <c r="IQ16" s="71">
        <v>20</v>
      </c>
      <c r="IR16" s="71">
        <v>10</v>
      </c>
      <c r="IS16" s="72">
        <v>104</v>
      </c>
      <c r="IT16" s="73">
        <v>174</v>
      </c>
      <c r="IU16" s="86">
        <v>59</v>
      </c>
      <c r="IV16" s="71">
        <v>33</v>
      </c>
      <c r="IW16" s="72">
        <v>92</v>
      </c>
      <c r="IX16" s="276"/>
      <c r="IY16" s="71">
        <v>39</v>
      </c>
      <c r="IZ16" s="71">
        <v>25</v>
      </c>
      <c r="JA16" s="71">
        <v>27</v>
      </c>
      <c r="JB16" s="71">
        <v>26</v>
      </c>
      <c r="JC16" s="71">
        <v>6</v>
      </c>
      <c r="JD16" s="72">
        <v>123</v>
      </c>
      <c r="JE16" s="73">
        <v>215</v>
      </c>
      <c r="JF16" s="70">
        <v>44</v>
      </c>
      <c r="JG16" s="71">
        <v>27</v>
      </c>
      <c r="JH16" s="72">
        <v>71</v>
      </c>
      <c r="JI16" s="276"/>
      <c r="JJ16" s="71">
        <v>40</v>
      </c>
      <c r="JK16" s="71">
        <v>23</v>
      </c>
      <c r="JL16" s="71">
        <v>25</v>
      </c>
      <c r="JM16" s="71">
        <v>28</v>
      </c>
      <c r="JN16" s="71">
        <v>19</v>
      </c>
      <c r="JO16" s="72">
        <v>135</v>
      </c>
      <c r="JP16" s="73">
        <v>206</v>
      </c>
      <c r="JQ16" s="70">
        <v>0</v>
      </c>
      <c r="JR16" s="71">
        <v>0</v>
      </c>
      <c r="JS16" s="72">
        <v>0</v>
      </c>
      <c r="JT16" s="276"/>
      <c r="JU16" s="71">
        <v>0</v>
      </c>
      <c r="JV16" s="71">
        <v>0</v>
      </c>
      <c r="JW16" s="71">
        <v>0</v>
      </c>
      <c r="JX16" s="71">
        <v>0</v>
      </c>
      <c r="JY16" s="71">
        <v>0</v>
      </c>
      <c r="JZ16" s="72">
        <v>0</v>
      </c>
      <c r="KA16" s="73">
        <v>0</v>
      </c>
      <c r="KB16" s="70">
        <v>186</v>
      </c>
      <c r="KC16" s="71">
        <v>118</v>
      </c>
      <c r="KD16" s="72">
        <v>304</v>
      </c>
      <c r="KE16" s="276"/>
      <c r="KF16" s="71">
        <v>127</v>
      </c>
      <c r="KG16" s="71">
        <v>92</v>
      </c>
      <c r="KH16" s="71">
        <v>83</v>
      </c>
      <c r="KI16" s="71">
        <v>84</v>
      </c>
      <c r="KJ16" s="71">
        <v>46</v>
      </c>
      <c r="KK16" s="72">
        <v>432</v>
      </c>
      <c r="KL16" s="73">
        <v>736</v>
      </c>
    </row>
    <row r="17" spans="1:298" ht="19.5" customHeight="1" x14ac:dyDescent="0.2">
      <c r="A17" s="129" t="s">
        <v>13</v>
      </c>
      <c r="B17" s="350">
        <v>37</v>
      </c>
      <c r="C17" s="82">
        <v>40</v>
      </c>
      <c r="D17" s="83">
        <v>77</v>
      </c>
      <c r="E17" s="273"/>
      <c r="F17" s="82">
        <v>51</v>
      </c>
      <c r="G17" s="82">
        <v>59</v>
      </c>
      <c r="H17" s="82">
        <v>47</v>
      </c>
      <c r="I17" s="82">
        <v>23</v>
      </c>
      <c r="J17" s="82">
        <v>21</v>
      </c>
      <c r="K17" s="84">
        <v>201</v>
      </c>
      <c r="L17" s="85">
        <v>278</v>
      </c>
      <c r="M17" s="70">
        <v>1</v>
      </c>
      <c r="N17" s="71">
        <v>0</v>
      </c>
      <c r="O17" s="72">
        <v>1</v>
      </c>
      <c r="P17" s="276"/>
      <c r="Q17" s="71">
        <v>3</v>
      </c>
      <c r="R17" s="71">
        <v>2</v>
      </c>
      <c r="S17" s="71">
        <v>0</v>
      </c>
      <c r="T17" s="71">
        <v>0</v>
      </c>
      <c r="U17" s="71">
        <v>0</v>
      </c>
      <c r="V17" s="72">
        <v>5</v>
      </c>
      <c r="W17" s="73">
        <v>6</v>
      </c>
      <c r="X17" s="70">
        <v>2</v>
      </c>
      <c r="Y17" s="71">
        <v>2</v>
      </c>
      <c r="Z17" s="72">
        <v>4</v>
      </c>
      <c r="AA17" s="276"/>
      <c r="AB17" s="71">
        <v>3</v>
      </c>
      <c r="AC17" s="71">
        <v>1</v>
      </c>
      <c r="AD17" s="71">
        <v>1</v>
      </c>
      <c r="AE17" s="71">
        <v>1</v>
      </c>
      <c r="AF17" s="71">
        <v>3</v>
      </c>
      <c r="AG17" s="72">
        <v>9</v>
      </c>
      <c r="AH17" s="73">
        <v>13</v>
      </c>
      <c r="AI17" s="70">
        <v>1</v>
      </c>
      <c r="AJ17" s="71">
        <v>2</v>
      </c>
      <c r="AK17" s="72">
        <v>3</v>
      </c>
      <c r="AL17" s="276"/>
      <c r="AM17" s="71">
        <v>3</v>
      </c>
      <c r="AN17" s="71">
        <v>7</v>
      </c>
      <c r="AO17" s="71">
        <v>5</v>
      </c>
      <c r="AP17" s="71">
        <v>3</v>
      </c>
      <c r="AQ17" s="71">
        <v>2</v>
      </c>
      <c r="AR17" s="72">
        <v>20</v>
      </c>
      <c r="AS17" s="73">
        <v>23</v>
      </c>
      <c r="AT17" s="70">
        <v>9</v>
      </c>
      <c r="AU17" s="71">
        <v>8</v>
      </c>
      <c r="AV17" s="72">
        <v>17</v>
      </c>
      <c r="AW17" s="276"/>
      <c r="AX17" s="71">
        <v>13</v>
      </c>
      <c r="AY17" s="71">
        <v>7</v>
      </c>
      <c r="AZ17" s="71">
        <v>12</v>
      </c>
      <c r="BA17" s="71">
        <v>5</v>
      </c>
      <c r="BB17" s="71">
        <v>4</v>
      </c>
      <c r="BC17" s="72">
        <v>41</v>
      </c>
      <c r="BD17" s="73">
        <v>58</v>
      </c>
      <c r="BE17" s="70">
        <v>16</v>
      </c>
      <c r="BF17" s="71">
        <v>14</v>
      </c>
      <c r="BG17" s="72">
        <v>30</v>
      </c>
      <c r="BH17" s="276"/>
      <c r="BI17" s="71">
        <v>13</v>
      </c>
      <c r="BJ17" s="71">
        <v>23</v>
      </c>
      <c r="BK17" s="71">
        <v>11</v>
      </c>
      <c r="BL17" s="71">
        <v>7</v>
      </c>
      <c r="BM17" s="71">
        <v>6</v>
      </c>
      <c r="BN17" s="72">
        <v>60</v>
      </c>
      <c r="BO17" s="73">
        <v>90</v>
      </c>
      <c r="BP17" s="70">
        <v>8</v>
      </c>
      <c r="BQ17" s="71">
        <v>14</v>
      </c>
      <c r="BR17" s="72">
        <v>22</v>
      </c>
      <c r="BS17" s="276"/>
      <c r="BT17" s="71">
        <v>16</v>
      </c>
      <c r="BU17" s="71">
        <v>19</v>
      </c>
      <c r="BV17" s="71">
        <v>18</v>
      </c>
      <c r="BW17" s="71">
        <v>7</v>
      </c>
      <c r="BX17" s="71">
        <v>6</v>
      </c>
      <c r="BY17" s="72">
        <v>66</v>
      </c>
      <c r="BZ17" s="73">
        <v>88</v>
      </c>
      <c r="CA17" s="70">
        <v>0</v>
      </c>
      <c r="CB17" s="71">
        <v>0</v>
      </c>
      <c r="CC17" s="72">
        <v>0</v>
      </c>
      <c r="CD17" s="276"/>
      <c r="CE17" s="71">
        <v>0</v>
      </c>
      <c r="CF17" s="71">
        <v>0</v>
      </c>
      <c r="CG17" s="71">
        <v>0</v>
      </c>
      <c r="CH17" s="71">
        <v>0</v>
      </c>
      <c r="CI17" s="71">
        <v>0</v>
      </c>
      <c r="CJ17" s="72">
        <v>0</v>
      </c>
      <c r="CK17" s="73">
        <v>0</v>
      </c>
      <c r="CL17" s="70">
        <v>37</v>
      </c>
      <c r="CM17" s="71">
        <v>40</v>
      </c>
      <c r="CN17" s="72">
        <v>77</v>
      </c>
      <c r="CO17" s="276"/>
      <c r="CP17" s="71">
        <v>51</v>
      </c>
      <c r="CQ17" s="71">
        <v>59</v>
      </c>
      <c r="CR17" s="71">
        <v>47</v>
      </c>
      <c r="CS17" s="71">
        <v>23</v>
      </c>
      <c r="CT17" s="71">
        <v>21</v>
      </c>
      <c r="CU17" s="72">
        <v>201</v>
      </c>
      <c r="CV17" s="73">
        <v>278</v>
      </c>
      <c r="CW17" s="126">
        <v>12</v>
      </c>
      <c r="CX17" s="82">
        <v>18</v>
      </c>
      <c r="CY17" s="83">
        <v>30</v>
      </c>
      <c r="CZ17" s="273"/>
      <c r="DA17" s="82">
        <v>25</v>
      </c>
      <c r="DB17" s="82">
        <v>18</v>
      </c>
      <c r="DC17" s="82">
        <v>12</v>
      </c>
      <c r="DD17" s="82">
        <v>14</v>
      </c>
      <c r="DE17" s="82">
        <v>14</v>
      </c>
      <c r="DF17" s="84">
        <v>83</v>
      </c>
      <c r="DG17" s="85">
        <v>113</v>
      </c>
      <c r="DH17" s="70">
        <v>0</v>
      </c>
      <c r="DI17" s="71">
        <v>0</v>
      </c>
      <c r="DJ17" s="72">
        <v>0</v>
      </c>
      <c r="DK17" s="276"/>
      <c r="DL17" s="71">
        <v>0</v>
      </c>
      <c r="DM17" s="71">
        <v>0</v>
      </c>
      <c r="DN17" s="71">
        <v>0</v>
      </c>
      <c r="DO17" s="71">
        <v>0</v>
      </c>
      <c r="DP17" s="71">
        <v>0</v>
      </c>
      <c r="DQ17" s="72">
        <v>0</v>
      </c>
      <c r="DR17" s="73">
        <v>0</v>
      </c>
      <c r="DS17" s="70">
        <v>2</v>
      </c>
      <c r="DT17" s="71">
        <v>1</v>
      </c>
      <c r="DU17" s="72">
        <v>3</v>
      </c>
      <c r="DV17" s="276"/>
      <c r="DW17" s="71">
        <v>3</v>
      </c>
      <c r="DX17" s="71">
        <v>0</v>
      </c>
      <c r="DY17" s="71">
        <v>2</v>
      </c>
      <c r="DZ17" s="71">
        <v>0</v>
      </c>
      <c r="EA17" s="71">
        <v>1</v>
      </c>
      <c r="EB17" s="72">
        <v>6</v>
      </c>
      <c r="EC17" s="73">
        <v>9</v>
      </c>
      <c r="ED17" s="70">
        <v>1</v>
      </c>
      <c r="EE17" s="71">
        <v>1</v>
      </c>
      <c r="EF17" s="72">
        <v>2</v>
      </c>
      <c r="EG17" s="276"/>
      <c r="EH17" s="71">
        <v>2</v>
      </c>
      <c r="EI17" s="71">
        <v>0</v>
      </c>
      <c r="EJ17" s="71">
        <v>2</v>
      </c>
      <c r="EK17" s="71">
        <v>2</v>
      </c>
      <c r="EL17" s="71">
        <v>0</v>
      </c>
      <c r="EM17" s="72">
        <v>6</v>
      </c>
      <c r="EN17" s="73">
        <v>8</v>
      </c>
      <c r="EO17" s="70">
        <v>3</v>
      </c>
      <c r="EP17" s="71">
        <v>4</v>
      </c>
      <c r="EQ17" s="72">
        <v>7</v>
      </c>
      <c r="ER17" s="276"/>
      <c r="ES17" s="71">
        <v>5</v>
      </c>
      <c r="ET17" s="71">
        <v>5</v>
      </c>
      <c r="EU17" s="71">
        <v>1</v>
      </c>
      <c r="EV17" s="71">
        <v>1</v>
      </c>
      <c r="EW17" s="71">
        <v>3</v>
      </c>
      <c r="EX17" s="72">
        <v>15</v>
      </c>
      <c r="EY17" s="73">
        <v>22</v>
      </c>
      <c r="EZ17" s="70">
        <v>4</v>
      </c>
      <c r="FA17" s="71">
        <v>5</v>
      </c>
      <c r="FB17" s="72">
        <v>9</v>
      </c>
      <c r="FC17" s="276"/>
      <c r="FD17" s="71">
        <v>8</v>
      </c>
      <c r="FE17" s="71">
        <v>6</v>
      </c>
      <c r="FF17" s="71">
        <v>4</v>
      </c>
      <c r="FG17" s="71">
        <v>3</v>
      </c>
      <c r="FH17" s="71">
        <v>0</v>
      </c>
      <c r="FI17" s="72">
        <v>21</v>
      </c>
      <c r="FJ17" s="73">
        <v>30</v>
      </c>
      <c r="FK17" s="70">
        <v>2</v>
      </c>
      <c r="FL17" s="71">
        <v>7</v>
      </c>
      <c r="FM17" s="72">
        <v>9</v>
      </c>
      <c r="FN17" s="276"/>
      <c r="FO17" s="71">
        <v>7</v>
      </c>
      <c r="FP17" s="71">
        <v>7</v>
      </c>
      <c r="FQ17" s="71">
        <v>3</v>
      </c>
      <c r="FR17" s="71">
        <v>8</v>
      </c>
      <c r="FS17" s="71">
        <v>10</v>
      </c>
      <c r="FT17" s="72">
        <v>35</v>
      </c>
      <c r="FU17" s="73">
        <v>44</v>
      </c>
      <c r="FV17" s="70">
        <v>0</v>
      </c>
      <c r="FW17" s="71">
        <v>0</v>
      </c>
      <c r="FX17" s="72">
        <v>0</v>
      </c>
      <c r="FY17" s="276"/>
      <c r="FZ17" s="71">
        <v>0</v>
      </c>
      <c r="GA17" s="71">
        <v>0</v>
      </c>
      <c r="GB17" s="71">
        <v>0</v>
      </c>
      <c r="GC17" s="71">
        <v>0</v>
      </c>
      <c r="GD17" s="71">
        <v>0</v>
      </c>
      <c r="GE17" s="72">
        <v>0</v>
      </c>
      <c r="GF17" s="73">
        <v>0</v>
      </c>
      <c r="GG17" s="70">
        <v>12</v>
      </c>
      <c r="GH17" s="71">
        <v>18</v>
      </c>
      <c r="GI17" s="72">
        <v>30</v>
      </c>
      <c r="GJ17" s="276"/>
      <c r="GK17" s="71">
        <v>25</v>
      </c>
      <c r="GL17" s="71">
        <v>18</v>
      </c>
      <c r="GM17" s="71">
        <v>12</v>
      </c>
      <c r="GN17" s="71">
        <v>14</v>
      </c>
      <c r="GO17" s="71">
        <v>14</v>
      </c>
      <c r="GP17" s="72">
        <v>83</v>
      </c>
      <c r="GQ17" s="73">
        <v>113</v>
      </c>
      <c r="GR17" s="126">
        <v>49</v>
      </c>
      <c r="GS17" s="82">
        <v>58</v>
      </c>
      <c r="GT17" s="83">
        <v>107</v>
      </c>
      <c r="GU17" s="273"/>
      <c r="GV17" s="82">
        <v>76</v>
      </c>
      <c r="GW17" s="82">
        <v>77</v>
      </c>
      <c r="GX17" s="82">
        <v>59</v>
      </c>
      <c r="GY17" s="82">
        <v>37</v>
      </c>
      <c r="GZ17" s="82">
        <v>35</v>
      </c>
      <c r="HA17" s="84">
        <v>284</v>
      </c>
      <c r="HB17" s="85">
        <v>391</v>
      </c>
      <c r="HC17" s="70">
        <v>1</v>
      </c>
      <c r="HD17" s="71">
        <v>0</v>
      </c>
      <c r="HE17" s="72">
        <v>1</v>
      </c>
      <c r="HF17" s="276"/>
      <c r="HG17" s="71">
        <v>3</v>
      </c>
      <c r="HH17" s="71">
        <v>2</v>
      </c>
      <c r="HI17" s="71">
        <v>0</v>
      </c>
      <c r="HJ17" s="71">
        <v>0</v>
      </c>
      <c r="HK17" s="71">
        <v>0</v>
      </c>
      <c r="HL17" s="72">
        <v>5</v>
      </c>
      <c r="HM17" s="73">
        <v>6</v>
      </c>
      <c r="HN17" s="70">
        <v>4</v>
      </c>
      <c r="HO17" s="71">
        <v>3</v>
      </c>
      <c r="HP17" s="72">
        <v>7</v>
      </c>
      <c r="HQ17" s="276"/>
      <c r="HR17" s="71">
        <v>6</v>
      </c>
      <c r="HS17" s="71">
        <v>1</v>
      </c>
      <c r="HT17" s="71">
        <v>3</v>
      </c>
      <c r="HU17" s="71">
        <v>1</v>
      </c>
      <c r="HV17" s="71">
        <v>4</v>
      </c>
      <c r="HW17" s="72">
        <v>15</v>
      </c>
      <c r="HX17" s="73">
        <v>22</v>
      </c>
      <c r="HY17" s="70">
        <v>2</v>
      </c>
      <c r="HZ17" s="71">
        <v>3</v>
      </c>
      <c r="IA17" s="72">
        <v>5</v>
      </c>
      <c r="IB17" s="276"/>
      <c r="IC17" s="71">
        <v>5</v>
      </c>
      <c r="ID17" s="71">
        <v>7</v>
      </c>
      <c r="IE17" s="71">
        <v>7</v>
      </c>
      <c r="IF17" s="71">
        <v>5</v>
      </c>
      <c r="IG17" s="71">
        <v>2</v>
      </c>
      <c r="IH17" s="72">
        <v>26</v>
      </c>
      <c r="II17" s="73">
        <v>31</v>
      </c>
      <c r="IJ17" s="70">
        <v>12</v>
      </c>
      <c r="IK17" s="71">
        <v>12</v>
      </c>
      <c r="IL17" s="72">
        <v>24</v>
      </c>
      <c r="IM17" s="276"/>
      <c r="IN17" s="71">
        <v>18</v>
      </c>
      <c r="IO17" s="71">
        <v>12</v>
      </c>
      <c r="IP17" s="71">
        <v>13</v>
      </c>
      <c r="IQ17" s="71">
        <v>6</v>
      </c>
      <c r="IR17" s="71">
        <v>7</v>
      </c>
      <c r="IS17" s="72">
        <v>56</v>
      </c>
      <c r="IT17" s="73">
        <v>80</v>
      </c>
      <c r="IU17" s="70">
        <v>20</v>
      </c>
      <c r="IV17" s="71">
        <v>19</v>
      </c>
      <c r="IW17" s="72">
        <v>39</v>
      </c>
      <c r="IX17" s="276"/>
      <c r="IY17" s="71">
        <v>21</v>
      </c>
      <c r="IZ17" s="71">
        <v>29</v>
      </c>
      <c r="JA17" s="71">
        <v>15</v>
      </c>
      <c r="JB17" s="71">
        <v>10</v>
      </c>
      <c r="JC17" s="71">
        <v>6</v>
      </c>
      <c r="JD17" s="72">
        <v>81</v>
      </c>
      <c r="JE17" s="73">
        <v>120</v>
      </c>
      <c r="JF17" s="70">
        <v>10</v>
      </c>
      <c r="JG17" s="71">
        <v>21</v>
      </c>
      <c r="JH17" s="72">
        <v>31</v>
      </c>
      <c r="JI17" s="276"/>
      <c r="JJ17" s="71">
        <v>23</v>
      </c>
      <c r="JK17" s="71">
        <v>26</v>
      </c>
      <c r="JL17" s="71">
        <v>21</v>
      </c>
      <c r="JM17" s="71">
        <v>15</v>
      </c>
      <c r="JN17" s="71">
        <v>16</v>
      </c>
      <c r="JO17" s="72">
        <v>101</v>
      </c>
      <c r="JP17" s="73">
        <v>132</v>
      </c>
      <c r="JQ17" s="70">
        <v>0</v>
      </c>
      <c r="JR17" s="71">
        <v>0</v>
      </c>
      <c r="JS17" s="72">
        <v>0</v>
      </c>
      <c r="JT17" s="276"/>
      <c r="JU17" s="71">
        <v>0</v>
      </c>
      <c r="JV17" s="71">
        <v>0</v>
      </c>
      <c r="JW17" s="71">
        <v>0</v>
      </c>
      <c r="JX17" s="71">
        <v>0</v>
      </c>
      <c r="JY17" s="71">
        <v>0</v>
      </c>
      <c r="JZ17" s="72">
        <v>0</v>
      </c>
      <c r="KA17" s="73">
        <v>0</v>
      </c>
      <c r="KB17" s="70">
        <v>49</v>
      </c>
      <c r="KC17" s="71">
        <v>58</v>
      </c>
      <c r="KD17" s="72">
        <v>107</v>
      </c>
      <c r="KE17" s="276"/>
      <c r="KF17" s="71">
        <v>76</v>
      </c>
      <c r="KG17" s="71">
        <v>77</v>
      </c>
      <c r="KH17" s="71">
        <v>59</v>
      </c>
      <c r="KI17" s="71">
        <v>37</v>
      </c>
      <c r="KJ17" s="71">
        <v>35</v>
      </c>
      <c r="KK17" s="72">
        <v>284</v>
      </c>
      <c r="KL17" s="73">
        <v>391</v>
      </c>
    </row>
    <row r="18" spans="1:298" ht="19.5" customHeight="1" x14ac:dyDescent="0.2">
      <c r="A18" s="129" t="s">
        <v>15</v>
      </c>
      <c r="B18" s="350">
        <v>7</v>
      </c>
      <c r="C18" s="82">
        <v>11</v>
      </c>
      <c r="D18" s="83">
        <v>18</v>
      </c>
      <c r="E18" s="273"/>
      <c r="F18" s="82">
        <v>18</v>
      </c>
      <c r="G18" s="82">
        <v>17</v>
      </c>
      <c r="H18" s="82">
        <v>8</v>
      </c>
      <c r="I18" s="82">
        <v>10</v>
      </c>
      <c r="J18" s="82">
        <v>7</v>
      </c>
      <c r="K18" s="84">
        <v>60</v>
      </c>
      <c r="L18" s="85">
        <v>78</v>
      </c>
      <c r="M18" s="70">
        <v>2</v>
      </c>
      <c r="N18" s="71">
        <v>2</v>
      </c>
      <c r="O18" s="72">
        <v>4</v>
      </c>
      <c r="P18" s="276"/>
      <c r="Q18" s="71">
        <v>1</v>
      </c>
      <c r="R18" s="71">
        <v>1</v>
      </c>
      <c r="S18" s="71">
        <v>1</v>
      </c>
      <c r="T18" s="71">
        <v>2</v>
      </c>
      <c r="U18" s="71">
        <v>1</v>
      </c>
      <c r="V18" s="72">
        <v>6</v>
      </c>
      <c r="W18" s="73">
        <v>10</v>
      </c>
      <c r="X18" s="70">
        <v>0</v>
      </c>
      <c r="Y18" s="71">
        <v>0</v>
      </c>
      <c r="Z18" s="72">
        <v>0</v>
      </c>
      <c r="AA18" s="276"/>
      <c r="AB18" s="71">
        <v>2</v>
      </c>
      <c r="AC18" s="71">
        <v>1</v>
      </c>
      <c r="AD18" s="71">
        <v>3</v>
      </c>
      <c r="AE18" s="71">
        <v>2</v>
      </c>
      <c r="AF18" s="71">
        <v>1</v>
      </c>
      <c r="AG18" s="72">
        <v>9</v>
      </c>
      <c r="AH18" s="73">
        <v>9</v>
      </c>
      <c r="AI18" s="70">
        <v>0</v>
      </c>
      <c r="AJ18" s="71">
        <v>1</v>
      </c>
      <c r="AK18" s="72">
        <v>1</v>
      </c>
      <c r="AL18" s="276"/>
      <c r="AM18" s="71">
        <v>4</v>
      </c>
      <c r="AN18" s="71">
        <v>2</v>
      </c>
      <c r="AO18" s="71">
        <v>0</v>
      </c>
      <c r="AP18" s="71">
        <v>1</v>
      </c>
      <c r="AQ18" s="71">
        <v>1</v>
      </c>
      <c r="AR18" s="72">
        <v>8</v>
      </c>
      <c r="AS18" s="73">
        <v>9</v>
      </c>
      <c r="AT18" s="70">
        <v>3</v>
      </c>
      <c r="AU18" s="71">
        <v>3</v>
      </c>
      <c r="AV18" s="72">
        <v>6</v>
      </c>
      <c r="AW18" s="276"/>
      <c r="AX18" s="71">
        <v>1</v>
      </c>
      <c r="AY18" s="71">
        <v>3</v>
      </c>
      <c r="AZ18" s="71">
        <v>3</v>
      </c>
      <c r="BA18" s="71">
        <v>0</v>
      </c>
      <c r="BB18" s="71">
        <v>1</v>
      </c>
      <c r="BC18" s="72">
        <v>8</v>
      </c>
      <c r="BD18" s="73">
        <v>14</v>
      </c>
      <c r="BE18" s="70">
        <v>0</v>
      </c>
      <c r="BF18" s="71">
        <v>3</v>
      </c>
      <c r="BG18" s="72">
        <v>3</v>
      </c>
      <c r="BH18" s="276"/>
      <c r="BI18" s="71">
        <v>5</v>
      </c>
      <c r="BJ18" s="71">
        <v>6</v>
      </c>
      <c r="BK18" s="71">
        <v>0</v>
      </c>
      <c r="BL18" s="71">
        <v>2</v>
      </c>
      <c r="BM18" s="71">
        <v>3</v>
      </c>
      <c r="BN18" s="72">
        <v>16</v>
      </c>
      <c r="BO18" s="73">
        <v>19</v>
      </c>
      <c r="BP18" s="70">
        <v>2</v>
      </c>
      <c r="BQ18" s="71">
        <v>2</v>
      </c>
      <c r="BR18" s="72">
        <v>4</v>
      </c>
      <c r="BS18" s="276"/>
      <c r="BT18" s="71">
        <v>5</v>
      </c>
      <c r="BU18" s="71">
        <v>4</v>
      </c>
      <c r="BV18" s="71">
        <v>1</v>
      </c>
      <c r="BW18" s="71">
        <v>3</v>
      </c>
      <c r="BX18" s="71">
        <v>0</v>
      </c>
      <c r="BY18" s="72">
        <v>13</v>
      </c>
      <c r="BZ18" s="73">
        <v>17</v>
      </c>
      <c r="CA18" s="70">
        <v>0</v>
      </c>
      <c r="CB18" s="71">
        <v>0</v>
      </c>
      <c r="CC18" s="72">
        <v>0</v>
      </c>
      <c r="CD18" s="276"/>
      <c r="CE18" s="71">
        <v>0</v>
      </c>
      <c r="CF18" s="71">
        <v>0</v>
      </c>
      <c r="CG18" s="71">
        <v>0</v>
      </c>
      <c r="CH18" s="71">
        <v>0</v>
      </c>
      <c r="CI18" s="71">
        <v>0</v>
      </c>
      <c r="CJ18" s="72">
        <v>0</v>
      </c>
      <c r="CK18" s="73">
        <v>0</v>
      </c>
      <c r="CL18" s="70">
        <v>7</v>
      </c>
      <c r="CM18" s="71">
        <v>11</v>
      </c>
      <c r="CN18" s="72">
        <v>18</v>
      </c>
      <c r="CO18" s="276"/>
      <c r="CP18" s="71">
        <v>18</v>
      </c>
      <c r="CQ18" s="71">
        <v>17</v>
      </c>
      <c r="CR18" s="71">
        <v>8</v>
      </c>
      <c r="CS18" s="71">
        <v>10</v>
      </c>
      <c r="CT18" s="71">
        <v>7</v>
      </c>
      <c r="CU18" s="72">
        <v>60</v>
      </c>
      <c r="CV18" s="73">
        <v>78</v>
      </c>
      <c r="CW18" s="126">
        <v>2</v>
      </c>
      <c r="CX18" s="82">
        <v>10</v>
      </c>
      <c r="CY18" s="83">
        <v>12</v>
      </c>
      <c r="CZ18" s="273"/>
      <c r="DA18" s="82">
        <v>12</v>
      </c>
      <c r="DB18" s="82">
        <v>3</v>
      </c>
      <c r="DC18" s="82">
        <v>6</v>
      </c>
      <c r="DD18" s="82">
        <v>5</v>
      </c>
      <c r="DE18" s="82">
        <v>2</v>
      </c>
      <c r="DF18" s="84">
        <v>28</v>
      </c>
      <c r="DG18" s="85">
        <v>40</v>
      </c>
      <c r="DH18" s="70">
        <v>0</v>
      </c>
      <c r="DI18" s="71">
        <v>0</v>
      </c>
      <c r="DJ18" s="72">
        <v>0</v>
      </c>
      <c r="DK18" s="276"/>
      <c r="DL18" s="71">
        <v>0</v>
      </c>
      <c r="DM18" s="71">
        <v>0</v>
      </c>
      <c r="DN18" s="71">
        <v>1</v>
      </c>
      <c r="DO18" s="71">
        <v>0</v>
      </c>
      <c r="DP18" s="71">
        <v>0</v>
      </c>
      <c r="DQ18" s="72">
        <v>1</v>
      </c>
      <c r="DR18" s="73">
        <v>1</v>
      </c>
      <c r="DS18" s="70">
        <v>0</v>
      </c>
      <c r="DT18" s="71">
        <v>1</v>
      </c>
      <c r="DU18" s="72">
        <v>1</v>
      </c>
      <c r="DV18" s="276"/>
      <c r="DW18" s="71">
        <v>2</v>
      </c>
      <c r="DX18" s="71">
        <v>0</v>
      </c>
      <c r="DY18" s="71">
        <v>0</v>
      </c>
      <c r="DZ18" s="71">
        <v>0</v>
      </c>
      <c r="EA18" s="71">
        <v>0</v>
      </c>
      <c r="EB18" s="72">
        <v>2</v>
      </c>
      <c r="EC18" s="73">
        <v>3</v>
      </c>
      <c r="ED18" s="70">
        <v>0</v>
      </c>
      <c r="EE18" s="71">
        <v>1</v>
      </c>
      <c r="EF18" s="72">
        <v>1</v>
      </c>
      <c r="EG18" s="276"/>
      <c r="EH18" s="71">
        <v>1</v>
      </c>
      <c r="EI18" s="71">
        <v>0</v>
      </c>
      <c r="EJ18" s="71">
        <v>1</v>
      </c>
      <c r="EK18" s="71">
        <v>1</v>
      </c>
      <c r="EL18" s="71">
        <v>1</v>
      </c>
      <c r="EM18" s="72">
        <v>4</v>
      </c>
      <c r="EN18" s="73">
        <v>5</v>
      </c>
      <c r="EO18" s="70">
        <v>0</v>
      </c>
      <c r="EP18" s="71">
        <v>5</v>
      </c>
      <c r="EQ18" s="72">
        <v>5</v>
      </c>
      <c r="ER18" s="276"/>
      <c r="ES18" s="71">
        <v>3</v>
      </c>
      <c r="ET18" s="71">
        <v>0</v>
      </c>
      <c r="EU18" s="71">
        <v>0</v>
      </c>
      <c r="EV18" s="71">
        <v>1</v>
      </c>
      <c r="EW18" s="71">
        <v>0</v>
      </c>
      <c r="EX18" s="72">
        <v>4</v>
      </c>
      <c r="EY18" s="73">
        <v>9</v>
      </c>
      <c r="EZ18" s="70">
        <v>0</v>
      </c>
      <c r="FA18" s="71">
        <v>1</v>
      </c>
      <c r="FB18" s="72">
        <v>1</v>
      </c>
      <c r="FC18" s="276"/>
      <c r="FD18" s="71">
        <v>5</v>
      </c>
      <c r="FE18" s="71">
        <v>1</v>
      </c>
      <c r="FF18" s="71">
        <v>0</v>
      </c>
      <c r="FG18" s="71">
        <v>0</v>
      </c>
      <c r="FH18" s="71">
        <v>0</v>
      </c>
      <c r="FI18" s="72">
        <v>6</v>
      </c>
      <c r="FJ18" s="73">
        <v>7</v>
      </c>
      <c r="FK18" s="70">
        <v>2</v>
      </c>
      <c r="FL18" s="71">
        <v>2</v>
      </c>
      <c r="FM18" s="72">
        <v>4</v>
      </c>
      <c r="FN18" s="276"/>
      <c r="FO18" s="71">
        <v>1</v>
      </c>
      <c r="FP18" s="71">
        <v>2</v>
      </c>
      <c r="FQ18" s="71">
        <v>4</v>
      </c>
      <c r="FR18" s="71">
        <v>3</v>
      </c>
      <c r="FS18" s="71">
        <v>1</v>
      </c>
      <c r="FT18" s="72">
        <v>11</v>
      </c>
      <c r="FU18" s="73">
        <v>15</v>
      </c>
      <c r="FV18" s="70">
        <v>0</v>
      </c>
      <c r="FW18" s="71">
        <v>0</v>
      </c>
      <c r="FX18" s="72">
        <v>0</v>
      </c>
      <c r="FY18" s="276"/>
      <c r="FZ18" s="71">
        <v>0</v>
      </c>
      <c r="GA18" s="71">
        <v>0</v>
      </c>
      <c r="GB18" s="71">
        <v>0</v>
      </c>
      <c r="GC18" s="71">
        <v>0</v>
      </c>
      <c r="GD18" s="71">
        <v>0</v>
      </c>
      <c r="GE18" s="72">
        <v>0</v>
      </c>
      <c r="GF18" s="73">
        <v>0</v>
      </c>
      <c r="GG18" s="70">
        <v>2</v>
      </c>
      <c r="GH18" s="71">
        <v>10</v>
      </c>
      <c r="GI18" s="72">
        <v>12</v>
      </c>
      <c r="GJ18" s="276"/>
      <c r="GK18" s="71">
        <v>12</v>
      </c>
      <c r="GL18" s="71">
        <v>3</v>
      </c>
      <c r="GM18" s="71">
        <v>6</v>
      </c>
      <c r="GN18" s="71">
        <v>5</v>
      </c>
      <c r="GO18" s="71">
        <v>2</v>
      </c>
      <c r="GP18" s="72">
        <v>28</v>
      </c>
      <c r="GQ18" s="73">
        <v>40</v>
      </c>
      <c r="GR18" s="126">
        <v>9</v>
      </c>
      <c r="GS18" s="82">
        <v>21</v>
      </c>
      <c r="GT18" s="83">
        <v>30</v>
      </c>
      <c r="GU18" s="273"/>
      <c r="GV18" s="82">
        <v>30</v>
      </c>
      <c r="GW18" s="82">
        <v>20</v>
      </c>
      <c r="GX18" s="82">
        <v>14</v>
      </c>
      <c r="GY18" s="82">
        <v>15</v>
      </c>
      <c r="GZ18" s="82">
        <v>9</v>
      </c>
      <c r="HA18" s="84">
        <v>88</v>
      </c>
      <c r="HB18" s="85">
        <v>118</v>
      </c>
      <c r="HC18" s="70">
        <v>2</v>
      </c>
      <c r="HD18" s="71">
        <v>2</v>
      </c>
      <c r="HE18" s="72">
        <v>4</v>
      </c>
      <c r="HF18" s="276"/>
      <c r="HG18" s="71">
        <v>1</v>
      </c>
      <c r="HH18" s="71">
        <v>1</v>
      </c>
      <c r="HI18" s="71">
        <v>2</v>
      </c>
      <c r="HJ18" s="71">
        <v>2</v>
      </c>
      <c r="HK18" s="71">
        <v>1</v>
      </c>
      <c r="HL18" s="72">
        <v>7</v>
      </c>
      <c r="HM18" s="73">
        <v>11</v>
      </c>
      <c r="HN18" s="70">
        <v>0</v>
      </c>
      <c r="HO18" s="71">
        <v>1</v>
      </c>
      <c r="HP18" s="72">
        <v>1</v>
      </c>
      <c r="HQ18" s="276"/>
      <c r="HR18" s="71">
        <v>4</v>
      </c>
      <c r="HS18" s="71">
        <v>1</v>
      </c>
      <c r="HT18" s="71">
        <v>3</v>
      </c>
      <c r="HU18" s="71">
        <v>2</v>
      </c>
      <c r="HV18" s="71">
        <v>1</v>
      </c>
      <c r="HW18" s="72">
        <v>11</v>
      </c>
      <c r="HX18" s="73">
        <v>12</v>
      </c>
      <c r="HY18" s="70">
        <v>0</v>
      </c>
      <c r="HZ18" s="71">
        <v>2</v>
      </c>
      <c r="IA18" s="72">
        <v>2</v>
      </c>
      <c r="IB18" s="276"/>
      <c r="IC18" s="71">
        <v>5</v>
      </c>
      <c r="ID18" s="71">
        <v>2</v>
      </c>
      <c r="IE18" s="71">
        <v>1</v>
      </c>
      <c r="IF18" s="71">
        <v>2</v>
      </c>
      <c r="IG18" s="71">
        <v>2</v>
      </c>
      <c r="IH18" s="72">
        <v>12</v>
      </c>
      <c r="II18" s="73">
        <v>14</v>
      </c>
      <c r="IJ18" s="70">
        <v>3</v>
      </c>
      <c r="IK18" s="71">
        <v>8</v>
      </c>
      <c r="IL18" s="72">
        <v>11</v>
      </c>
      <c r="IM18" s="276"/>
      <c r="IN18" s="71">
        <v>4</v>
      </c>
      <c r="IO18" s="71">
        <v>3</v>
      </c>
      <c r="IP18" s="71">
        <v>3</v>
      </c>
      <c r="IQ18" s="71">
        <v>1</v>
      </c>
      <c r="IR18" s="71">
        <v>1</v>
      </c>
      <c r="IS18" s="72">
        <v>12</v>
      </c>
      <c r="IT18" s="73">
        <v>23</v>
      </c>
      <c r="IU18" s="70">
        <v>0</v>
      </c>
      <c r="IV18" s="71">
        <v>4</v>
      </c>
      <c r="IW18" s="72">
        <v>4</v>
      </c>
      <c r="IX18" s="276"/>
      <c r="IY18" s="71">
        <v>10</v>
      </c>
      <c r="IZ18" s="71">
        <v>7</v>
      </c>
      <c r="JA18" s="71">
        <v>0</v>
      </c>
      <c r="JB18" s="71">
        <v>2</v>
      </c>
      <c r="JC18" s="71">
        <v>3</v>
      </c>
      <c r="JD18" s="72">
        <v>22</v>
      </c>
      <c r="JE18" s="73">
        <v>26</v>
      </c>
      <c r="JF18" s="70">
        <v>4</v>
      </c>
      <c r="JG18" s="71">
        <v>4</v>
      </c>
      <c r="JH18" s="72">
        <v>8</v>
      </c>
      <c r="JI18" s="276"/>
      <c r="JJ18" s="71">
        <v>6</v>
      </c>
      <c r="JK18" s="71">
        <v>6</v>
      </c>
      <c r="JL18" s="71">
        <v>5</v>
      </c>
      <c r="JM18" s="71">
        <v>6</v>
      </c>
      <c r="JN18" s="71">
        <v>1</v>
      </c>
      <c r="JO18" s="72">
        <v>24</v>
      </c>
      <c r="JP18" s="73">
        <v>32</v>
      </c>
      <c r="JQ18" s="70">
        <v>0</v>
      </c>
      <c r="JR18" s="71">
        <v>0</v>
      </c>
      <c r="JS18" s="72">
        <v>0</v>
      </c>
      <c r="JT18" s="276"/>
      <c r="JU18" s="71">
        <v>0</v>
      </c>
      <c r="JV18" s="71">
        <v>0</v>
      </c>
      <c r="JW18" s="71">
        <v>0</v>
      </c>
      <c r="JX18" s="71">
        <v>0</v>
      </c>
      <c r="JY18" s="71">
        <v>0</v>
      </c>
      <c r="JZ18" s="72">
        <v>0</v>
      </c>
      <c r="KA18" s="73">
        <v>0</v>
      </c>
      <c r="KB18" s="70">
        <v>9</v>
      </c>
      <c r="KC18" s="71">
        <v>21</v>
      </c>
      <c r="KD18" s="72">
        <v>30</v>
      </c>
      <c r="KE18" s="276"/>
      <c r="KF18" s="71">
        <v>30</v>
      </c>
      <c r="KG18" s="71">
        <v>20</v>
      </c>
      <c r="KH18" s="71">
        <v>14</v>
      </c>
      <c r="KI18" s="71">
        <v>15</v>
      </c>
      <c r="KJ18" s="71">
        <v>9</v>
      </c>
      <c r="KK18" s="72">
        <v>88</v>
      </c>
      <c r="KL18" s="73">
        <v>118</v>
      </c>
    </row>
    <row r="19" spans="1:298" ht="19.5" customHeight="1" x14ac:dyDescent="0.2">
      <c r="A19" s="129" t="s">
        <v>16</v>
      </c>
      <c r="B19" s="350">
        <v>29</v>
      </c>
      <c r="C19" s="82">
        <v>28</v>
      </c>
      <c r="D19" s="83">
        <v>57</v>
      </c>
      <c r="E19" s="273"/>
      <c r="F19" s="82">
        <v>56</v>
      </c>
      <c r="G19" s="82">
        <v>55</v>
      </c>
      <c r="H19" s="82">
        <v>37</v>
      </c>
      <c r="I19" s="82">
        <v>32</v>
      </c>
      <c r="J19" s="82">
        <v>16</v>
      </c>
      <c r="K19" s="84">
        <v>196</v>
      </c>
      <c r="L19" s="85">
        <v>253</v>
      </c>
      <c r="M19" s="70">
        <v>0</v>
      </c>
      <c r="N19" s="71">
        <v>1</v>
      </c>
      <c r="O19" s="72">
        <v>1</v>
      </c>
      <c r="P19" s="276"/>
      <c r="Q19" s="71">
        <v>0</v>
      </c>
      <c r="R19" s="71">
        <v>2</v>
      </c>
      <c r="S19" s="71">
        <v>0</v>
      </c>
      <c r="T19" s="71">
        <v>1</v>
      </c>
      <c r="U19" s="71">
        <v>2</v>
      </c>
      <c r="V19" s="72">
        <v>5</v>
      </c>
      <c r="W19" s="73">
        <v>6</v>
      </c>
      <c r="X19" s="70">
        <v>5</v>
      </c>
      <c r="Y19" s="71">
        <v>6</v>
      </c>
      <c r="Z19" s="72">
        <v>11</v>
      </c>
      <c r="AA19" s="276"/>
      <c r="AB19" s="71">
        <v>8</v>
      </c>
      <c r="AC19" s="71">
        <v>7</v>
      </c>
      <c r="AD19" s="71">
        <v>7</v>
      </c>
      <c r="AE19" s="71">
        <v>6</v>
      </c>
      <c r="AF19" s="71">
        <v>1</v>
      </c>
      <c r="AG19" s="72">
        <v>29</v>
      </c>
      <c r="AH19" s="73">
        <v>40</v>
      </c>
      <c r="AI19" s="70">
        <v>6</v>
      </c>
      <c r="AJ19" s="71">
        <v>4</v>
      </c>
      <c r="AK19" s="72">
        <v>10</v>
      </c>
      <c r="AL19" s="276"/>
      <c r="AM19" s="71">
        <v>7</v>
      </c>
      <c r="AN19" s="71">
        <v>6</v>
      </c>
      <c r="AO19" s="71">
        <v>5</v>
      </c>
      <c r="AP19" s="71">
        <v>5</v>
      </c>
      <c r="AQ19" s="71">
        <v>3</v>
      </c>
      <c r="AR19" s="72">
        <v>26</v>
      </c>
      <c r="AS19" s="73">
        <v>36</v>
      </c>
      <c r="AT19" s="70">
        <v>7</v>
      </c>
      <c r="AU19" s="71">
        <v>6</v>
      </c>
      <c r="AV19" s="72">
        <v>13</v>
      </c>
      <c r="AW19" s="276"/>
      <c r="AX19" s="71">
        <v>12</v>
      </c>
      <c r="AY19" s="71">
        <v>17</v>
      </c>
      <c r="AZ19" s="71">
        <v>10</v>
      </c>
      <c r="BA19" s="71">
        <v>2</v>
      </c>
      <c r="BB19" s="71">
        <v>6</v>
      </c>
      <c r="BC19" s="72">
        <v>47</v>
      </c>
      <c r="BD19" s="73">
        <v>60</v>
      </c>
      <c r="BE19" s="70">
        <v>7</v>
      </c>
      <c r="BF19" s="71">
        <v>8</v>
      </c>
      <c r="BG19" s="72">
        <v>15</v>
      </c>
      <c r="BH19" s="276"/>
      <c r="BI19" s="71">
        <v>10</v>
      </c>
      <c r="BJ19" s="71">
        <v>11</v>
      </c>
      <c r="BK19" s="71">
        <v>8</v>
      </c>
      <c r="BL19" s="71">
        <v>6</v>
      </c>
      <c r="BM19" s="71">
        <v>2</v>
      </c>
      <c r="BN19" s="72">
        <v>37</v>
      </c>
      <c r="BO19" s="73">
        <v>52</v>
      </c>
      <c r="BP19" s="70">
        <v>4</v>
      </c>
      <c r="BQ19" s="71">
        <v>3</v>
      </c>
      <c r="BR19" s="72">
        <v>7</v>
      </c>
      <c r="BS19" s="276"/>
      <c r="BT19" s="71">
        <v>19</v>
      </c>
      <c r="BU19" s="71">
        <v>12</v>
      </c>
      <c r="BV19" s="71">
        <v>7</v>
      </c>
      <c r="BW19" s="71">
        <v>12</v>
      </c>
      <c r="BX19" s="71">
        <v>2</v>
      </c>
      <c r="BY19" s="72">
        <v>52</v>
      </c>
      <c r="BZ19" s="73">
        <v>59</v>
      </c>
      <c r="CA19" s="70">
        <v>0</v>
      </c>
      <c r="CB19" s="71">
        <v>0</v>
      </c>
      <c r="CC19" s="72">
        <v>0</v>
      </c>
      <c r="CD19" s="276"/>
      <c r="CE19" s="71">
        <v>0</v>
      </c>
      <c r="CF19" s="71">
        <v>0</v>
      </c>
      <c r="CG19" s="71">
        <v>0</v>
      </c>
      <c r="CH19" s="71">
        <v>0</v>
      </c>
      <c r="CI19" s="71">
        <v>0</v>
      </c>
      <c r="CJ19" s="72">
        <v>0</v>
      </c>
      <c r="CK19" s="73">
        <v>0</v>
      </c>
      <c r="CL19" s="70">
        <v>29</v>
      </c>
      <c r="CM19" s="71">
        <v>28</v>
      </c>
      <c r="CN19" s="72">
        <v>57</v>
      </c>
      <c r="CO19" s="276"/>
      <c r="CP19" s="71">
        <v>56</v>
      </c>
      <c r="CQ19" s="71">
        <v>55</v>
      </c>
      <c r="CR19" s="71">
        <v>37</v>
      </c>
      <c r="CS19" s="71">
        <v>32</v>
      </c>
      <c r="CT19" s="71">
        <v>16</v>
      </c>
      <c r="CU19" s="72">
        <v>196</v>
      </c>
      <c r="CV19" s="73">
        <v>253</v>
      </c>
      <c r="CW19" s="126">
        <v>14</v>
      </c>
      <c r="CX19" s="82">
        <v>12</v>
      </c>
      <c r="CY19" s="83">
        <v>26</v>
      </c>
      <c r="CZ19" s="273"/>
      <c r="DA19" s="82">
        <v>20</v>
      </c>
      <c r="DB19" s="82">
        <v>25</v>
      </c>
      <c r="DC19" s="82">
        <v>13</v>
      </c>
      <c r="DD19" s="82">
        <v>12</v>
      </c>
      <c r="DE19" s="82">
        <v>10</v>
      </c>
      <c r="DF19" s="84">
        <v>80</v>
      </c>
      <c r="DG19" s="85">
        <v>106</v>
      </c>
      <c r="DH19" s="70">
        <v>0</v>
      </c>
      <c r="DI19" s="71">
        <v>0</v>
      </c>
      <c r="DJ19" s="72">
        <v>0</v>
      </c>
      <c r="DK19" s="276"/>
      <c r="DL19" s="71">
        <v>0</v>
      </c>
      <c r="DM19" s="71">
        <v>2</v>
      </c>
      <c r="DN19" s="71">
        <v>0</v>
      </c>
      <c r="DO19" s="71">
        <v>0</v>
      </c>
      <c r="DP19" s="71">
        <v>0</v>
      </c>
      <c r="DQ19" s="72">
        <v>2</v>
      </c>
      <c r="DR19" s="73">
        <v>2</v>
      </c>
      <c r="DS19" s="70">
        <v>2</v>
      </c>
      <c r="DT19" s="71">
        <v>2</v>
      </c>
      <c r="DU19" s="72">
        <v>4</v>
      </c>
      <c r="DV19" s="276"/>
      <c r="DW19" s="71">
        <v>1</v>
      </c>
      <c r="DX19" s="71">
        <v>3</v>
      </c>
      <c r="DY19" s="71">
        <v>0</v>
      </c>
      <c r="DZ19" s="71">
        <v>1</v>
      </c>
      <c r="EA19" s="71">
        <v>0</v>
      </c>
      <c r="EB19" s="72">
        <v>5</v>
      </c>
      <c r="EC19" s="73">
        <v>9</v>
      </c>
      <c r="ED19" s="70">
        <v>3</v>
      </c>
      <c r="EE19" s="71">
        <v>1</v>
      </c>
      <c r="EF19" s="72">
        <v>4</v>
      </c>
      <c r="EG19" s="276"/>
      <c r="EH19" s="71">
        <v>0</v>
      </c>
      <c r="EI19" s="71">
        <v>2</v>
      </c>
      <c r="EJ19" s="71">
        <v>0</v>
      </c>
      <c r="EK19" s="71">
        <v>2</v>
      </c>
      <c r="EL19" s="71">
        <v>0</v>
      </c>
      <c r="EM19" s="72">
        <v>4</v>
      </c>
      <c r="EN19" s="73">
        <v>8</v>
      </c>
      <c r="EO19" s="70">
        <v>6</v>
      </c>
      <c r="EP19" s="71">
        <v>1</v>
      </c>
      <c r="EQ19" s="72">
        <v>7</v>
      </c>
      <c r="ER19" s="276"/>
      <c r="ES19" s="71">
        <v>6</v>
      </c>
      <c r="ET19" s="71">
        <v>5</v>
      </c>
      <c r="EU19" s="71">
        <v>1</v>
      </c>
      <c r="EV19" s="71">
        <v>0</v>
      </c>
      <c r="EW19" s="71">
        <v>1</v>
      </c>
      <c r="EX19" s="72">
        <v>13</v>
      </c>
      <c r="EY19" s="73">
        <v>20</v>
      </c>
      <c r="EZ19" s="70">
        <v>2</v>
      </c>
      <c r="FA19" s="71">
        <v>6</v>
      </c>
      <c r="FB19" s="72">
        <v>8</v>
      </c>
      <c r="FC19" s="276"/>
      <c r="FD19" s="71">
        <v>8</v>
      </c>
      <c r="FE19" s="71">
        <v>7</v>
      </c>
      <c r="FF19" s="71">
        <v>4</v>
      </c>
      <c r="FG19" s="71">
        <v>2</v>
      </c>
      <c r="FH19" s="71">
        <v>3</v>
      </c>
      <c r="FI19" s="72">
        <v>24</v>
      </c>
      <c r="FJ19" s="73">
        <v>32</v>
      </c>
      <c r="FK19" s="70">
        <v>1</v>
      </c>
      <c r="FL19" s="71">
        <v>2</v>
      </c>
      <c r="FM19" s="72">
        <v>3</v>
      </c>
      <c r="FN19" s="276"/>
      <c r="FO19" s="71">
        <v>5</v>
      </c>
      <c r="FP19" s="71">
        <v>6</v>
      </c>
      <c r="FQ19" s="71">
        <v>8</v>
      </c>
      <c r="FR19" s="71">
        <v>7</v>
      </c>
      <c r="FS19" s="71">
        <v>6</v>
      </c>
      <c r="FT19" s="72">
        <v>32</v>
      </c>
      <c r="FU19" s="73">
        <v>35</v>
      </c>
      <c r="FV19" s="70">
        <v>0</v>
      </c>
      <c r="FW19" s="71">
        <v>0</v>
      </c>
      <c r="FX19" s="72">
        <v>0</v>
      </c>
      <c r="FY19" s="276"/>
      <c r="FZ19" s="71">
        <v>0</v>
      </c>
      <c r="GA19" s="71">
        <v>0</v>
      </c>
      <c r="GB19" s="71">
        <v>0</v>
      </c>
      <c r="GC19" s="71">
        <v>0</v>
      </c>
      <c r="GD19" s="71">
        <v>0</v>
      </c>
      <c r="GE19" s="72">
        <v>0</v>
      </c>
      <c r="GF19" s="73">
        <v>0</v>
      </c>
      <c r="GG19" s="70">
        <v>14</v>
      </c>
      <c r="GH19" s="71">
        <v>12</v>
      </c>
      <c r="GI19" s="72">
        <v>26</v>
      </c>
      <c r="GJ19" s="276"/>
      <c r="GK19" s="71">
        <v>20</v>
      </c>
      <c r="GL19" s="71">
        <v>25</v>
      </c>
      <c r="GM19" s="71">
        <v>13</v>
      </c>
      <c r="GN19" s="71">
        <v>12</v>
      </c>
      <c r="GO19" s="71">
        <v>10</v>
      </c>
      <c r="GP19" s="72">
        <v>80</v>
      </c>
      <c r="GQ19" s="73">
        <v>106</v>
      </c>
      <c r="GR19" s="126">
        <v>43</v>
      </c>
      <c r="GS19" s="82">
        <v>40</v>
      </c>
      <c r="GT19" s="83">
        <v>83</v>
      </c>
      <c r="GU19" s="273"/>
      <c r="GV19" s="82">
        <v>76</v>
      </c>
      <c r="GW19" s="82">
        <v>80</v>
      </c>
      <c r="GX19" s="82">
        <v>50</v>
      </c>
      <c r="GY19" s="82">
        <v>44</v>
      </c>
      <c r="GZ19" s="82">
        <v>26</v>
      </c>
      <c r="HA19" s="84">
        <v>276</v>
      </c>
      <c r="HB19" s="85">
        <v>359</v>
      </c>
      <c r="HC19" s="70">
        <v>0</v>
      </c>
      <c r="HD19" s="71">
        <v>1</v>
      </c>
      <c r="HE19" s="72">
        <v>1</v>
      </c>
      <c r="HF19" s="276"/>
      <c r="HG19" s="71">
        <v>0</v>
      </c>
      <c r="HH19" s="71">
        <v>4</v>
      </c>
      <c r="HI19" s="71">
        <v>0</v>
      </c>
      <c r="HJ19" s="71">
        <v>1</v>
      </c>
      <c r="HK19" s="71">
        <v>2</v>
      </c>
      <c r="HL19" s="72">
        <v>7</v>
      </c>
      <c r="HM19" s="73">
        <v>8</v>
      </c>
      <c r="HN19" s="70">
        <v>7</v>
      </c>
      <c r="HO19" s="71">
        <v>8</v>
      </c>
      <c r="HP19" s="72">
        <v>15</v>
      </c>
      <c r="HQ19" s="276"/>
      <c r="HR19" s="71">
        <v>9</v>
      </c>
      <c r="HS19" s="71">
        <v>10</v>
      </c>
      <c r="HT19" s="71">
        <v>7</v>
      </c>
      <c r="HU19" s="71">
        <v>7</v>
      </c>
      <c r="HV19" s="71">
        <v>1</v>
      </c>
      <c r="HW19" s="72">
        <v>34</v>
      </c>
      <c r="HX19" s="73">
        <v>49</v>
      </c>
      <c r="HY19" s="70">
        <v>9</v>
      </c>
      <c r="HZ19" s="71">
        <v>5</v>
      </c>
      <c r="IA19" s="72">
        <v>14</v>
      </c>
      <c r="IB19" s="276"/>
      <c r="IC19" s="71">
        <v>7</v>
      </c>
      <c r="ID19" s="71">
        <v>8</v>
      </c>
      <c r="IE19" s="71">
        <v>5</v>
      </c>
      <c r="IF19" s="71">
        <v>7</v>
      </c>
      <c r="IG19" s="71">
        <v>3</v>
      </c>
      <c r="IH19" s="72">
        <v>30</v>
      </c>
      <c r="II19" s="73">
        <v>44</v>
      </c>
      <c r="IJ19" s="70">
        <v>13</v>
      </c>
      <c r="IK19" s="71">
        <v>7</v>
      </c>
      <c r="IL19" s="72">
        <v>20</v>
      </c>
      <c r="IM19" s="276"/>
      <c r="IN19" s="71">
        <v>18</v>
      </c>
      <c r="IO19" s="71">
        <v>22</v>
      </c>
      <c r="IP19" s="71">
        <v>11</v>
      </c>
      <c r="IQ19" s="71">
        <v>2</v>
      </c>
      <c r="IR19" s="71">
        <v>7</v>
      </c>
      <c r="IS19" s="72">
        <v>60</v>
      </c>
      <c r="IT19" s="73">
        <v>80</v>
      </c>
      <c r="IU19" s="70">
        <v>9</v>
      </c>
      <c r="IV19" s="71">
        <v>14</v>
      </c>
      <c r="IW19" s="72">
        <v>23</v>
      </c>
      <c r="IX19" s="276"/>
      <c r="IY19" s="71">
        <v>18</v>
      </c>
      <c r="IZ19" s="71">
        <v>18</v>
      </c>
      <c r="JA19" s="71">
        <v>12</v>
      </c>
      <c r="JB19" s="71">
        <v>8</v>
      </c>
      <c r="JC19" s="71">
        <v>5</v>
      </c>
      <c r="JD19" s="72">
        <v>61</v>
      </c>
      <c r="JE19" s="73">
        <v>84</v>
      </c>
      <c r="JF19" s="70">
        <v>5</v>
      </c>
      <c r="JG19" s="71">
        <v>5</v>
      </c>
      <c r="JH19" s="72">
        <v>10</v>
      </c>
      <c r="JI19" s="276"/>
      <c r="JJ19" s="71">
        <v>24</v>
      </c>
      <c r="JK19" s="71">
        <v>18</v>
      </c>
      <c r="JL19" s="71">
        <v>15</v>
      </c>
      <c r="JM19" s="71">
        <v>19</v>
      </c>
      <c r="JN19" s="71">
        <v>8</v>
      </c>
      <c r="JO19" s="72">
        <v>84</v>
      </c>
      <c r="JP19" s="73">
        <v>94</v>
      </c>
      <c r="JQ19" s="70">
        <v>0</v>
      </c>
      <c r="JR19" s="71">
        <v>0</v>
      </c>
      <c r="JS19" s="72">
        <v>0</v>
      </c>
      <c r="JT19" s="276"/>
      <c r="JU19" s="71">
        <v>0</v>
      </c>
      <c r="JV19" s="71">
        <v>0</v>
      </c>
      <c r="JW19" s="71">
        <v>0</v>
      </c>
      <c r="JX19" s="71">
        <v>0</v>
      </c>
      <c r="JY19" s="71">
        <v>0</v>
      </c>
      <c r="JZ19" s="72">
        <v>0</v>
      </c>
      <c r="KA19" s="73">
        <v>0</v>
      </c>
      <c r="KB19" s="70">
        <v>43</v>
      </c>
      <c r="KC19" s="71">
        <v>40</v>
      </c>
      <c r="KD19" s="72">
        <v>83</v>
      </c>
      <c r="KE19" s="276"/>
      <c r="KF19" s="71">
        <v>76</v>
      </c>
      <c r="KG19" s="71">
        <v>80</v>
      </c>
      <c r="KH19" s="71">
        <v>50</v>
      </c>
      <c r="KI19" s="71">
        <v>44</v>
      </c>
      <c r="KJ19" s="71">
        <v>26</v>
      </c>
      <c r="KK19" s="72">
        <v>276</v>
      </c>
      <c r="KL19" s="73">
        <v>359</v>
      </c>
    </row>
    <row r="20" spans="1:298" ht="19.5" customHeight="1" x14ac:dyDescent="0.2">
      <c r="A20" s="129" t="s">
        <v>17</v>
      </c>
      <c r="B20" s="350">
        <v>39</v>
      </c>
      <c r="C20" s="82">
        <v>45</v>
      </c>
      <c r="D20" s="83">
        <v>84</v>
      </c>
      <c r="E20" s="273"/>
      <c r="F20" s="82">
        <v>69</v>
      </c>
      <c r="G20" s="82">
        <v>90</v>
      </c>
      <c r="H20" s="82">
        <v>53</v>
      </c>
      <c r="I20" s="82">
        <v>39</v>
      </c>
      <c r="J20" s="82">
        <v>19</v>
      </c>
      <c r="K20" s="84">
        <v>270</v>
      </c>
      <c r="L20" s="85">
        <v>354</v>
      </c>
      <c r="M20" s="70">
        <v>2</v>
      </c>
      <c r="N20" s="71">
        <v>3</v>
      </c>
      <c r="O20" s="72">
        <v>5</v>
      </c>
      <c r="P20" s="276"/>
      <c r="Q20" s="71">
        <v>3</v>
      </c>
      <c r="R20" s="71">
        <v>7</v>
      </c>
      <c r="S20" s="71">
        <v>3</v>
      </c>
      <c r="T20" s="71">
        <v>3</v>
      </c>
      <c r="U20" s="71">
        <v>1</v>
      </c>
      <c r="V20" s="72">
        <v>17</v>
      </c>
      <c r="W20" s="73">
        <v>22</v>
      </c>
      <c r="X20" s="70">
        <v>7</v>
      </c>
      <c r="Y20" s="71">
        <v>3</v>
      </c>
      <c r="Z20" s="72">
        <v>10</v>
      </c>
      <c r="AA20" s="276"/>
      <c r="AB20" s="71">
        <v>7</v>
      </c>
      <c r="AC20" s="71">
        <v>9</v>
      </c>
      <c r="AD20" s="71">
        <v>9</v>
      </c>
      <c r="AE20" s="71">
        <v>3</v>
      </c>
      <c r="AF20" s="71">
        <v>3</v>
      </c>
      <c r="AG20" s="72">
        <v>31</v>
      </c>
      <c r="AH20" s="73">
        <v>41</v>
      </c>
      <c r="AI20" s="70">
        <v>3</v>
      </c>
      <c r="AJ20" s="71">
        <v>3</v>
      </c>
      <c r="AK20" s="72">
        <v>6</v>
      </c>
      <c r="AL20" s="276"/>
      <c r="AM20" s="71">
        <v>14</v>
      </c>
      <c r="AN20" s="71">
        <v>15</v>
      </c>
      <c r="AO20" s="71">
        <v>7</v>
      </c>
      <c r="AP20" s="71">
        <v>6</v>
      </c>
      <c r="AQ20" s="71">
        <v>3</v>
      </c>
      <c r="AR20" s="72">
        <v>45</v>
      </c>
      <c r="AS20" s="73">
        <v>51</v>
      </c>
      <c r="AT20" s="70">
        <v>8</v>
      </c>
      <c r="AU20" s="71">
        <v>9</v>
      </c>
      <c r="AV20" s="72">
        <v>17</v>
      </c>
      <c r="AW20" s="276"/>
      <c r="AX20" s="71">
        <v>14</v>
      </c>
      <c r="AY20" s="71">
        <v>18</v>
      </c>
      <c r="AZ20" s="71">
        <v>16</v>
      </c>
      <c r="BA20" s="71">
        <v>10</v>
      </c>
      <c r="BB20" s="71">
        <v>2</v>
      </c>
      <c r="BC20" s="72">
        <v>60</v>
      </c>
      <c r="BD20" s="73">
        <v>77</v>
      </c>
      <c r="BE20" s="70">
        <v>9</v>
      </c>
      <c r="BF20" s="71">
        <v>14</v>
      </c>
      <c r="BG20" s="72">
        <v>23</v>
      </c>
      <c r="BH20" s="276"/>
      <c r="BI20" s="71">
        <v>17</v>
      </c>
      <c r="BJ20" s="71">
        <v>21</v>
      </c>
      <c r="BK20" s="71">
        <v>9</v>
      </c>
      <c r="BL20" s="71">
        <v>11</v>
      </c>
      <c r="BM20" s="71">
        <v>8</v>
      </c>
      <c r="BN20" s="72">
        <v>66</v>
      </c>
      <c r="BO20" s="73">
        <v>89</v>
      </c>
      <c r="BP20" s="70">
        <v>10</v>
      </c>
      <c r="BQ20" s="71">
        <v>13</v>
      </c>
      <c r="BR20" s="72">
        <v>23</v>
      </c>
      <c r="BS20" s="276"/>
      <c r="BT20" s="71">
        <v>14</v>
      </c>
      <c r="BU20" s="71">
        <v>20</v>
      </c>
      <c r="BV20" s="71">
        <v>9</v>
      </c>
      <c r="BW20" s="71">
        <v>6</v>
      </c>
      <c r="BX20" s="71">
        <v>2</v>
      </c>
      <c r="BY20" s="72">
        <v>51</v>
      </c>
      <c r="BZ20" s="73">
        <v>74</v>
      </c>
      <c r="CA20" s="70">
        <v>0</v>
      </c>
      <c r="CB20" s="71">
        <v>0</v>
      </c>
      <c r="CC20" s="72">
        <v>0</v>
      </c>
      <c r="CD20" s="276"/>
      <c r="CE20" s="71">
        <v>0</v>
      </c>
      <c r="CF20" s="71">
        <v>0</v>
      </c>
      <c r="CG20" s="71">
        <v>0</v>
      </c>
      <c r="CH20" s="71">
        <v>0</v>
      </c>
      <c r="CI20" s="71">
        <v>0</v>
      </c>
      <c r="CJ20" s="72">
        <v>0</v>
      </c>
      <c r="CK20" s="73">
        <v>0</v>
      </c>
      <c r="CL20" s="70">
        <v>39</v>
      </c>
      <c r="CM20" s="71">
        <v>45</v>
      </c>
      <c r="CN20" s="72">
        <v>84</v>
      </c>
      <c r="CO20" s="276"/>
      <c r="CP20" s="71">
        <v>69</v>
      </c>
      <c r="CQ20" s="71">
        <v>90</v>
      </c>
      <c r="CR20" s="71">
        <v>53</v>
      </c>
      <c r="CS20" s="71">
        <v>39</v>
      </c>
      <c r="CT20" s="71">
        <v>19</v>
      </c>
      <c r="CU20" s="72">
        <v>270</v>
      </c>
      <c r="CV20" s="73">
        <v>354</v>
      </c>
      <c r="CW20" s="126">
        <v>21</v>
      </c>
      <c r="CX20" s="82">
        <v>19</v>
      </c>
      <c r="CY20" s="83">
        <v>40</v>
      </c>
      <c r="CZ20" s="273"/>
      <c r="DA20" s="82">
        <v>31</v>
      </c>
      <c r="DB20" s="82">
        <v>29</v>
      </c>
      <c r="DC20" s="82">
        <v>34</v>
      </c>
      <c r="DD20" s="82">
        <v>21</v>
      </c>
      <c r="DE20" s="82">
        <v>19</v>
      </c>
      <c r="DF20" s="84">
        <v>134</v>
      </c>
      <c r="DG20" s="85">
        <v>174</v>
      </c>
      <c r="DH20" s="70">
        <v>1</v>
      </c>
      <c r="DI20" s="71">
        <v>0</v>
      </c>
      <c r="DJ20" s="72">
        <v>1</v>
      </c>
      <c r="DK20" s="276"/>
      <c r="DL20" s="71">
        <v>0</v>
      </c>
      <c r="DM20" s="71">
        <v>1</v>
      </c>
      <c r="DN20" s="71">
        <v>0</v>
      </c>
      <c r="DO20" s="71">
        <v>0</v>
      </c>
      <c r="DP20" s="71">
        <v>1</v>
      </c>
      <c r="DQ20" s="72">
        <v>2</v>
      </c>
      <c r="DR20" s="73">
        <v>3</v>
      </c>
      <c r="DS20" s="70">
        <v>2</v>
      </c>
      <c r="DT20" s="71">
        <v>2</v>
      </c>
      <c r="DU20" s="72">
        <v>4</v>
      </c>
      <c r="DV20" s="276"/>
      <c r="DW20" s="71">
        <v>1</v>
      </c>
      <c r="DX20" s="71">
        <v>2</v>
      </c>
      <c r="DY20" s="71">
        <v>3</v>
      </c>
      <c r="DZ20" s="71">
        <v>0</v>
      </c>
      <c r="EA20" s="71">
        <v>1</v>
      </c>
      <c r="EB20" s="72">
        <v>7</v>
      </c>
      <c r="EC20" s="73">
        <v>11</v>
      </c>
      <c r="ED20" s="70">
        <v>4</v>
      </c>
      <c r="EE20" s="71">
        <v>4</v>
      </c>
      <c r="EF20" s="72">
        <v>8</v>
      </c>
      <c r="EG20" s="276"/>
      <c r="EH20" s="71">
        <v>5</v>
      </c>
      <c r="EI20" s="71">
        <v>0</v>
      </c>
      <c r="EJ20" s="71">
        <v>2</v>
      </c>
      <c r="EK20" s="71">
        <v>2</v>
      </c>
      <c r="EL20" s="71">
        <v>0</v>
      </c>
      <c r="EM20" s="72">
        <v>9</v>
      </c>
      <c r="EN20" s="73">
        <v>17</v>
      </c>
      <c r="EO20" s="70">
        <v>4</v>
      </c>
      <c r="EP20" s="71">
        <v>7</v>
      </c>
      <c r="EQ20" s="72">
        <v>11</v>
      </c>
      <c r="ER20" s="276"/>
      <c r="ES20" s="71">
        <v>10</v>
      </c>
      <c r="ET20" s="71">
        <v>5</v>
      </c>
      <c r="EU20" s="71">
        <v>8</v>
      </c>
      <c r="EV20" s="71">
        <v>1</v>
      </c>
      <c r="EW20" s="71">
        <v>4</v>
      </c>
      <c r="EX20" s="72">
        <v>28</v>
      </c>
      <c r="EY20" s="73">
        <v>39</v>
      </c>
      <c r="EZ20" s="70">
        <v>8</v>
      </c>
      <c r="FA20" s="71">
        <v>5</v>
      </c>
      <c r="FB20" s="72">
        <v>13</v>
      </c>
      <c r="FC20" s="276"/>
      <c r="FD20" s="71">
        <v>7</v>
      </c>
      <c r="FE20" s="71">
        <v>6</v>
      </c>
      <c r="FF20" s="71">
        <v>11</v>
      </c>
      <c r="FG20" s="71">
        <v>4</v>
      </c>
      <c r="FH20" s="71">
        <v>4</v>
      </c>
      <c r="FI20" s="72">
        <v>32</v>
      </c>
      <c r="FJ20" s="73">
        <v>45</v>
      </c>
      <c r="FK20" s="70">
        <v>2</v>
      </c>
      <c r="FL20" s="71">
        <v>1</v>
      </c>
      <c r="FM20" s="72">
        <v>3</v>
      </c>
      <c r="FN20" s="276"/>
      <c r="FO20" s="71">
        <v>8</v>
      </c>
      <c r="FP20" s="71">
        <v>15</v>
      </c>
      <c r="FQ20" s="71">
        <v>10</v>
      </c>
      <c r="FR20" s="71">
        <v>14</v>
      </c>
      <c r="FS20" s="71">
        <v>9</v>
      </c>
      <c r="FT20" s="72">
        <v>56</v>
      </c>
      <c r="FU20" s="73">
        <v>59</v>
      </c>
      <c r="FV20" s="70">
        <v>0</v>
      </c>
      <c r="FW20" s="71">
        <v>0</v>
      </c>
      <c r="FX20" s="72">
        <v>0</v>
      </c>
      <c r="FY20" s="276"/>
      <c r="FZ20" s="71">
        <v>0</v>
      </c>
      <c r="GA20" s="71">
        <v>0</v>
      </c>
      <c r="GB20" s="71">
        <v>0</v>
      </c>
      <c r="GC20" s="71">
        <v>0</v>
      </c>
      <c r="GD20" s="71">
        <v>0</v>
      </c>
      <c r="GE20" s="72">
        <v>0</v>
      </c>
      <c r="GF20" s="73">
        <v>0</v>
      </c>
      <c r="GG20" s="70">
        <v>21</v>
      </c>
      <c r="GH20" s="71">
        <v>19</v>
      </c>
      <c r="GI20" s="72">
        <v>40</v>
      </c>
      <c r="GJ20" s="276"/>
      <c r="GK20" s="71">
        <v>31</v>
      </c>
      <c r="GL20" s="71">
        <v>29</v>
      </c>
      <c r="GM20" s="71">
        <v>34</v>
      </c>
      <c r="GN20" s="71">
        <v>21</v>
      </c>
      <c r="GO20" s="71">
        <v>19</v>
      </c>
      <c r="GP20" s="72">
        <v>134</v>
      </c>
      <c r="GQ20" s="73">
        <v>174</v>
      </c>
      <c r="GR20" s="126">
        <v>60</v>
      </c>
      <c r="GS20" s="82">
        <v>64</v>
      </c>
      <c r="GT20" s="83">
        <v>124</v>
      </c>
      <c r="GU20" s="273"/>
      <c r="GV20" s="82">
        <v>100</v>
      </c>
      <c r="GW20" s="82">
        <v>119</v>
      </c>
      <c r="GX20" s="82">
        <v>87</v>
      </c>
      <c r="GY20" s="82">
        <v>60</v>
      </c>
      <c r="GZ20" s="82">
        <v>38</v>
      </c>
      <c r="HA20" s="84">
        <v>404</v>
      </c>
      <c r="HB20" s="85">
        <v>528</v>
      </c>
      <c r="HC20" s="70">
        <v>3</v>
      </c>
      <c r="HD20" s="71">
        <v>3</v>
      </c>
      <c r="HE20" s="72">
        <v>6</v>
      </c>
      <c r="HF20" s="276"/>
      <c r="HG20" s="71">
        <v>3</v>
      </c>
      <c r="HH20" s="71">
        <v>8</v>
      </c>
      <c r="HI20" s="71">
        <v>3</v>
      </c>
      <c r="HJ20" s="71">
        <v>3</v>
      </c>
      <c r="HK20" s="71">
        <v>2</v>
      </c>
      <c r="HL20" s="72">
        <v>19</v>
      </c>
      <c r="HM20" s="73">
        <v>25</v>
      </c>
      <c r="HN20" s="70">
        <v>9</v>
      </c>
      <c r="HO20" s="71">
        <v>5</v>
      </c>
      <c r="HP20" s="72">
        <v>14</v>
      </c>
      <c r="HQ20" s="276"/>
      <c r="HR20" s="71">
        <v>8</v>
      </c>
      <c r="HS20" s="71">
        <v>11</v>
      </c>
      <c r="HT20" s="71">
        <v>12</v>
      </c>
      <c r="HU20" s="71">
        <v>3</v>
      </c>
      <c r="HV20" s="71">
        <v>4</v>
      </c>
      <c r="HW20" s="72">
        <v>38</v>
      </c>
      <c r="HX20" s="73">
        <v>52</v>
      </c>
      <c r="HY20" s="70">
        <v>7</v>
      </c>
      <c r="HZ20" s="71">
        <v>7</v>
      </c>
      <c r="IA20" s="72">
        <v>14</v>
      </c>
      <c r="IB20" s="276"/>
      <c r="IC20" s="71">
        <v>19</v>
      </c>
      <c r="ID20" s="71">
        <v>15</v>
      </c>
      <c r="IE20" s="71">
        <v>9</v>
      </c>
      <c r="IF20" s="71">
        <v>8</v>
      </c>
      <c r="IG20" s="71">
        <v>3</v>
      </c>
      <c r="IH20" s="72">
        <v>54</v>
      </c>
      <c r="II20" s="73">
        <v>68</v>
      </c>
      <c r="IJ20" s="70">
        <v>12</v>
      </c>
      <c r="IK20" s="71">
        <v>16</v>
      </c>
      <c r="IL20" s="72">
        <v>28</v>
      </c>
      <c r="IM20" s="276"/>
      <c r="IN20" s="71">
        <v>24</v>
      </c>
      <c r="IO20" s="71">
        <v>23</v>
      </c>
      <c r="IP20" s="71">
        <v>24</v>
      </c>
      <c r="IQ20" s="71">
        <v>11</v>
      </c>
      <c r="IR20" s="71">
        <v>6</v>
      </c>
      <c r="IS20" s="72">
        <v>88</v>
      </c>
      <c r="IT20" s="73">
        <v>116</v>
      </c>
      <c r="IU20" s="70">
        <v>17</v>
      </c>
      <c r="IV20" s="71">
        <v>19</v>
      </c>
      <c r="IW20" s="72">
        <v>36</v>
      </c>
      <c r="IX20" s="276"/>
      <c r="IY20" s="71">
        <v>24</v>
      </c>
      <c r="IZ20" s="71">
        <v>27</v>
      </c>
      <c r="JA20" s="71">
        <v>20</v>
      </c>
      <c r="JB20" s="71">
        <v>15</v>
      </c>
      <c r="JC20" s="71">
        <v>12</v>
      </c>
      <c r="JD20" s="72">
        <v>98</v>
      </c>
      <c r="JE20" s="73">
        <v>134</v>
      </c>
      <c r="JF20" s="70">
        <v>12</v>
      </c>
      <c r="JG20" s="71">
        <v>14</v>
      </c>
      <c r="JH20" s="72">
        <v>26</v>
      </c>
      <c r="JI20" s="276"/>
      <c r="JJ20" s="71">
        <v>22</v>
      </c>
      <c r="JK20" s="71">
        <v>35</v>
      </c>
      <c r="JL20" s="71">
        <v>19</v>
      </c>
      <c r="JM20" s="71">
        <v>20</v>
      </c>
      <c r="JN20" s="71">
        <v>11</v>
      </c>
      <c r="JO20" s="72">
        <v>107</v>
      </c>
      <c r="JP20" s="73">
        <v>133</v>
      </c>
      <c r="JQ20" s="70">
        <v>0</v>
      </c>
      <c r="JR20" s="71">
        <v>0</v>
      </c>
      <c r="JS20" s="72">
        <v>0</v>
      </c>
      <c r="JT20" s="276"/>
      <c r="JU20" s="71">
        <v>0</v>
      </c>
      <c r="JV20" s="71">
        <v>0</v>
      </c>
      <c r="JW20" s="71">
        <v>0</v>
      </c>
      <c r="JX20" s="71">
        <v>0</v>
      </c>
      <c r="JY20" s="71">
        <v>0</v>
      </c>
      <c r="JZ20" s="72">
        <v>0</v>
      </c>
      <c r="KA20" s="73">
        <v>0</v>
      </c>
      <c r="KB20" s="70">
        <v>60</v>
      </c>
      <c r="KC20" s="71">
        <v>64</v>
      </c>
      <c r="KD20" s="72">
        <v>124</v>
      </c>
      <c r="KE20" s="276"/>
      <c r="KF20" s="71">
        <v>100</v>
      </c>
      <c r="KG20" s="71">
        <v>119</v>
      </c>
      <c r="KH20" s="71">
        <v>87</v>
      </c>
      <c r="KI20" s="71">
        <v>60</v>
      </c>
      <c r="KJ20" s="71">
        <v>38</v>
      </c>
      <c r="KK20" s="72">
        <v>404</v>
      </c>
      <c r="KL20" s="73">
        <v>528</v>
      </c>
    </row>
    <row r="21" spans="1:298" ht="19.5" customHeight="1" x14ac:dyDescent="0.2">
      <c r="A21" s="129" t="s">
        <v>18</v>
      </c>
      <c r="B21" s="350">
        <v>57</v>
      </c>
      <c r="C21" s="82">
        <v>47</v>
      </c>
      <c r="D21" s="83">
        <v>104</v>
      </c>
      <c r="E21" s="273"/>
      <c r="F21" s="82">
        <v>109</v>
      </c>
      <c r="G21" s="82">
        <v>94</v>
      </c>
      <c r="H21" s="82">
        <v>42</v>
      </c>
      <c r="I21" s="82">
        <v>51</v>
      </c>
      <c r="J21" s="82">
        <v>25</v>
      </c>
      <c r="K21" s="84">
        <v>321</v>
      </c>
      <c r="L21" s="85">
        <v>425</v>
      </c>
      <c r="M21" s="70">
        <v>2</v>
      </c>
      <c r="N21" s="71">
        <v>3</v>
      </c>
      <c r="O21" s="72">
        <v>5</v>
      </c>
      <c r="P21" s="276"/>
      <c r="Q21" s="71">
        <v>4</v>
      </c>
      <c r="R21" s="71">
        <v>4</v>
      </c>
      <c r="S21" s="71">
        <v>5</v>
      </c>
      <c r="T21" s="71">
        <v>2</v>
      </c>
      <c r="U21" s="71">
        <v>2</v>
      </c>
      <c r="V21" s="72">
        <v>17</v>
      </c>
      <c r="W21" s="73">
        <v>22</v>
      </c>
      <c r="X21" s="70">
        <v>8</v>
      </c>
      <c r="Y21" s="71">
        <v>5</v>
      </c>
      <c r="Z21" s="72">
        <v>13</v>
      </c>
      <c r="AA21" s="276"/>
      <c r="AB21" s="71">
        <v>9</v>
      </c>
      <c r="AC21" s="71">
        <v>15</v>
      </c>
      <c r="AD21" s="71">
        <v>6</v>
      </c>
      <c r="AE21" s="71">
        <v>6</v>
      </c>
      <c r="AF21" s="71">
        <v>1</v>
      </c>
      <c r="AG21" s="72">
        <v>37</v>
      </c>
      <c r="AH21" s="73">
        <v>50</v>
      </c>
      <c r="AI21" s="70">
        <v>10</v>
      </c>
      <c r="AJ21" s="71">
        <v>1</v>
      </c>
      <c r="AK21" s="72">
        <v>11</v>
      </c>
      <c r="AL21" s="276"/>
      <c r="AM21" s="71">
        <v>16</v>
      </c>
      <c r="AN21" s="71">
        <v>12</v>
      </c>
      <c r="AO21" s="71">
        <v>6</v>
      </c>
      <c r="AP21" s="71">
        <v>8</v>
      </c>
      <c r="AQ21" s="71">
        <v>5</v>
      </c>
      <c r="AR21" s="72">
        <v>47</v>
      </c>
      <c r="AS21" s="73">
        <v>58</v>
      </c>
      <c r="AT21" s="70">
        <v>14</v>
      </c>
      <c r="AU21" s="71">
        <v>9</v>
      </c>
      <c r="AV21" s="72">
        <v>23</v>
      </c>
      <c r="AW21" s="276"/>
      <c r="AX21" s="71">
        <v>25</v>
      </c>
      <c r="AY21" s="71">
        <v>24</v>
      </c>
      <c r="AZ21" s="71">
        <v>8</v>
      </c>
      <c r="BA21" s="71">
        <v>14</v>
      </c>
      <c r="BB21" s="71">
        <v>4</v>
      </c>
      <c r="BC21" s="72">
        <v>75</v>
      </c>
      <c r="BD21" s="73">
        <v>98</v>
      </c>
      <c r="BE21" s="70">
        <v>12</v>
      </c>
      <c r="BF21" s="71">
        <v>14</v>
      </c>
      <c r="BG21" s="72">
        <v>26</v>
      </c>
      <c r="BH21" s="276"/>
      <c r="BI21" s="71">
        <v>29</v>
      </c>
      <c r="BJ21" s="71">
        <v>17</v>
      </c>
      <c r="BK21" s="71">
        <v>8</v>
      </c>
      <c r="BL21" s="71">
        <v>6</v>
      </c>
      <c r="BM21" s="71">
        <v>6</v>
      </c>
      <c r="BN21" s="72">
        <v>66</v>
      </c>
      <c r="BO21" s="73">
        <v>92</v>
      </c>
      <c r="BP21" s="70">
        <v>11</v>
      </c>
      <c r="BQ21" s="71">
        <v>15</v>
      </c>
      <c r="BR21" s="72">
        <v>26</v>
      </c>
      <c r="BS21" s="276"/>
      <c r="BT21" s="71">
        <v>26</v>
      </c>
      <c r="BU21" s="71">
        <v>22</v>
      </c>
      <c r="BV21" s="71">
        <v>9</v>
      </c>
      <c r="BW21" s="71">
        <v>15</v>
      </c>
      <c r="BX21" s="71">
        <v>7</v>
      </c>
      <c r="BY21" s="72">
        <v>79</v>
      </c>
      <c r="BZ21" s="73">
        <v>105</v>
      </c>
      <c r="CA21" s="70">
        <v>0</v>
      </c>
      <c r="CB21" s="71">
        <v>0</v>
      </c>
      <c r="CC21" s="72">
        <v>0</v>
      </c>
      <c r="CD21" s="276"/>
      <c r="CE21" s="71">
        <v>0</v>
      </c>
      <c r="CF21" s="71">
        <v>0</v>
      </c>
      <c r="CG21" s="71">
        <v>0</v>
      </c>
      <c r="CH21" s="71">
        <v>0</v>
      </c>
      <c r="CI21" s="71">
        <v>0</v>
      </c>
      <c r="CJ21" s="72">
        <v>0</v>
      </c>
      <c r="CK21" s="73">
        <v>0</v>
      </c>
      <c r="CL21" s="70">
        <v>57</v>
      </c>
      <c r="CM21" s="71">
        <v>47</v>
      </c>
      <c r="CN21" s="72">
        <v>104</v>
      </c>
      <c r="CO21" s="276"/>
      <c r="CP21" s="71">
        <v>109</v>
      </c>
      <c r="CQ21" s="71">
        <v>94</v>
      </c>
      <c r="CR21" s="71">
        <v>42</v>
      </c>
      <c r="CS21" s="71">
        <v>51</v>
      </c>
      <c r="CT21" s="71">
        <v>25</v>
      </c>
      <c r="CU21" s="72">
        <v>321</v>
      </c>
      <c r="CV21" s="73">
        <v>425</v>
      </c>
      <c r="CW21" s="126">
        <v>23</v>
      </c>
      <c r="CX21" s="82">
        <v>30</v>
      </c>
      <c r="CY21" s="83">
        <v>53</v>
      </c>
      <c r="CZ21" s="273"/>
      <c r="DA21" s="82">
        <v>34</v>
      </c>
      <c r="DB21" s="82">
        <v>53</v>
      </c>
      <c r="DC21" s="82">
        <v>29</v>
      </c>
      <c r="DD21" s="82">
        <v>28</v>
      </c>
      <c r="DE21" s="82">
        <v>22</v>
      </c>
      <c r="DF21" s="84">
        <v>166</v>
      </c>
      <c r="DG21" s="85">
        <v>219</v>
      </c>
      <c r="DH21" s="70">
        <v>0</v>
      </c>
      <c r="DI21" s="71">
        <v>2</v>
      </c>
      <c r="DJ21" s="72">
        <v>2</v>
      </c>
      <c r="DK21" s="276"/>
      <c r="DL21" s="71">
        <v>1</v>
      </c>
      <c r="DM21" s="71">
        <v>0</v>
      </c>
      <c r="DN21" s="71">
        <v>1</v>
      </c>
      <c r="DO21" s="71">
        <v>0</v>
      </c>
      <c r="DP21" s="71">
        <v>1</v>
      </c>
      <c r="DQ21" s="72">
        <v>3</v>
      </c>
      <c r="DR21" s="73">
        <v>5</v>
      </c>
      <c r="DS21" s="70">
        <v>4</v>
      </c>
      <c r="DT21" s="71">
        <v>5</v>
      </c>
      <c r="DU21" s="72">
        <v>9</v>
      </c>
      <c r="DV21" s="276"/>
      <c r="DW21" s="71">
        <v>1</v>
      </c>
      <c r="DX21" s="71">
        <v>3</v>
      </c>
      <c r="DY21" s="71">
        <v>2</v>
      </c>
      <c r="DZ21" s="71">
        <v>0</v>
      </c>
      <c r="EA21" s="71">
        <v>0</v>
      </c>
      <c r="EB21" s="72">
        <v>6</v>
      </c>
      <c r="EC21" s="73">
        <v>15</v>
      </c>
      <c r="ED21" s="70">
        <v>8</v>
      </c>
      <c r="EE21" s="71">
        <v>5</v>
      </c>
      <c r="EF21" s="72">
        <v>13</v>
      </c>
      <c r="EG21" s="276"/>
      <c r="EH21" s="71">
        <v>5</v>
      </c>
      <c r="EI21" s="71">
        <v>2</v>
      </c>
      <c r="EJ21" s="71">
        <v>2</v>
      </c>
      <c r="EK21" s="71">
        <v>2</v>
      </c>
      <c r="EL21" s="71">
        <v>1</v>
      </c>
      <c r="EM21" s="72">
        <v>12</v>
      </c>
      <c r="EN21" s="73">
        <v>25</v>
      </c>
      <c r="EO21" s="70">
        <v>7</v>
      </c>
      <c r="EP21" s="71">
        <v>4</v>
      </c>
      <c r="EQ21" s="72">
        <v>11</v>
      </c>
      <c r="ER21" s="276"/>
      <c r="ES21" s="71">
        <v>7</v>
      </c>
      <c r="ET21" s="71">
        <v>8</v>
      </c>
      <c r="EU21" s="71">
        <v>5</v>
      </c>
      <c r="EV21" s="71">
        <v>6</v>
      </c>
      <c r="EW21" s="71">
        <v>5</v>
      </c>
      <c r="EX21" s="72">
        <v>31</v>
      </c>
      <c r="EY21" s="73">
        <v>42</v>
      </c>
      <c r="EZ21" s="70">
        <v>3</v>
      </c>
      <c r="FA21" s="71">
        <v>10</v>
      </c>
      <c r="FB21" s="72">
        <v>13</v>
      </c>
      <c r="FC21" s="276"/>
      <c r="FD21" s="71">
        <v>14</v>
      </c>
      <c r="FE21" s="71">
        <v>20</v>
      </c>
      <c r="FF21" s="71">
        <v>4</v>
      </c>
      <c r="FG21" s="71">
        <v>6</v>
      </c>
      <c r="FH21" s="71">
        <v>3</v>
      </c>
      <c r="FI21" s="72">
        <v>47</v>
      </c>
      <c r="FJ21" s="73">
        <v>60</v>
      </c>
      <c r="FK21" s="70">
        <v>1</v>
      </c>
      <c r="FL21" s="71">
        <v>4</v>
      </c>
      <c r="FM21" s="72">
        <v>5</v>
      </c>
      <c r="FN21" s="276"/>
      <c r="FO21" s="71">
        <v>6</v>
      </c>
      <c r="FP21" s="71">
        <v>20</v>
      </c>
      <c r="FQ21" s="71">
        <v>15</v>
      </c>
      <c r="FR21" s="71">
        <v>14</v>
      </c>
      <c r="FS21" s="71">
        <v>12</v>
      </c>
      <c r="FT21" s="72">
        <v>67</v>
      </c>
      <c r="FU21" s="73">
        <v>72</v>
      </c>
      <c r="FV21" s="70">
        <v>0</v>
      </c>
      <c r="FW21" s="71">
        <v>0</v>
      </c>
      <c r="FX21" s="72">
        <v>0</v>
      </c>
      <c r="FY21" s="276"/>
      <c r="FZ21" s="71">
        <v>0</v>
      </c>
      <c r="GA21" s="71">
        <v>0</v>
      </c>
      <c r="GB21" s="71">
        <v>0</v>
      </c>
      <c r="GC21" s="71">
        <v>0</v>
      </c>
      <c r="GD21" s="71">
        <v>0</v>
      </c>
      <c r="GE21" s="72">
        <v>0</v>
      </c>
      <c r="GF21" s="73">
        <v>0</v>
      </c>
      <c r="GG21" s="70">
        <v>23</v>
      </c>
      <c r="GH21" s="71">
        <v>30</v>
      </c>
      <c r="GI21" s="72">
        <v>53</v>
      </c>
      <c r="GJ21" s="276"/>
      <c r="GK21" s="71">
        <v>34</v>
      </c>
      <c r="GL21" s="71">
        <v>53</v>
      </c>
      <c r="GM21" s="71">
        <v>29</v>
      </c>
      <c r="GN21" s="71">
        <v>28</v>
      </c>
      <c r="GO21" s="71">
        <v>22</v>
      </c>
      <c r="GP21" s="72">
        <v>166</v>
      </c>
      <c r="GQ21" s="73">
        <v>219</v>
      </c>
      <c r="GR21" s="126">
        <v>80</v>
      </c>
      <c r="GS21" s="82">
        <v>77</v>
      </c>
      <c r="GT21" s="83">
        <v>157</v>
      </c>
      <c r="GU21" s="273"/>
      <c r="GV21" s="82">
        <v>143</v>
      </c>
      <c r="GW21" s="82">
        <v>147</v>
      </c>
      <c r="GX21" s="82">
        <v>71</v>
      </c>
      <c r="GY21" s="82">
        <v>79</v>
      </c>
      <c r="GZ21" s="82">
        <v>47</v>
      </c>
      <c r="HA21" s="84">
        <v>487</v>
      </c>
      <c r="HB21" s="85">
        <v>644</v>
      </c>
      <c r="HC21" s="70">
        <v>2</v>
      </c>
      <c r="HD21" s="71">
        <v>5</v>
      </c>
      <c r="HE21" s="72">
        <v>7</v>
      </c>
      <c r="HF21" s="276"/>
      <c r="HG21" s="71">
        <v>5</v>
      </c>
      <c r="HH21" s="71">
        <v>4</v>
      </c>
      <c r="HI21" s="71">
        <v>6</v>
      </c>
      <c r="HJ21" s="71">
        <v>2</v>
      </c>
      <c r="HK21" s="71">
        <v>3</v>
      </c>
      <c r="HL21" s="72">
        <v>20</v>
      </c>
      <c r="HM21" s="73">
        <v>27</v>
      </c>
      <c r="HN21" s="70">
        <v>12</v>
      </c>
      <c r="HO21" s="71">
        <v>10</v>
      </c>
      <c r="HP21" s="72">
        <v>22</v>
      </c>
      <c r="HQ21" s="276"/>
      <c r="HR21" s="71">
        <v>10</v>
      </c>
      <c r="HS21" s="71">
        <v>18</v>
      </c>
      <c r="HT21" s="71">
        <v>8</v>
      </c>
      <c r="HU21" s="71">
        <v>6</v>
      </c>
      <c r="HV21" s="71">
        <v>1</v>
      </c>
      <c r="HW21" s="72">
        <v>43</v>
      </c>
      <c r="HX21" s="73">
        <v>65</v>
      </c>
      <c r="HY21" s="70">
        <v>18</v>
      </c>
      <c r="HZ21" s="71">
        <v>6</v>
      </c>
      <c r="IA21" s="72">
        <v>24</v>
      </c>
      <c r="IB21" s="276"/>
      <c r="IC21" s="71">
        <v>21</v>
      </c>
      <c r="ID21" s="71">
        <v>14</v>
      </c>
      <c r="IE21" s="71">
        <v>8</v>
      </c>
      <c r="IF21" s="71">
        <v>10</v>
      </c>
      <c r="IG21" s="71">
        <v>6</v>
      </c>
      <c r="IH21" s="72">
        <v>59</v>
      </c>
      <c r="II21" s="73">
        <v>83</v>
      </c>
      <c r="IJ21" s="70">
        <v>21</v>
      </c>
      <c r="IK21" s="71">
        <v>13</v>
      </c>
      <c r="IL21" s="72">
        <v>34</v>
      </c>
      <c r="IM21" s="276"/>
      <c r="IN21" s="71">
        <v>32</v>
      </c>
      <c r="IO21" s="71">
        <v>32</v>
      </c>
      <c r="IP21" s="71">
        <v>13</v>
      </c>
      <c r="IQ21" s="71">
        <v>20</v>
      </c>
      <c r="IR21" s="71">
        <v>9</v>
      </c>
      <c r="IS21" s="72">
        <v>106</v>
      </c>
      <c r="IT21" s="73">
        <v>140</v>
      </c>
      <c r="IU21" s="70">
        <v>15</v>
      </c>
      <c r="IV21" s="71">
        <v>24</v>
      </c>
      <c r="IW21" s="72">
        <v>39</v>
      </c>
      <c r="IX21" s="276"/>
      <c r="IY21" s="71">
        <v>43</v>
      </c>
      <c r="IZ21" s="71">
        <v>37</v>
      </c>
      <c r="JA21" s="71">
        <v>12</v>
      </c>
      <c r="JB21" s="71">
        <v>12</v>
      </c>
      <c r="JC21" s="71">
        <v>9</v>
      </c>
      <c r="JD21" s="72">
        <v>113</v>
      </c>
      <c r="JE21" s="73">
        <v>152</v>
      </c>
      <c r="JF21" s="70">
        <v>12</v>
      </c>
      <c r="JG21" s="71">
        <v>19</v>
      </c>
      <c r="JH21" s="72">
        <v>31</v>
      </c>
      <c r="JI21" s="276"/>
      <c r="JJ21" s="71">
        <v>32</v>
      </c>
      <c r="JK21" s="71">
        <v>42</v>
      </c>
      <c r="JL21" s="71">
        <v>24</v>
      </c>
      <c r="JM21" s="71">
        <v>29</v>
      </c>
      <c r="JN21" s="71">
        <v>19</v>
      </c>
      <c r="JO21" s="72">
        <v>146</v>
      </c>
      <c r="JP21" s="73">
        <v>177</v>
      </c>
      <c r="JQ21" s="70">
        <v>0</v>
      </c>
      <c r="JR21" s="71">
        <v>0</v>
      </c>
      <c r="JS21" s="72">
        <v>0</v>
      </c>
      <c r="JT21" s="276"/>
      <c r="JU21" s="71">
        <v>0</v>
      </c>
      <c r="JV21" s="71">
        <v>0</v>
      </c>
      <c r="JW21" s="71">
        <v>0</v>
      </c>
      <c r="JX21" s="71">
        <v>0</v>
      </c>
      <c r="JY21" s="71">
        <v>0</v>
      </c>
      <c r="JZ21" s="72">
        <v>0</v>
      </c>
      <c r="KA21" s="73">
        <v>0</v>
      </c>
      <c r="KB21" s="70">
        <v>80</v>
      </c>
      <c r="KC21" s="71">
        <v>77</v>
      </c>
      <c r="KD21" s="72">
        <v>157</v>
      </c>
      <c r="KE21" s="276"/>
      <c r="KF21" s="71">
        <v>143</v>
      </c>
      <c r="KG21" s="71">
        <v>147</v>
      </c>
      <c r="KH21" s="71">
        <v>71</v>
      </c>
      <c r="KI21" s="71">
        <v>79</v>
      </c>
      <c r="KJ21" s="71">
        <v>47</v>
      </c>
      <c r="KK21" s="72">
        <v>487</v>
      </c>
      <c r="KL21" s="73">
        <v>644</v>
      </c>
    </row>
    <row r="22" spans="1:298" ht="19.5" customHeight="1" x14ac:dyDescent="0.2">
      <c r="A22" s="129" t="s">
        <v>19</v>
      </c>
      <c r="B22" s="350">
        <v>20</v>
      </c>
      <c r="C22" s="82">
        <v>23</v>
      </c>
      <c r="D22" s="83">
        <v>43</v>
      </c>
      <c r="E22" s="273"/>
      <c r="F22" s="82">
        <v>46</v>
      </c>
      <c r="G22" s="82">
        <v>36</v>
      </c>
      <c r="H22" s="82">
        <v>25</v>
      </c>
      <c r="I22" s="82">
        <v>11</v>
      </c>
      <c r="J22" s="82">
        <v>12</v>
      </c>
      <c r="K22" s="84">
        <v>130</v>
      </c>
      <c r="L22" s="85">
        <v>173</v>
      </c>
      <c r="M22" s="86">
        <v>2</v>
      </c>
      <c r="N22" s="71">
        <v>0</v>
      </c>
      <c r="O22" s="72">
        <v>2</v>
      </c>
      <c r="P22" s="276"/>
      <c r="Q22" s="71">
        <v>1</v>
      </c>
      <c r="R22" s="71">
        <v>1</v>
      </c>
      <c r="S22" s="71">
        <v>0</v>
      </c>
      <c r="T22" s="71">
        <v>0</v>
      </c>
      <c r="U22" s="71">
        <v>1</v>
      </c>
      <c r="V22" s="72">
        <v>3</v>
      </c>
      <c r="W22" s="73">
        <v>5</v>
      </c>
      <c r="X22" s="70">
        <v>0</v>
      </c>
      <c r="Y22" s="71">
        <v>0</v>
      </c>
      <c r="Z22" s="72">
        <v>0</v>
      </c>
      <c r="AA22" s="276"/>
      <c r="AB22" s="71">
        <v>5</v>
      </c>
      <c r="AC22" s="71">
        <v>8</v>
      </c>
      <c r="AD22" s="71">
        <v>3</v>
      </c>
      <c r="AE22" s="71">
        <v>3</v>
      </c>
      <c r="AF22" s="71">
        <v>1</v>
      </c>
      <c r="AG22" s="72">
        <v>20</v>
      </c>
      <c r="AH22" s="73">
        <v>20</v>
      </c>
      <c r="AI22" s="86">
        <v>4</v>
      </c>
      <c r="AJ22" s="71">
        <v>1</v>
      </c>
      <c r="AK22" s="72">
        <v>5</v>
      </c>
      <c r="AL22" s="276"/>
      <c r="AM22" s="71">
        <v>4</v>
      </c>
      <c r="AN22" s="71">
        <v>2</v>
      </c>
      <c r="AO22" s="71">
        <v>0</v>
      </c>
      <c r="AP22" s="71">
        <v>2</v>
      </c>
      <c r="AQ22" s="71">
        <v>1</v>
      </c>
      <c r="AR22" s="72">
        <v>9</v>
      </c>
      <c r="AS22" s="73">
        <v>14</v>
      </c>
      <c r="AT22" s="70">
        <v>3</v>
      </c>
      <c r="AU22" s="71">
        <v>5</v>
      </c>
      <c r="AV22" s="72">
        <v>8</v>
      </c>
      <c r="AW22" s="276"/>
      <c r="AX22" s="71">
        <v>10</v>
      </c>
      <c r="AY22" s="71">
        <v>5</v>
      </c>
      <c r="AZ22" s="71">
        <v>4</v>
      </c>
      <c r="BA22" s="71">
        <v>2</v>
      </c>
      <c r="BB22" s="71">
        <v>1</v>
      </c>
      <c r="BC22" s="72">
        <v>22</v>
      </c>
      <c r="BD22" s="73">
        <v>30</v>
      </c>
      <c r="BE22" s="86">
        <v>9</v>
      </c>
      <c r="BF22" s="71">
        <v>8</v>
      </c>
      <c r="BG22" s="72">
        <v>17</v>
      </c>
      <c r="BH22" s="276"/>
      <c r="BI22" s="71">
        <v>11</v>
      </c>
      <c r="BJ22" s="71">
        <v>9</v>
      </c>
      <c r="BK22" s="71">
        <v>8</v>
      </c>
      <c r="BL22" s="71">
        <v>3</v>
      </c>
      <c r="BM22" s="71">
        <v>3</v>
      </c>
      <c r="BN22" s="72">
        <v>34</v>
      </c>
      <c r="BO22" s="73">
        <v>51</v>
      </c>
      <c r="BP22" s="70">
        <v>2</v>
      </c>
      <c r="BQ22" s="71">
        <v>9</v>
      </c>
      <c r="BR22" s="72">
        <v>11</v>
      </c>
      <c r="BS22" s="276"/>
      <c r="BT22" s="71">
        <v>15</v>
      </c>
      <c r="BU22" s="71">
        <v>11</v>
      </c>
      <c r="BV22" s="71">
        <v>10</v>
      </c>
      <c r="BW22" s="71">
        <v>1</v>
      </c>
      <c r="BX22" s="71">
        <v>5</v>
      </c>
      <c r="BY22" s="72">
        <v>42</v>
      </c>
      <c r="BZ22" s="73">
        <v>53</v>
      </c>
      <c r="CA22" s="70">
        <v>0</v>
      </c>
      <c r="CB22" s="71">
        <v>0</v>
      </c>
      <c r="CC22" s="72">
        <v>0</v>
      </c>
      <c r="CD22" s="276"/>
      <c r="CE22" s="71">
        <v>0</v>
      </c>
      <c r="CF22" s="71">
        <v>0</v>
      </c>
      <c r="CG22" s="71">
        <v>0</v>
      </c>
      <c r="CH22" s="71">
        <v>0</v>
      </c>
      <c r="CI22" s="71">
        <v>0</v>
      </c>
      <c r="CJ22" s="72">
        <v>0</v>
      </c>
      <c r="CK22" s="73">
        <v>0</v>
      </c>
      <c r="CL22" s="70">
        <v>20</v>
      </c>
      <c r="CM22" s="71">
        <v>23</v>
      </c>
      <c r="CN22" s="72">
        <v>43</v>
      </c>
      <c r="CO22" s="276"/>
      <c r="CP22" s="71">
        <v>46</v>
      </c>
      <c r="CQ22" s="71">
        <v>36</v>
      </c>
      <c r="CR22" s="71">
        <v>25</v>
      </c>
      <c r="CS22" s="71">
        <v>11</v>
      </c>
      <c r="CT22" s="71">
        <v>12</v>
      </c>
      <c r="CU22" s="72">
        <v>130</v>
      </c>
      <c r="CV22" s="73">
        <v>173</v>
      </c>
      <c r="CW22" s="126">
        <v>8</v>
      </c>
      <c r="CX22" s="82">
        <v>13</v>
      </c>
      <c r="CY22" s="83">
        <v>21</v>
      </c>
      <c r="CZ22" s="273"/>
      <c r="DA22" s="82">
        <v>16</v>
      </c>
      <c r="DB22" s="82">
        <v>11</v>
      </c>
      <c r="DC22" s="82">
        <v>9</v>
      </c>
      <c r="DD22" s="82">
        <v>9</v>
      </c>
      <c r="DE22" s="82">
        <v>3</v>
      </c>
      <c r="DF22" s="84">
        <v>48</v>
      </c>
      <c r="DG22" s="85">
        <v>69</v>
      </c>
      <c r="DH22" s="86">
        <v>0</v>
      </c>
      <c r="DI22" s="71">
        <v>1</v>
      </c>
      <c r="DJ22" s="72">
        <v>1</v>
      </c>
      <c r="DK22" s="276"/>
      <c r="DL22" s="71">
        <v>1</v>
      </c>
      <c r="DM22" s="71">
        <v>1</v>
      </c>
      <c r="DN22" s="71">
        <v>1</v>
      </c>
      <c r="DO22" s="71">
        <v>0</v>
      </c>
      <c r="DP22" s="71">
        <v>0</v>
      </c>
      <c r="DQ22" s="72">
        <v>3</v>
      </c>
      <c r="DR22" s="73">
        <v>4</v>
      </c>
      <c r="DS22" s="70">
        <v>0</v>
      </c>
      <c r="DT22" s="71">
        <v>0</v>
      </c>
      <c r="DU22" s="72">
        <v>0</v>
      </c>
      <c r="DV22" s="276"/>
      <c r="DW22" s="71">
        <v>2</v>
      </c>
      <c r="DX22" s="71">
        <v>1</v>
      </c>
      <c r="DY22" s="71">
        <v>0</v>
      </c>
      <c r="DZ22" s="71">
        <v>0</v>
      </c>
      <c r="EA22" s="71">
        <v>0</v>
      </c>
      <c r="EB22" s="72">
        <v>3</v>
      </c>
      <c r="EC22" s="73">
        <v>3</v>
      </c>
      <c r="ED22" s="86">
        <v>2</v>
      </c>
      <c r="EE22" s="71">
        <v>2</v>
      </c>
      <c r="EF22" s="72">
        <v>4</v>
      </c>
      <c r="EG22" s="276"/>
      <c r="EH22" s="71">
        <v>1</v>
      </c>
      <c r="EI22" s="71">
        <v>1</v>
      </c>
      <c r="EJ22" s="71">
        <v>1</v>
      </c>
      <c r="EK22" s="71">
        <v>0</v>
      </c>
      <c r="EL22" s="71">
        <v>1</v>
      </c>
      <c r="EM22" s="72">
        <v>4</v>
      </c>
      <c r="EN22" s="73">
        <v>8</v>
      </c>
      <c r="EO22" s="70">
        <v>1</v>
      </c>
      <c r="EP22" s="71">
        <v>2</v>
      </c>
      <c r="EQ22" s="72">
        <v>3</v>
      </c>
      <c r="ER22" s="276"/>
      <c r="ES22" s="71">
        <v>4</v>
      </c>
      <c r="ET22" s="71">
        <v>2</v>
      </c>
      <c r="EU22" s="71">
        <v>0</v>
      </c>
      <c r="EV22" s="71">
        <v>1</v>
      </c>
      <c r="EW22" s="71">
        <v>1</v>
      </c>
      <c r="EX22" s="72">
        <v>8</v>
      </c>
      <c r="EY22" s="73">
        <v>11</v>
      </c>
      <c r="EZ22" s="86">
        <v>1</v>
      </c>
      <c r="FA22" s="71">
        <v>2</v>
      </c>
      <c r="FB22" s="72">
        <v>3</v>
      </c>
      <c r="FC22" s="276"/>
      <c r="FD22" s="71">
        <v>4</v>
      </c>
      <c r="FE22" s="71">
        <v>5</v>
      </c>
      <c r="FF22" s="71">
        <v>3</v>
      </c>
      <c r="FG22" s="71">
        <v>3</v>
      </c>
      <c r="FH22" s="71">
        <v>0</v>
      </c>
      <c r="FI22" s="72">
        <v>15</v>
      </c>
      <c r="FJ22" s="73">
        <v>18</v>
      </c>
      <c r="FK22" s="70">
        <v>4</v>
      </c>
      <c r="FL22" s="71">
        <v>6</v>
      </c>
      <c r="FM22" s="72">
        <v>10</v>
      </c>
      <c r="FN22" s="276"/>
      <c r="FO22" s="71">
        <v>4</v>
      </c>
      <c r="FP22" s="71">
        <v>1</v>
      </c>
      <c r="FQ22" s="71">
        <v>4</v>
      </c>
      <c r="FR22" s="71">
        <v>5</v>
      </c>
      <c r="FS22" s="71">
        <v>1</v>
      </c>
      <c r="FT22" s="72">
        <v>15</v>
      </c>
      <c r="FU22" s="73">
        <v>25</v>
      </c>
      <c r="FV22" s="70">
        <v>0</v>
      </c>
      <c r="FW22" s="71">
        <v>0</v>
      </c>
      <c r="FX22" s="72">
        <v>0</v>
      </c>
      <c r="FY22" s="276"/>
      <c r="FZ22" s="71">
        <v>0</v>
      </c>
      <c r="GA22" s="71">
        <v>0</v>
      </c>
      <c r="GB22" s="71">
        <v>0</v>
      </c>
      <c r="GC22" s="71">
        <v>0</v>
      </c>
      <c r="GD22" s="71">
        <v>0</v>
      </c>
      <c r="GE22" s="72">
        <v>0</v>
      </c>
      <c r="GF22" s="73">
        <v>0</v>
      </c>
      <c r="GG22" s="70">
        <v>8</v>
      </c>
      <c r="GH22" s="71">
        <v>13</v>
      </c>
      <c r="GI22" s="72">
        <v>21</v>
      </c>
      <c r="GJ22" s="276"/>
      <c r="GK22" s="71">
        <v>16</v>
      </c>
      <c r="GL22" s="71">
        <v>11</v>
      </c>
      <c r="GM22" s="71">
        <v>9</v>
      </c>
      <c r="GN22" s="71">
        <v>9</v>
      </c>
      <c r="GO22" s="71">
        <v>3</v>
      </c>
      <c r="GP22" s="72">
        <v>48</v>
      </c>
      <c r="GQ22" s="73">
        <v>69</v>
      </c>
      <c r="GR22" s="126">
        <v>28</v>
      </c>
      <c r="GS22" s="82">
        <v>36</v>
      </c>
      <c r="GT22" s="83">
        <v>64</v>
      </c>
      <c r="GU22" s="273"/>
      <c r="GV22" s="82">
        <v>62</v>
      </c>
      <c r="GW22" s="82">
        <v>47</v>
      </c>
      <c r="GX22" s="82">
        <v>34</v>
      </c>
      <c r="GY22" s="82">
        <v>20</v>
      </c>
      <c r="GZ22" s="82">
        <v>15</v>
      </c>
      <c r="HA22" s="84">
        <v>178</v>
      </c>
      <c r="HB22" s="85">
        <v>242</v>
      </c>
      <c r="HC22" s="86">
        <v>2</v>
      </c>
      <c r="HD22" s="71">
        <v>1</v>
      </c>
      <c r="HE22" s="72">
        <v>3</v>
      </c>
      <c r="HF22" s="276"/>
      <c r="HG22" s="71">
        <v>2</v>
      </c>
      <c r="HH22" s="71">
        <v>2</v>
      </c>
      <c r="HI22" s="71">
        <v>1</v>
      </c>
      <c r="HJ22" s="71">
        <v>0</v>
      </c>
      <c r="HK22" s="71">
        <v>1</v>
      </c>
      <c r="HL22" s="72">
        <v>6</v>
      </c>
      <c r="HM22" s="73">
        <v>9</v>
      </c>
      <c r="HN22" s="70">
        <v>0</v>
      </c>
      <c r="HO22" s="71">
        <v>0</v>
      </c>
      <c r="HP22" s="72">
        <v>0</v>
      </c>
      <c r="HQ22" s="276"/>
      <c r="HR22" s="71">
        <v>7</v>
      </c>
      <c r="HS22" s="71">
        <v>9</v>
      </c>
      <c r="HT22" s="71">
        <v>3</v>
      </c>
      <c r="HU22" s="71">
        <v>3</v>
      </c>
      <c r="HV22" s="71">
        <v>1</v>
      </c>
      <c r="HW22" s="72">
        <v>23</v>
      </c>
      <c r="HX22" s="73">
        <v>23</v>
      </c>
      <c r="HY22" s="86">
        <v>6</v>
      </c>
      <c r="HZ22" s="71">
        <v>3</v>
      </c>
      <c r="IA22" s="72">
        <v>9</v>
      </c>
      <c r="IB22" s="276"/>
      <c r="IC22" s="71">
        <v>5</v>
      </c>
      <c r="ID22" s="71">
        <v>3</v>
      </c>
      <c r="IE22" s="71">
        <v>1</v>
      </c>
      <c r="IF22" s="71">
        <v>2</v>
      </c>
      <c r="IG22" s="71">
        <v>2</v>
      </c>
      <c r="IH22" s="72">
        <v>13</v>
      </c>
      <c r="II22" s="73">
        <v>22</v>
      </c>
      <c r="IJ22" s="70">
        <v>4</v>
      </c>
      <c r="IK22" s="71">
        <v>7</v>
      </c>
      <c r="IL22" s="72">
        <v>11</v>
      </c>
      <c r="IM22" s="276"/>
      <c r="IN22" s="71">
        <v>14</v>
      </c>
      <c r="IO22" s="71">
        <v>7</v>
      </c>
      <c r="IP22" s="71">
        <v>4</v>
      </c>
      <c r="IQ22" s="71">
        <v>3</v>
      </c>
      <c r="IR22" s="71">
        <v>2</v>
      </c>
      <c r="IS22" s="72">
        <v>30</v>
      </c>
      <c r="IT22" s="73">
        <v>41</v>
      </c>
      <c r="IU22" s="86">
        <v>10</v>
      </c>
      <c r="IV22" s="71">
        <v>10</v>
      </c>
      <c r="IW22" s="72">
        <v>20</v>
      </c>
      <c r="IX22" s="276"/>
      <c r="IY22" s="71">
        <v>15</v>
      </c>
      <c r="IZ22" s="71">
        <v>14</v>
      </c>
      <c r="JA22" s="71">
        <v>11</v>
      </c>
      <c r="JB22" s="71">
        <v>6</v>
      </c>
      <c r="JC22" s="71">
        <v>3</v>
      </c>
      <c r="JD22" s="72">
        <v>49</v>
      </c>
      <c r="JE22" s="73">
        <v>69</v>
      </c>
      <c r="JF22" s="70">
        <v>6</v>
      </c>
      <c r="JG22" s="71">
        <v>15</v>
      </c>
      <c r="JH22" s="72">
        <v>21</v>
      </c>
      <c r="JI22" s="276"/>
      <c r="JJ22" s="71">
        <v>19</v>
      </c>
      <c r="JK22" s="71">
        <v>12</v>
      </c>
      <c r="JL22" s="71">
        <v>14</v>
      </c>
      <c r="JM22" s="71">
        <v>6</v>
      </c>
      <c r="JN22" s="71">
        <v>6</v>
      </c>
      <c r="JO22" s="72">
        <v>57</v>
      </c>
      <c r="JP22" s="73">
        <v>78</v>
      </c>
      <c r="JQ22" s="70">
        <v>0</v>
      </c>
      <c r="JR22" s="71">
        <v>0</v>
      </c>
      <c r="JS22" s="72">
        <v>0</v>
      </c>
      <c r="JT22" s="276"/>
      <c r="JU22" s="71">
        <v>0</v>
      </c>
      <c r="JV22" s="71">
        <v>0</v>
      </c>
      <c r="JW22" s="71">
        <v>0</v>
      </c>
      <c r="JX22" s="71">
        <v>0</v>
      </c>
      <c r="JY22" s="71">
        <v>0</v>
      </c>
      <c r="JZ22" s="72">
        <v>0</v>
      </c>
      <c r="KA22" s="73">
        <v>0</v>
      </c>
      <c r="KB22" s="70">
        <v>28</v>
      </c>
      <c r="KC22" s="71">
        <v>36</v>
      </c>
      <c r="KD22" s="72">
        <v>64</v>
      </c>
      <c r="KE22" s="276"/>
      <c r="KF22" s="71">
        <v>62</v>
      </c>
      <c r="KG22" s="71">
        <v>47</v>
      </c>
      <c r="KH22" s="71">
        <v>34</v>
      </c>
      <c r="KI22" s="71">
        <v>20</v>
      </c>
      <c r="KJ22" s="71">
        <v>15</v>
      </c>
      <c r="KK22" s="72">
        <v>178</v>
      </c>
      <c r="KL22" s="73">
        <v>242</v>
      </c>
    </row>
    <row r="23" spans="1:298" ht="19.5" customHeight="1" x14ac:dyDescent="0.2">
      <c r="A23" s="129" t="s">
        <v>20</v>
      </c>
      <c r="B23" s="350">
        <v>31</v>
      </c>
      <c r="C23" s="82">
        <v>46</v>
      </c>
      <c r="D23" s="83">
        <v>77</v>
      </c>
      <c r="E23" s="273"/>
      <c r="F23" s="82">
        <v>60</v>
      </c>
      <c r="G23" s="82">
        <v>46</v>
      </c>
      <c r="H23" s="82">
        <v>23</v>
      </c>
      <c r="I23" s="82">
        <v>28</v>
      </c>
      <c r="J23" s="82">
        <v>12</v>
      </c>
      <c r="K23" s="84">
        <v>169</v>
      </c>
      <c r="L23" s="85">
        <v>246</v>
      </c>
      <c r="M23" s="70">
        <v>4</v>
      </c>
      <c r="N23" s="71">
        <v>0</v>
      </c>
      <c r="O23" s="72">
        <v>4</v>
      </c>
      <c r="P23" s="276"/>
      <c r="Q23" s="71">
        <v>2</v>
      </c>
      <c r="R23" s="71">
        <v>2</v>
      </c>
      <c r="S23" s="71">
        <v>0</v>
      </c>
      <c r="T23" s="71">
        <v>2</v>
      </c>
      <c r="U23" s="71">
        <v>0</v>
      </c>
      <c r="V23" s="72">
        <v>6</v>
      </c>
      <c r="W23" s="73">
        <v>10</v>
      </c>
      <c r="X23" s="70">
        <v>6</v>
      </c>
      <c r="Y23" s="71">
        <v>1</v>
      </c>
      <c r="Z23" s="72">
        <v>7</v>
      </c>
      <c r="AA23" s="276"/>
      <c r="AB23" s="71">
        <v>16</v>
      </c>
      <c r="AC23" s="71">
        <v>9</v>
      </c>
      <c r="AD23" s="71">
        <v>5</v>
      </c>
      <c r="AE23" s="71">
        <v>2</v>
      </c>
      <c r="AF23" s="71">
        <v>1</v>
      </c>
      <c r="AG23" s="72">
        <v>33</v>
      </c>
      <c r="AH23" s="73">
        <v>40</v>
      </c>
      <c r="AI23" s="70">
        <v>4</v>
      </c>
      <c r="AJ23" s="71">
        <v>7</v>
      </c>
      <c r="AK23" s="72">
        <v>11</v>
      </c>
      <c r="AL23" s="276"/>
      <c r="AM23" s="71">
        <v>7</v>
      </c>
      <c r="AN23" s="71">
        <v>5</v>
      </c>
      <c r="AO23" s="71">
        <v>5</v>
      </c>
      <c r="AP23" s="71">
        <v>6</v>
      </c>
      <c r="AQ23" s="71">
        <v>2</v>
      </c>
      <c r="AR23" s="72">
        <v>25</v>
      </c>
      <c r="AS23" s="73">
        <v>36</v>
      </c>
      <c r="AT23" s="70">
        <v>4</v>
      </c>
      <c r="AU23" s="71">
        <v>20</v>
      </c>
      <c r="AV23" s="72">
        <v>24</v>
      </c>
      <c r="AW23" s="276"/>
      <c r="AX23" s="71">
        <v>18</v>
      </c>
      <c r="AY23" s="71">
        <v>13</v>
      </c>
      <c r="AZ23" s="71">
        <v>5</v>
      </c>
      <c r="BA23" s="71">
        <v>7</v>
      </c>
      <c r="BB23" s="71">
        <v>4</v>
      </c>
      <c r="BC23" s="72">
        <v>47</v>
      </c>
      <c r="BD23" s="73">
        <v>71</v>
      </c>
      <c r="BE23" s="70">
        <v>5</v>
      </c>
      <c r="BF23" s="71">
        <v>12</v>
      </c>
      <c r="BG23" s="72">
        <v>17</v>
      </c>
      <c r="BH23" s="276"/>
      <c r="BI23" s="71">
        <v>9</v>
      </c>
      <c r="BJ23" s="71">
        <v>11</v>
      </c>
      <c r="BK23" s="71">
        <v>3</v>
      </c>
      <c r="BL23" s="71">
        <v>7</v>
      </c>
      <c r="BM23" s="71">
        <v>3</v>
      </c>
      <c r="BN23" s="72">
        <v>33</v>
      </c>
      <c r="BO23" s="73">
        <v>50</v>
      </c>
      <c r="BP23" s="70">
        <v>8</v>
      </c>
      <c r="BQ23" s="71">
        <v>6</v>
      </c>
      <c r="BR23" s="72">
        <v>14</v>
      </c>
      <c r="BS23" s="276"/>
      <c r="BT23" s="71">
        <v>8</v>
      </c>
      <c r="BU23" s="71">
        <v>6</v>
      </c>
      <c r="BV23" s="71">
        <v>5</v>
      </c>
      <c r="BW23" s="71">
        <v>4</v>
      </c>
      <c r="BX23" s="71">
        <v>2</v>
      </c>
      <c r="BY23" s="72">
        <v>25</v>
      </c>
      <c r="BZ23" s="73">
        <v>39</v>
      </c>
      <c r="CA23" s="70">
        <v>0</v>
      </c>
      <c r="CB23" s="71">
        <v>0</v>
      </c>
      <c r="CC23" s="72">
        <v>0</v>
      </c>
      <c r="CD23" s="276"/>
      <c r="CE23" s="71">
        <v>0</v>
      </c>
      <c r="CF23" s="71">
        <v>0</v>
      </c>
      <c r="CG23" s="71">
        <v>0</v>
      </c>
      <c r="CH23" s="71">
        <v>0</v>
      </c>
      <c r="CI23" s="71">
        <v>0</v>
      </c>
      <c r="CJ23" s="72">
        <v>0</v>
      </c>
      <c r="CK23" s="73">
        <v>0</v>
      </c>
      <c r="CL23" s="70">
        <v>31</v>
      </c>
      <c r="CM23" s="71">
        <v>46</v>
      </c>
      <c r="CN23" s="72">
        <v>77</v>
      </c>
      <c r="CO23" s="276"/>
      <c r="CP23" s="71">
        <v>60</v>
      </c>
      <c r="CQ23" s="71">
        <v>46</v>
      </c>
      <c r="CR23" s="71">
        <v>23</v>
      </c>
      <c r="CS23" s="71">
        <v>28</v>
      </c>
      <c r="CT23" s="71">
        <v>12</v>
      </c>
      <c r="CU23" s="72">
        <v>169</v>
      </c>
      <c r="CV23" s="73">
        <v>246</v>
      </c>
      <c r="CW23" s="126">
        <v>15</v>
      </c>
      <c r="CX23" s="82">
        <v>20</v>
      </c>
      <c r="CY23" s="83">
        <v>35</v>
      </c>
      <c r="CZ23" s="273"/>
      <c r="DA23" s="82">
        <v>28</v>
      </c>
      <c r="DB23" s="82">
        <v>12</v>
      </c>
      <c r="DC23" s="82">
        <v>6</v>
      </c>
      <c r="DD23" s="82">
        <v>10</v>
      </c>
      <c r="DE23" s="82">
        <v>8</v>
      </c>
      <c r="DF23" s="84">
        <v>64</v>
      </c>
      <c r="DG23" s="85">
        <v>99</v>
      </c>
      <c r="DH23" s="70">
        <v>0</v>
      </c>
      <c r="DI23" s="71">
        <v>0</v>
      </c>
      <c r="DJ23" s="72">
        <v>0</v>
      </c>
      <c r="DK23" s="276"/>
      <c r="DL23" s="71">
        <v>0</v>
      </c>
      <c r="DM23" s="71">
        <v>0</v>
      </c>
      <c r="DN23" s="71">
        <v>0</v>
      </c>
      <c r="DO23" s="71">
        <v>1</v>
      </c>
      <c r="DP23" s="71">
        <v>0</v>
      </c>
      <c r="DQ23" s="72">
        <v>1</v>
      </c>
      <c r="DR23" s="73">
        <v>1</v>
      </c>
      <c r="DS23" s="70">
        <v>1</v>
      </c>
      <c r="DT23" s="71">
        <v>0</v>
      </c>
      <c r="DU23" s="72">
        <v>1</v>
      </c>
      <c r="DV23" s="276"/>
      <c r="DW23" s="71">
        <v>1</v>
      </c>
      <c r="DX23" s="71">
        <v>0</v>
      </c>
      <c r="DY23" s="71">
        <v>0</v>
      </c>
      <c r="DZ23" s="71">
        <v>0</v>
      </c>
      <c r="EA23" s="71">
        <v>0</v>
      </c>
      <c r="EB23" s="72">
        <v>1</v>
      </c>
      <c r="EC23" s="73">
        <v>2</v>
      </c>
      <c r="ED23" s="70">
        <v>3</v>
      </c>
      <c r="EE23" s="71">
        <v>3</v>
      </c>
      <c r="EF23" s="72">
        <v>6</v>
      </c>
      <c r="EG23" s="276"/>
      <c r="EH23" s="71">
        <v>3</v>
      </c>
      <c r="EI23" s="71">
        <v>2</v>
      </c>
      <c r="EJ23" s="71">
        <v>0</v>
      </c>
      <c r="EK23" s="71">
        <v>0</v>
      </c>
      <c r="EL23" s="71">
        <v>3</v>
      </c>
      <c r="EM23" s="72">
        <v>8</v>
      </c>
      <c r="EN23" s="73">
        <v>14</v>
      </c>
      <c r="EO23" s="70">
        <v>2</v>
      </c>
      <c r="EP23" s="71">
        <v>8</v>
      </c>
      <c r="EQ23" s="72">
        <v>10</v>
      </c>
      <c r="ER23" s="276"/>
      <c r="ES23" s="71">
        <v>4</v>
      </c>
      <c r="ET23" s="71">
        <v>4</v>
      </c>
      <c r="EU23" s="71">
        <v>0</v>
      </c>
      <c r="EV23" s="71">
        <v>0</v>
      </c>
      <c r="EW23" s="71">
        <v>3</v>
      </c>
      <c r="EX23" s="72">
        <v>11</v>
      </c>
      <c r="EY23" s="73">
        <v>21</v>
      </c>
      <c r="EZ23" s="70">
        <v>4</v>
      </c>
      <c r="FA23" s="71">
        <v>4</v>
      </c>
      <c r="FB23" s="72">
        <v>8</v>
      </c>
      <c r="FC23" s="276"/>
      <c r="FD23" s="71">
        <v>11</v>
      </c>
      <c r="FE23" s="71">
        <v>2</v>
      </c>
      <c r="FF23" s="71">
        <v>2</v>
      </c>
      <c r="FG23" s="71">
        <v>3</v>
      </c>
      <c r="FH23" s="71">
        <v>1</v>
      </c>
      <c r="FI23" s="72">
        <v>19</v>
      </c>
      <c r="FJ23" s="73">
        <v>27</v>
      </c>
      <c r="FK23" s="70">
        <v>5</v>
      </c>
      <c r="FL23" s="71">
        <v>5</v>
      </c>
      <c r="FM23" s="72">
        <v>10</v>
      </c>
      <c r="FN23" s="276"/>
      <c r="FO23" s="71">
        <v>9</v>
      </c>
      <c r="FP23" s="71">
        <v>4</v>
      </c>
      <c r="FQ23" s="71">
        <v>4</v>
      </c>
      <c r="FR23" s="71">
        <v>6</v>
      </c>
      <c r="FS23" s="71">
        <v>1</v>
      </c>
      <c r="FT23" s="72">
        <v>24</v>
      </c>
      <c r="FU23" s="73">
        <v>34</v>
      </c>
      <c r="FV23" s="70">
        <v>0</v>
      </c>
      <c r="FW23" s="71">
        <v>0</v>
      </c>
      <c r="FX23" s="72">
        <v>0</v>
      </c>
      <c r="FY23" s="276"/>
      <c r="FZ23" s="71">
        <v>0</v>
      </c>
      <c r="GA23" s="71">
        <v>0</v>
      </c>
      <c r="GB23" s="71">
        <v>0</v>
      </c>
      <c r="GC23" s="71">
        <v>0</v>
      </c>
      <c r="GD23" s="71">
        <v>0</v>
      </c>
      <c r="GE23" s="72">
        <v>0</v>
      </c>
      <c r="GF23" s="73">
        <v>0</v>
      </c>
      <c r="GG23" s="70">
        <v>15</v>
      </c>
      <c r="GH23" s="71">
        <v>20</v>
      </c>
      <c r="GI23" s="72">
        <v>35</v>
      </c>
      <c r="GJ23" s="276"/>
      <c r="GK23" s="71">
        <v>28</v>
      </c>
      <c r="GL23" s="71">
        <v>12</v>
      </c>
      <c r="GM23" s="71">
        <v>6</v>
      </c>
      <c r="GN23" s="71">
        <v>10</v>
      </c>
      <c r="GO23" s="71">
        <v>8</v>
      </c>
      <c r="GP23" s="72">
        <v>64</v>
      </c>
      <c r="GQ23" s="73">
        <v>99</v>
      </c>
      <c r="GR23" s="126">
        <v>46</v>
      </c>
      <c r="GS23" s="82">
        <v>66</v>
      </c>
      <c r="GT23" s="83">
        <v>112</v>
      </c>
      <c r="GU23" s="273"/>
      <c r="GV23" s="82">
        <v>88</v>
      </c>
      <c r="GW23" s="82">
        <v>58</v>
      </c>
      <c r="GX23" s="82">
        <v>29</v>
      </c>
      <c r="GY23" s="82">
        <v>38</v>
      </c>
      <c r="GZ23" s="82">
        <v>20</v>
      </c>
      <c r="HA23" s="84">
        <v>233</v>
      </c>
      <c r="HB23" s="85">
        <v>345</v>
      </c>
      <c r="HC23" s="70">
        <v>4</v>
      </c>
      <c r="HD23" s="71">
        <v>0</v>
      </c>
      <c r="HE23" s="72">
        <v>4</v>
      </c>
      <c r="HF23" s="276"/>
      <c r="HG23" s="71">
        <v>2</v>
      </c>
      <c r="HH23" s="71">
        <v>2</v>
      </c>
      <c r="HI23" s="71">
        <v>0</v>
      </c>
      <c r="HJ23" s="71">
        <v>3</v>
      </c>
      <c r="HK23" s="71">
        <v>0</v>
      </c>
      <c r="HL23" s="72">
        <v>7</v>
      </c>
      <c r="HM23" s="73">
        <v>11</v>
      </c>
      <c r="HN23" s="70">
        <v>7</v>
      </c>
      <c r="HO23" s="71">
        <v>1</v>
      </c>
      <c r="HP23" s="72">
        <v>8</v>
      </c>
      <c r="HQ23" s="276"/>
      <c r="HR23" s="71">
        <v>17</v>
      </c>
      <c r="HS23" s="71">
        <v>9</v>
      </c>
      <c r="HT23" s="71">
        <v>5</v>
      </c>
      <c r="HU23" s="71">
        <v>2</v>
      </c>
      <c r="HV23" s="71">
        <v>1</v>
      </c>
      <c r="HW23" s="72">
        <v>34</v>
      </c>
      <c r="HX23" s="73">
        <v>42</v>
      </c>
      <c r="HY23" s="70">
        <v>7</v>
      </c>
      <c r="HZ23" s="71">
        <v>10</v>
      </c>
      <c r="IA23" s="72">
        <v>17</v>
      </c>
      <c r="IB23" s="276"/>
      <c r="IC23" s="71">
        <v>10</v>
      </c>
      <c r="ID23" s="71">
        <v>7</v>
      </c>
      <c r="IE23" s="71">
        <v>5</v>
      </c>
      <c r="IF23" s="71">
        <v>6</v>
      </c>
      <c r="IG23" s="71">
        <v>5</v>
      </c>
      <c r="IH23" s="72">
        <v>33</v>
      </c>
      <c r="II23" s="73">
        <v>50</v>
      </c>
      <c r="IJ23" s="70">
        <v>6</v>
      </c>
      <c r="IK23" s="71">
        <v>28</v>
      </c>
      <c r="IL23" s="72">
        <v>34</v>
      </c>
      <c r="IM23" s="276"/>
      <c r="IN23" s="71">
        <v>22</v>
      </c>
      <c r="IO23" s="71">
        <v>17</v>
      </c>
      <c r="IP23" s="71">
        <v>5</v>
      </c>
      <c r="IQ23" s="71">
        <v>7</v>
      </c>
      <c r="IR23" s="71">
        <v>7</v>
      </c>
      <c r="IS23" s="72">
        <v>58</v>
      </c>
      <c r="IT23" s="73">
        <v>92</v>
      </c>
      <c r="IU23" s="70">
        <v>9</v>
      </c>
      <c r="IV23" s="71">
        <v>16</v>
      </c>
      <c r="IW23" s="72">
        <v>25</v>
      </c>
      <c r="IX23" s="276"/>
      <c r="IY23" s="71">
        <v>20</v>
      </c>
      <c r="IZ23" s="71">
        <v>13</v>
      </c>
      <c r="JA23" s="71">
        <v>5</v>
      </c>
      <c r="JB23" s="71">
        <v>10</v>
      </c>
      <c r="JC23" s="71">
        <v>4</v>
      </c>
      <c r="JD23" s="72">
        <v>52</v>
      </c>
      <c r="JE23" s="73">
        <v>77</v>
      </c>
      <c r="JF23" s="70">
        <v>13</v>
      </c>
      <c r="JG23" s="71">
        <v>11</v>
      </c>
      <c r="JH23" s="72">
        <v>24</v>
      </c>
      <c r="JI23" s="276"/>
      <c r="JJ23" s="71">
        <v>17</v>
      </c>
      <c r="JK23" s="71">
        <v>10</v>
      </c>
      <c r="JL23" s="71">
        <v>9</v>
      </c>
      <c r="JM23" s="71">
        <v>10</v>
      </c>
      <c r="JN23" s="71">
        <v>3</v>
      </c>
      <c r="JO23" s="72">
        <v>49</v>
      </c>
      <c r="JP23" s="73">
        <v>73</v>
      </c>
      <c r="JQ23" s="70">
        <v>0</v>
      </c>
      <c r="JR23" s="71">
        <v>0</v>
      </c>
      <c r="JS23" s="72">
        <v>0</v>
      </c>
      <c r="JT23" s="276"/>
      <c r="JU23" s="71">
        <v>0</v>
      </c>
      <c r="JV23" s="71">
        <v>0</v>
      </c>
      <c r="JW23" s="71">
        <v>0</v>
      </c>
      <c r="JX23" s="71">
        <v>0</v>
      </c>
      <c r="JY23" s="71">
        <v>0</v>
      </c>
      <c r="JZ23" s="72">
        <v>0</v>
      </c>
      <c r="KA23" s="73">
        <v>0</v>
      </c>
      <c r="KB23" s="70">
        <v>46</v>
      </c>
      <c r="KC23" s="71">
        <v>66</v>
      </c>
      <c r="KD23" s="72">
        <v>112</v>
      </c>
      <c r="KE23" s="276"/>
      <c r="KF23" s="71">
        <v>88</v>
      </c>
      <c r="KG23" s="71">
        <v>58</v>
      </c>
      <c r="KH23" s="71">
        <v>29</v>
      </c>
      <c r="KI23" s="71">
        <v>38</v>
      </c>
      <c r="KJ23" s="71">
        <v>20</v>
      </c>
      <c r="KK23" s="72">
        <v>233</v>
      </c>
      <c r="KL23" s="73">
        <v>345</v>
      </c>
    </row>
    <row r="24" spans="1:298" ht="19.5" customHeight="1" x14ac:dyDescent="0.2">
      <c r="A24" s="129" t="s">
        <v>21</v>
      </c>
      <c r="B24" s="350">
        <v>34</v>
      </c>
      <c r="C24" s="82">
        <v>22</v>
      </c>
      <c r="D24" s="83">
        <v>56</v>
      </c>
      <c r="E24" s="273"/>
      <c r="F24" s="82">
        <v>60</v>
      </c>
      <c r="G24" s="82">
        <v>31</v>
      </c>
      <c r="H24" s="82">
        <v>20</v>
      </c>
      <c r="I24" s="82">
        <v>14</v>
      </c>
      <c r="J24" s="82">
        <v>8</v>
      </c>
      <c r="K24" s="84">
        <v>133</v>
      </c>
      <c r="L24" s="85">
        <v>189</v>
      </c>
      <c r="M24" s="70">
        <v>1</v>
      </c>
      <c r="N24" s="71">
        <v>1</v>
      </c>
      <c r="O24" s="72">
        <v>2</v>
      </c>
      <c r="P24" s="276"/>
      <c r="Q24" s="71">
        <v>2</v>
      </c>
      <c r="R24" s="71">
        <v>2</v>
      </c>
      <c r="S24" s="71">
        <v>1</v>
      </c>
      <c r="T24" s="71">
        <v>1</v>
      </c>
      <c r="U24" s="71">
        <v>0</v>
      </c>
      <c r="V24" s="72">
        <v>6</v>
      </c>
      <c r="W24" s="73">
        <v>8</v>
      </c>
      <c r="X24" s="70">
        <v>3</v>
      </c>
      <c r="Y24" s="71">
        <v>3</v>
      </c>
      <c r="Z24" s="72">
        <v>6</v>
      </c>
      <c r="AA24" s="276"/>
      <c r="AB24" s="71">
        <v>5</v>
      </c>
      <c r="AC24" s="71">
        <v>3</v>
      </c>
      <c r="AD24" s="71">
        <v>3</v>
      </c>
      <c r="AE24" s="71">
        <v>0</v>
      </c>
      <c r="AF24" s="71">
        <v>1</v>
      </c>
      <c r="AG24" s="72">
        <v>12</v>
      </c>
      <c r="AH24" s="73">
        <v>18</v>
      </c>
      <c r="AI24" s="70">
        <v>4</v>
      </c>
      <c r="AJ24" s="71">
        <v>1</v>
      </c>
      <c r="AK24" s="72">
        <v>5</v>
      </c>
      <c r="AL24" s="276"/>
      <c r="AM24" s="71">
        <v>12</v>
      </c>
      <c r="AN24" s="71">
        <v>3</v>
      </c>
      <c r="AO24" s="71">
        <v>2</v>
      </c>
      <c r="AP24" s="71">
        <v>3</v>
      </c>
      <c r="AQ24" s="71">
        <v>0</v>
      </c>
      <c r="AR24" s="72">
        <v>20</v>
      </c>
      <c r="AS24" s="73">
        <v>25</v>
      </c>
      <c r="AT24" s="70">
        <v>6</v>
      </c>
      <c r="AU24" s="71">
        <v>6</v>
      </c>
      <c r="AV24" s="72">
        <v>12</v>
      </c>
      <c r="AW24" s="276"/>
      <c r="AX24" s="71">
        <v>15</v>
      </c>
      <c r="AY24" s="71">
        <v>6</v>
      </c>
      <c r="AZ24" s="71">
        <v>4</v>
      </c>
      <c r="BA24" s="71">
        <v>2</v>
      </c>
      <c r="BB24" s="71">
        <v>2</v>
      </c>
      <c r="BC24" s="72">
        <v>29</v>
      </c>
      <c r="BD24" s="73">
        <v>41</v>
      </c>
      <c r="BE24" s="70">
        <v>12</v>
      </c>
      <c r="BF24" s="71">
        <v>5</v>
      </c>
      <c r="BG24" s="72">
        <v>17</v>
      </c>
      <c r="BH24" s="276"/>
      <c r="BI24" s="71">
        <v>19</v>
      </c>
      <c r="BJ24" s="71">
        <v>9</v>
      </c>
      <c r="BK24" s="71">
        <v>7</v>
      </c>
      <c r="BL24" s="71">
        <v>4</v>
      </c>
      <c r="BM24" s="71">
        <v>4</v>
      </c>
      <c r="BN24" s="72">
        <v>43</v>
      </c>
      <c r="BO24" s="73">
        <v>60</v>
      </c>
      <c r="BP24" s="70">
        <v>8</v>
      </c>
      <c r="BQ24" s="71">
        <v>6</v>
      </c>
      <c r="BR24" s="72">
        <v>14</v>
      </c>
      <c r="BS24" s="276"/>
      <c r="BT24" s="71">
        <v>7</v>
      </c>
      <c r="BU24" s="71">
        <v>8</v>
      </c>
      <c r="BV24" s="71">
        <v>3</v>
      </c>
      <c r="BW24" s="71">
        <v>4</v>
      </c>
      <c r="BX24" s="71">
        <v>1</v>
      </c>
      <c r="BY24" s="72">
        <v>23</v>
      </c>
      <c r="BZ24" s="73">
        <v>37</v>
      </c>
      <c r="CA24" s="70">
        <v>0</v>
      </c>
      <c r="CB24" s="71">
        <v>0</v>
      </c>
      <c r="CC24" s="72">
        <v>0</v>
      </c>
      <c r="CD24" s="276"/>
      <c r="CE24" s="71">
        <v>0</v>
      </c>
      <c r="CF24" s="71">
        <v>0</v>
      </c>
      <c r="CG24" s="71">
        <v>0</v>
      </c>
      <c r="CH24" s="71">
        <v>0</v>
      </c>
      <c r="CI24" s="71">
        <v>0</v>
      </c>
      <c r="CJ24" s="72">
        <v>0</v>
      </c>
      <c r="CK24" s="73">
        <v>0</v>
      </c>
      <c r="CL24" s="70">
        <v>34</v>
      </c>
      <c r="CM24" s="71">
        <v>22</v>
      </c>
      <c r="CN24" s="72">
        <v>56</v>
      </c>
      <c r="CO24" s="276"/>
      <c r="CP24" s="71">
        <v>60</v>
      </c>
      <c r="CQ24" s="71">
        <v>31</v>
      </c>
      <c r="CR24" s="71">
        <v>20</v>
      </c>
      <c r="CS24" s="71">
        <v>14</v>
      </c>
      <c r="CT24" s="71">
        <v>8</v>
      </c>
      <c r="CU24" s="72">
        <v>133</v>
      </c>
      <c r="CV24" s="73">
        <v>189</v>
      </c>
      <c r="CW24" s="126">
        <v>9</v>
      </c>
      <c r="CX24" s="82">
        <v>9</v>
      </c>
      <c r="CY24" s="83">
        <v>18</v>
      </c>
      <c r="CZ24" s="273"/>
      <c r="DA24" s="82">
        <v>9</v>
      </c>
      <c r="DB24" s="82">
        <v>18</v>
      </c>
      <c r="DC24" s="82">
        <v>11</v>
      </c>
      <c r="DD24" s="82">
        <v>6</v>
      </c>
      <c r="DE24" s="82">
        <v>5</v>
      </c>
      <c r="DF24" s="84">
        <v>49</v>
      </c>
      <c r="DG24" s="85">
        <v>67</v>
      </c>
      <c r="DH24" s="70">
        <v>0</v>
      </c>
      <c r="DI24" s="71">
        <v>0</v>
      </c>
      <c r="DJ24" s="72">
        <v>0</v>
      </c>
      <c r="DK24" s="276"/>
      <c r="DL24" s="71">
        <v>0</v>
      </c>
      <c r="DM24" s="71">
        <v>0</v>
      </c>
      <c r="DN24" s="71">
        <v>1</v>
      </c>
      <c r="DO24" s="71">
        <v>0</v>
      </c>
      <c r="DP24" s="71">
        <v>0</v>
      </c>
      <c r="DQ24" s="72">
        <v>1</v>
      </c>
      <c r="DR24" s="73">
        <v>1</v>
      </c>
      <c r="DS24" s="70">
        <v>2</v>
      </c>
      <c r="DT24" s="71">
        <v>1</v>
      </c>
      <c r="DU24" s="72">
        <v>3</v>
      </c>
      <c r="DV24" s="276"/>
      <c r="DW24" s="71">
        <v>1</v>
      </c>
      <c r="DX24" s="71">
        <v>0</v>
      </c>
      <c r="DY24" s="71">
        <v>2</v>
      </c>
      <c r="DZ24" s="71">
        <v>0</v>
      </c>
      <c r="EA24" s="71">
        <v>1</v>
      </c>
      <c r="EB24" s="72">
        <v>4</v>
      </c>
      <c r="EC24" s="73">
        <v>7</v>
      </c>
      <c r="ED24" s="70">
        <v>2</v>
      </c>
      <c r="EE24" s="71">
        <v>1</v>
      </c>
      <c r="EF24" s="72">
        <v>3</v>
      </c>
      <c r="EG24" s="276"/>
      <c r="EH24" s="71">
        <v>2</v>
      </c>
      <c r="EI24" s="71">
        <v>3</v>
      </c>
      <c r="EJ24" s="71">
        <v>0</v>
      </c>
      <c r="EK24" s="71">
        <v>0</v>
      </c>
      <c r="EL24" s="71">
        <v>1</v>
      </c>
      <c r="EM24" s="72">
        <v>6</v>
      </c>
      <c r="EN24" s="73">
        <v>9</v>
      </c>
      <c r="EO24" s="70">
        <v>4</v>
      </c>
      <c r="EP24" s="71">
        <v>2</v>
      </c>
      <c r="EQ24" s="72">
        <v>6</v>
      </c>
      <c r="ER24" s="276"/>
      <c r="ES24" s="71">
        <v>0</v>
      </c>
      <c r="ET24" s="71">
        <v>3</v>
      </c>
      <c r="EU24" s="71">
        <v>2</v>
      </c>
      <c r="EV24" s="71">
        <v>0</v>
      </c>
      <c r="EW24" s="71">
        <v>1</v>
      </c>
      <c r="EX24" s="72">
        <v>6</v>
      </c>
      <c r="EY24" s="73">
        <v>12</v>
      </c>
      <c r="EZ24" s="70">
        <v>0</v>
      </c>
      <c r="FA24" s="71">
        <v>3</v>
      </c>
      <c r="FB24" s="72">
        <v>3</v>
      </c>
      <c r="FC24" s="276"/>
      <c r="FD24" s="71">
        <v>1</v>
      </c>
      <c r="FE24" s="71">
        <v>4</v>
      </c>
      <c r="FF24" s="71">
        <v>1</v>
      </c>
      <c r="FG24" s="71">
        <v>1</v>
      </c>
      <c r="FH24" s="71">
        <v>0</v>
      </c>
      <c r="FI24" s="72">
        <v>7</v>
      </c>
      <c r="FJ24" s="73">
        <v>10</v>
      </c>
      <c r="FK24" s="70">
        <v>1</v>
      </c>
      <c r="FL24" s="71">
        <v>2</v>
      </c>
      <c r="FM24" s="72">
        <v>3</v>
      </c>
      <c r="FN24" s="276"/>
      <c r="FO24" s="71">
        <v>5</v>
      </c>
      <c r="FP24" s="71">
        <v>8</v>
      </c>
      <c r="FQ24" s="71">
        <v>5</v>
      </c>
      <c r="FR24" s="71">
        <v>5</v>
      </c>
      <c r="FS24" s="71">
        <v>2</v>
      </c>
      <c r="FT24" s="72">
        <v>25</v>
      </c>
      <c r="FU24" s="73">
        <v>28</v>
      </c>
      <c r="FV24" s="70">
        <v>0</v>
      </c>
      <c r="FW24" s="71">
        <v>0</v>
      </c>
      <c r="FX24" s="72">
        <v>0</v>
      </c>
      <c r="FY24" s="276"/>
      <c r="FZ24" s="71">
        <v>0</v>
      </c>
      <c r="GA24" s="71">
        <v>0</v>
      </c>
      <c r="GB24" s="71">
        <v>0</v>
      </c>
      <c r="GC24" s="71">
        <v>0</v>
      </c>
      <c r="GD24" s="71">
        <v>0</v>
      </c>
      <c r="GE24" s="72">
        <v>0</v>
      </c>
      <c r="GF24" s="73">
        <v>0</v>
      </c>
      <c r="GG24" s="70">
        <v>9</v>
      </c>
      <c r="GH24" s="71">
        <v>9</v>
      </c>
      <c r="GI24" s="72">
        <v>18</v>
      </c>
      <c r="GJ24" s="276"/>
      <c r="GK24" s="71">
        <v>9</v>
      </c>
      <c r="GL24" s="71">
        <v>18</v>
      </c>
      <c r="GM24" s="71">
        <v>11</v>
      </c>
      <c r="GN24" s="71">
        <v>6</v>
      </c>
      <c r="GO24" s="71">
        <v>5</v>
      </c>
      <c r="GP24" s="72">
        <v>49</v>
      </c>
      <c r="GQ24" s="73">
        <v>67</v>
      </c>
      <c r="GR24" s="126">
        <v>43</v>
      </c>
      <c r="GS24" s="82">
        <v>31</v>
      </c>
      <c r="GT24" s="83">
        <v>74</v>
      </c>
      <c r="GU24" s="273"/>
      <c r="GV24" s="82">
        <v>69</v>
      </c>
      <c r="GW24" s="82">
        <v>49</v>
      </c>
      <c r="GX24" s="82">
        <v>31</v>
      </c>
      <c r="GY24" s="82">
        <v>20</v>
      </c>
      <c r="GZ24" s="82">
        <v>13</v>
      </c>
      <c r="HA24" s="84">
        <v>182</v>
      </c>
      <c r="HB24" s="85">
        <v>256</v>
      </c>
      <c r="HC24" s="70">
        <v>1</v>
      </c>
      <c r="HD24" s="71">
        <v>1</v>
      </c>
      <c r="HE24" s="72">
        <v>2</v>
      </c>
      <c r="HF24" s="276"/>
      <c r="HG24" s="71">
        <v>2</v>
      </c>
      <c r="HH24" s="71">
        <v>2</v>
      </c>
      <c r="HI24" s="71">
        <v>2</v>
      </c>
      <c r="HJ24" s="71">
        <v>1</v>
      </c>
      <c r="HK24" s="71">
        <v>0</v>
      </c>
      <c r="HL24" s="72">
        <v>7</v>
      </c>
      <c r="HM24" s="73">
        <v>9</v>
      </c>
      <c r="HN24" s="70">
        <v>5</v>
      </c>
      <c r="HO24" s="71">
        <v>4</v>
      </c>
      <c r="HP24" s="72">
        <v>9</v>
      </c>
      <c r="HQ24" s="276"/>
      <c r="HR24" s="71">
        <v>6</v>
      </c>
      <c r="HS24" s="71">
        <v>3</v>
      </c>
      <c r="HT24" s="71">
        <v>5</v>
      </c>
      <c r="HU24" s="71">
        <v>0</v>
      </c>
      <c r="HV24" s="71">
        <v>2</v>
      </c>
      <c r="HW24" s="72">
        <v>16</v>
      </c>
      <c r="HX24" s="73">
        <v>25</v>
      </c>
      <c r="HY24" s="70">
        <v>6</v>
      </c>
      <c r="HZ24" s="71">
        <v>2</v>
      </c>
      <c r="IA24" s="72">
        <v>8</v>
      </c>
      <c r="IB24" s="276"/>
      <c r="IC24" s="71">
        <v>14</v>
      </c>
      <c r="ID24" s="71">
        <v>6</v>
      </c>
      <c r="IE24" s="71">
        <v>2</v>
      </c>
      <c r="IF24" s="71">
        <v>3</v>
      </c>
      <c r="IG24" s="71">
        <v>1</v>
      </c>
      <c r="IH24" s="72">
        <v>26</v>
      </c>
      <c r="II24" s="73">
        <v>34</v>
      </c>
      <c r="IJ24" s="70">
        <v>10</v>
      </c>
      <c r="IK24" s="71">
        <v>8</v>
      </c>
      <c r="IL24" s="72">
        <v>18</v>
      </c>
      <c r="IM24" s="276"/>
      <c r="IN24" s="71">
        <v>15</v>
      </c>
      <c r="IO24" s="71">
        <v>9</v>
      </c>
      <c r="IP24" s="71">
        <v>6</v>
      </c>
      <c r="IQ24" s="71">
        <v>2</v>
      </c>
      <c r="IR24" s="71">
        <v>3</v>
      </c>
      <c r="IS24" s="72">
        <v>35</v>
      </c>
      <c r="IT24" s="73">
        <v>53</v>
      </c>
      <c r="IU24" s="70">
        <v>12</v>
      </c>
      <c r="IV24" s="71">
        <v>8</v>
      </c>
      <c r="IW24" s="72">
        <v>20</v>
      </c>
      <c r="IX24" s="276"/>
      <c r="IY24" s="71">
        <v>20</v>
      </c>
      <c r="IZ24" s="71">
        <v>13</v>
      </c>
      <c r="JA24" s="71">
        <v>8</v>
      </c>
      <c r="JB24" s="71">
        <v>5</v>
      </c>
      <c r="JC24" s="71">
        <v>4</v>
      </c>
      <c r="JD24" s="72">
        <v>50</v>
      </c>
      <c r="JE24" s="73">
        <v>70</v>
      </c>
      <c r="JF24" s="70">
        <v>9</v>
      </c>
      <c r="JG24" s="71">
        <v>8</v>
      </c>
      <c r="JH24" s="72">
        <v>17</v>
      </c>
      <c r="JI24" s="276"/>
      <c r="JJ24" s="71">
        <v>12</v>
      </c>
      <c r="JK24" s="71">
        <v>16</v>
      </c>
      <c r="JL24" s="71">
        <v>8</v>
      </c>
      <c r="JM24" s="71">
        <v>9</v>
      </c>
      <c r="JN24" s="71">
        <v>3</v>
      </c>
      <c r="JO24" s="72">
        <v>48</v>
      </c>
      <c r="JP24" s="73">
        <v>65</v>
      </c>
      <c r="JQ24" s="70">
        <v>0</v>
      </c>
      <c r="JR24" s="71">
        <v>0</v>
      </c>
      <c r="JS24" s="72">
        <v>0</v>
      </c>
      <c r="JT24" s="276"/>
      <c r="JU24" s="71">
        <v>0</v>
      </c>
      <c r="JV24" s="71">
        <v>0</v>
      </c>
      <c r="JW24" s="71">
        <v>0</v>
      </c>
      <c r="JX24" s="71">
        <v>0</v>
      </c>
      <c r="JY24" s="71">
        <v>0</v>
      </c>
      <c r="JZ24" s="72">
        <v>0</v>
      </c>
      <c r="KA24" s="73">
        <v>0</v>
      </c>
      <c r="KB24" s="70">
        <v>43</v>
      </c>
      <c r="KC24" s="71">
        <v>31</v>
      </c>
      <c r="KD24" s="72">
        <v>74</v>
      </c>
      <c r="KE24" s="276"/>
      <c r="KF24" s="71">
        <v>69</v>
      </c>
      <c r="KG24" s="71">
        <v>49</v>
      </c>
      <c r="KH24" s="71">
        <v>31</v>
      </c>
      <c r="KI24" s="71">
        <v>20</v>
      </c>
      <c r="KJ24" s="71">
        <v>13</v>
      </c>
      <c r="KK24" s="72">
        <v>182</v>
      </c>
      <c r="KL24" s="73">
        <v>256</v>
      </c>
    </row>
    <row r="25" spans="1:298" ht="19.5" customHeight="1" x14ac:dyDescent="0.2">
      <c r="A25" s="129" t="s">
        <v>22</v>
      </c>
      <c r="B25" s="350">
        <v>17</v>
      </c>
      <c r="C25" s="82">
        <v>6</v>
      </c>
      <c r="D25" s="83">
        <v>23</v>
      </c>
      <c r="E25" s="273"/>
      <c r="F25" s="82">
        <v>24</v>
      </c>
      <c r="G25" s="82">
        <v>22</v>
      </c>
      <c r="H25" s="82">
        <v>10</v>
      </c>
      <c r="I25" s="82">
        <v>12</v>
      </c>
      <c r="J25" s="82">
        <v>5</v>
      </c>
      <c r="K25" s="84">
        <v>73</v>
      </c>
      <c r="L25" s="85">
        <v>96</v>
      </c>
      <c r="M25" s="70">
        <v>0</v>
      </c>
      <c r="N25" s="71">
        <v>0</v>
      </c>
      <c r="O25" s="72">
        <v>0</v>
      </c>
      <c r="P25" s="276"/>
      <c r="Q25" s="71">
        <v>2</v>
      </c>
      <c r="R25" s="71">
        <v>0</v>
      </c>
      <c r="S25" s="71">
        <v>0</v>
      </c>
      <c r="T25" s="71">
        <v>0</v>
      </c>
      <c r="U25" s="71">
        <v>0</v>
      </c>
      <c r="V25" s="72">
        <v>2</v>
      </c>
      <c r="W25" s="73">
        <v>2</v>
      </c>
      <c r="X25" s="70">
        <v>1</v>
      </c>
      <c r="Y25" s="71">
        <v>1</v>
      </c>
      <c r="Z25" s="72">
        <v>2</v>
      </c>
      <c r="AA25" s="276"/>
      <c r="AB25" s="71">
        <v>3</v>
      </c>
      <c r="AC25" s="71">
        <v>0</v>
      </c>
      <c r="AD25" s="71">
        <v>0</v>
      </c>
      <c r="AE25" s="71">
        <v>1</v>
      </c>
      <c r="AF25" s="71">
        <v>1</v>
      </c>
      <c r="AG25" s="72">
        <v>5</v>
      </c>
      <c r="AH25" s="73">
        <v>7</v>
      </c>
      <c r="AI25" s="70">
        <v>3</v>
      </c>
      <c r="AJ25" s="71">
        <v>1</v>
      </c>
      <c r="AK25" s="72">
        <v>4</v>
      </c>
      <c r="AL25" s="276"/>
      <c r="AM25" s="71">
        <v>5</v>
      </c>
      <c r="AN25" s="71">
        <v>1</v>
      </c>
      <c r="AO25" s="71">
        <v>0</v>
      </c>
      <c r="AP25" s="71">
        <v>0</v>
      </c>
      <c r="AQ25" s="71">
        <v>1</v>
      </c>
      <c r="AR25" s="72">
        <v>7</v>
      </c>
      <c r="AS25" s="73">
        <v>11</v>
      </c>
      <c r="AT25" s="70">
        <v>4</v>
      </c>
      <c r="AU25" s="71">
        <v>3</v>
      </c>
      <c r="AV25" s="72">
        <v>7</v>
      </c>
      <c r="AW25" s="276"/>
      <c r="AX25" s="71">
        <v>6</v>
      </c>
      <c r="AY25" s="71">
        <v>7</v>
      </c>
      <c r="AZ25" s="71">
        <v>2</v>
      </c>
      <c r="BA25" s="71">
        <v>1</v>
      </c>
      <c r="BB25" s="71">
        <v>1</v>
      </c>
      <c r="BC25" s="72">
        <v>17</v>
      </c>
      <c r="BD25" s="73">
        <v>24</v>
      </c>
      <c r="BE25" s="70">
        <v>4</v>
      </c>
      <c r="BF25" s="71">
        <v>1</v>
      </c>
      <c r="BG25" s="72">
        <v>5</v>
      </c>
      <c r="BH25" s="276"/>
      <c r="BI25" s="71">
        <v>1</v>
      </c>
      <c r="BJ25" s="71">
        <v>6</v>
      </c>
      <c r="BK25" s="71">
        <v>3</v>
      </c>
      <c r="BL25" s="71">
        <v>6</v>
      </c>
      <c r="BM25" s="71">
        <v>1</v>
      </c>
      <c r="BN25" s="72">
        <v>17</v>
      </c>
      <c r="BO25" s="73">
        <v>22</v>
      </c>
      <c r="BP25" s="70">
        <v>5</v>
      </c>
      <c r="BQ25" s="71">
        <v>0</v>
      </c>
      <c r="BR25" s="72">
        <v>5</v>
      </c>
      <c r="BS25" s="276"/>
      <c r="BT25" s="71">
        <v>7</v>
      </c>
      <c r="BU25" s="71">
        <v>8</v>
      </c>
      <c r="BV25" s="71">
        <v>5</v>
      </c>
      <c r="BW25" s="71">
        <v>4</v>
      </c>
      <c r="BX25" s="71">
        <v>1</v>
      </c>
      <c r="BY25" s="72">
        <v>25</v>
      </c>
      <c r="BZ25" s="73">
        <v>30</v>
      </c>
      <c r="CA25" s="70">
        <v>0</v>
      </c>
      <c r="CB25" s="71">
        <v>0</v>
      </c>
      <c r="CC25" s="72">
        <v>0</v>
      </c>
      <c r="CD25" s="276"/>
      <c r="CE25" s="71">
        <v>0</v>
      </c>
      <c r="CF25" s="71">
        <v>0</v>
      </c>
      <c r="CG25" s="71">
        <v>0</v>
      </c>
      <c r="CH25" s="71">
        <v>0</v>
      </c>
      <c r="CI25" s="71">
        <v>0</v>
      </c>
      <c r="CJ25" s="72">
        <v>0</v>
      </c>
      <c r="CK25" s="73">
        <v>0</v>
      </c>
      <c r="CL25" s="70">
        <v>17</v>
      </c>
      <c r="CM25" s="71">
        <v>6</v>
      </c>
      <c r="CN25" s="72">
        <v>23</v>
      </c>
      <c r="CO25" s="276"/>
      <c r="CP25" s="71">
        <v>24</v>
      </c>
      <c r="CQ25" s="71">
        <v>22</v>
      </c>
      <c r="CR25" s="71">
        <v>10</v>
      </c>
      <c r="CS25" s="71">
        <v>12</v>
      </c>
      <c r="CT25" s="71">
        <v>5</v>
      </c>
      <c r="CU25" s="72">
        <v>73</v>
      </c>
      <c r="CV25" s="73">
        <v>96</v>
      </c>
      <c r="CW25" s="126">
        <v>2</v>
      </c>
      <c r="CX25" s="82">
        <v>6</v>
      </c>
      <c r="CY25" s="83">
        <v>8</v>
      </c>
      <c r="CZ25" s="273"/>
      <c r="DA25" s="82">
        <v>8</v>
      </c>
      <c r="DB25" s="82">
        <v>2</v>
      </c>
      <c r="DC25" s="82">
        <v>1</v>
      </c>
      <c r="DD25" s="82">
        <v>4</v>
      </c>
      <c r="DE25" s="82">
        <v>3</v>
      </c>
      <c r="DF25" s="84">
        <v>18</v>
      </c>
      <c r="DG25" s="85">
        <v>26</v>
      </c>
      <c r="DH25" s="70">
        <v>0</v>
      </c>
      <c r="DI25" s="71">
        <v>0</v>
      </c>
      <c r="DJ25" s="72">
        <v>0</v>
      </c>
      <c r="DK25" s="276"/>
      <c r="DL25" s="71">
        <v>0</v>
      </c>
      <c r="DM25" s="71">
        <v>0</v>
      </c>
      <c r="DN25" s="71">
        <v>0</v>
      </c>
      <c r="DO25" s="71">
        <v>0</v>
      </c>
      <c r="DP25" s="71">
        <v>0</v>
      </c>
      <c r="DQ25" s="72">
        <v>0</v>
      </c>
      <c r="DR25" s="73">
        <v>0</v>
      </c>
      <c r="DS25" s="70">
        <v>0</v>
      </c>
      <c r="DT25" s="71">
        <v>0</v>
      </c>
      <c r="DU25" s="72">
        <v>0</v>
      </c>
      <c r="DV25" s="276"/>
      <c r="DW25" s="71">
        <v>0</v>
      </c>
      <c r="DX25" s="71">
        <v>0</v>
      </c>
      <c r="DY25" s="71">
        <v>0</v>
      </c>
      <c r="DZ25" s="71">
        <v>0</v>
      </c>
      <c r="EA25" s="71">
        <v>0</v>
      </c>
      <c r="EB25" s="72">
        <v>0</v>
      </c>
      <c r="EC25" s="73">
        <v>0</v>
      </c>
      <c r="ED25" s="70">
        <v>0</v>
      </c>
      <c r="EE25" s="71">
        <v>3</v>
      </c>
      <c r="EF25" s="72">
        <v>3</v>
      </c>
      <c r="EG25" s="276"/>
      <c r="EH25" s="71">
        <v>2</v>
      </c>
      <c r="EI25" s="71">
        <v>0</v>
      </c>
      <c r="EJ25" s="71">
        <v>0</v>
      </c>
      <c r="EK25" s="71">
        <v>0</v>
      </c>
      <c r="EL25" s="71">
        <v>0</v>
      </c>
      <c r="EM25" s="72">
        <v>2</v>
      </c>
      <c r="EN25" s="73">
        <v>5</v>
      </c>
      <c r="EO25" s="70">
        <v>1</v>
      </c>
      <c r="EP25" s="71">
        <v>0</v>
      </c>
      <c r="EQ25" s="72">
        <v>1</v>
      </c>
      <c r="ER25" s="276"/>
      <c r="ES25" s="71">
        <v>1</v>
      </c>
      <c r="ET25" s="71">
        <v>0</v>
      </c>
      <c r="EU25" s="71">
        <v>1</v>
      </c>
      <c r="EV25" s="71">
        <v>2</v>
      </c>
      <c r="EW25" s="71">
        <v>0</v>
      </c>
      <c r="EX25" s="72">
        <v>4</v>
      </c>
      <c r="EY25" s="73">
        <v>5</v>
      </c>
      <c r="EZ25" s="70">
        <v>1</v>
      </c>
      <c r="FA25" s="71">
        <v>0</v>
      </c>
      <c r="FB25" s="72">
        <v>1</v>
      </c>
      <c r="FC25" s="276"/>
      <c r="FD25" s="71">
        <v>3</v>
      </c>
      <c r="FE25" s="71">
        <v>0</v>
      </c>
      <c r="FF25" s="71">
        <v>0</v>
      </c>
      <c r="FG25" s="71">
        <v>0</v>
      </c>
      <c r="FH25" s="71">
        <v>1</v>
      </c>
      <c r="FI25" s="72">
        <v>4</v>
      </c>
      <c r="FJ25" s="73">
        <v>5</v>
      </c>
      <c r="FK25" s="70">
        <v>0</v>
      </c>
      <c r="FL25" s="71">
        <v>3</v>
      </c>
      <c r="FM25" s="72">
        <v>3</v>
      </c>
      <c r="FN25" s="276"/>
      <c r="FO25" s="71">
        <v>2</v>
      </c>
      <c r="FP25" s="71">
        <v>2</v>
      </c>
      <c r="FQ25" s="71">
        <v>0</v>
      </c>
      <c r="FR25" s="71">
        <v>2</v>
      </c>
      <c r="FS25" s="71">
        <v>2</v>
      </c>
      <c r="FT25" s="72">
        <v>8</v>
      </c>
      <c r="FU25" s="73">
        <v>11</v>
      </c>
      <c r="FV25" s="70">
        <v>0</v>
      </c>
      <c r="FW25" s="71">
        <v>0</v>
      </c>
      <c r="FX25" s="72">
        <v>0</v>
      </c>
      <c r="FY25" s="276"/>
      <c r="FZ25" s="71">
        <v>0</v>
      </c>
      <c r="GA25" s="71">
        <v>0</v>
      </c>
      <c r="GB25" s="71">
        <v>0</v>
      </c>
      <c r="GC25" s="71">
        <v>0</v>
      </c>
      <c r="GD25" s="71">
        <v>0</v>
      </c>
      <c r="GE25" s="72">
        <v>0</v>
      </c>
      <c r="GF25" s="73">
        <v>0</v>
      </c>
      <c r="GG25" s="70">
        <v>2</v>
      </c>
      <c r="GH25" s="71">
        <v>6</v>
      </c>
      <c r="GI25" s="72">
        <v>8</v>
      </c>
      <c r="GJ25" s="276"/>
      <c r="GK25" s="71">
        <v>8</v>
      </c>
      <c r="GL25" s="71">
        <v>2</v>
      </c>
      <c r="GM25" s="71">
        <v>1</v>
      </c>
      <c r="GN25" s="71">
        <v>4</v>
      </c>
      <c r="GO25" s="71">
        <v>3</v>
      </c>
      <c r="GP25" s="72">
        <v>18</v>
      </c>
      <c r="GQ25" s="73">
        <v>26</v>
      </c>
      <c r="GR25" s="126">
        <v>19</v>
      </c>
      <c r="GS25" s="82">
        <v>12</v>
      </c>
      <c r="GT25" s="83">
        <v>31</v>
      </c>
      <c r="GU25" s="273"/>
      <c r="GV25" s="82">
        <v>32</v>
      </c>
      <c r="GW25" s="82">
        <v>24</v>
      </c>
      <c r="GX25" s="82">
        <v>11</v>
      </c>
      <c r="GY25" s="82">
        <v>16</v>
      </c>
      <c r="GZ25" s="82">
        <v>8</v>
      </c>
      <c r="HA25" s="84">
        <v>91</v>
      </c>
      <c r="HB25" s="85">
        <v>122</v>
      </c>
      <c r="HC25" s="70">
        <v>0</v>
      </c>
      <c r="HD25" s="71">
        <v>0</v>
      </c>
      <c r="HE25" s="72">
        <v>0</v>
      </c>
      <c r="HF25" s="276"/>
      <c r="HG25" s="71">
        <v>2</v>
      </c>
      <c r="HH25" s="71">
        <v>0</v>
      </c>
      <c r="HI25" s="71">
        <v>0</v>
      </c>
      <c r="HJ25" s="71">
        <v>0</v>
      </c>
      <c r="HK25" s="71">
        <v>0</v>
      </c>
      <c r="HL25" s="72">
        <v>2</v>
      </c>
      <c r="HM25" s="73">
        <v>2</v>
      </c>
      <c r="HN25" s="70">
        <v>1</v>
      </c>
      <c r="HO25" s="71">
        <v>1</v>
      </c>
      <c r="HP25" s="72">
        <v>2</v>
      </c>
      <c r="HQ25" s="276"/>
      <c r="HR25" s="71">
        <v>3</v>
      </c>
      <c r="HS25" s="71">
        <v>0</v>
      </c>
      <c r="HT25" s="71">
        <v>0</v>
      </c>
      <c r="HU25" s="71">
        <v>1</v>
      </c>
      <c r="HV25" s="71">
        <v>1</v>
      </c>
      <c r="HW25" s="72">
        <v>5</v>
      </c>
      <c r="HX25" s="73">
        <v>7</v>
      </c>
      <c r="HY25" s="70">
        <v>3</v>
      </c>
      <c r="HZ25" s="71">
        <v>4</v>
      </c>
      <c r="IA25" s="72">
        <v>7</v>
      </c>
      <c r="IB25" s="276"/>
      <c r="IC25" s="71">
        <v>7</v>
      </c>
      <c r="ID25" s="71">
        <v>1</v>
      </c>
      <c r="IE25" s="71">
        <v>0</v>
      </c>
      <c r="IF25" s="71">
        <v>0</v>
      </c>
      <c r="IG25" s="71">
        <v>1</v>
      </c>
      <c r="IH25" s="72">
        <v>9</v>
      </c>
      <c r="II25" s="73">
        <v>16</v>
      </c>
      <c r="IJ25" s="70">
        <v>5</v>
      </c>
      <c r="IK25" s="71">
        <v>3</v>
      </c>
      <c r="IL25" s="72">
        <v>8</v>
      </c>
      <c r="IM25" s="276"/>
      <c r="IN25" s="71">
        <v>7</v>
      </c>
      <c r="IO25" s="71">
        <v>7</v>
      </c>
      <c r="IP25" s="71">
        <v>3</v>
      </c>
      <c r="IQ25" s="71">
        <v>3</v>
      </c>
      <c r="IR25" s="71">
        <v>1</v>
      </c>
      <c r="IS25" s="72">
        <v>21</v>
      </c>
      <c r="IT25" s="73">
        <v>29</v>
      </c>
      <c r="IU25" s="70">
        <v>5</v>
      </c>
      <c r="IV25" s="71">
        <v>1</v>
      </c>
      <c r="IW25" s="72">
        <v>6</v>
      </c>
      <c r="IX25" s="276"/>
      <c r="IY25" s="71">
        <v>4</v>
      </c>
      <c r="IZ25" s="71">
        <v>6</v>
      </c>
      <c r="JA25" s="71">
        <v>3</v>
      </c>
      <c r="JB25" s="71">
        <v>6</v>
      </c>
      <c r="JC25" s="71">
        <v>2</v>
      </c>
      <c r="JD25" s="72">
        <v>21</v>
      </c>
      <c r="JE25" s="73">
        <v>27</v>
      </c>
      <c r="JF25" s="70">
        <v>5</v>
      </c>
      <c r="JG25" s="71">
        <v>3</v>
      </c>
      <c r="JH25" s="72">
        <v>8</v>
      </c>
      <c r="JI25" s="276"/>
      <c r="JJ25" s="71">
        <v>9</v>
      </c>
      <c r="JK25" s="71">
        <v>10</v>
      </c>
      <c r="JL25" s="71">
        <v>5</v>
      </c>
      <c r="JM25" s="71">
        <v>6</v>
      </c>
      <c r="JN25" s="71">
        <v>3</v>
      </c>
      <c r="JO25" s="72">
        <v>33</v>
      </c>
      <c r="JP25" s="73">
        <v>41</v>
      </c>
      <c r="JQ25" s="70">
        <v>0</v>
      </c>
      <c r="JR25" s="71">
        <v>0</v>
      </c>
      <c r="JS25" s="72">
        <v>0</v>
      </c>
      <c r="JT25" s="276"/>
      <c r="JU25" s="71">
        <v>0</v>
      </c>
      <c r="JV25" s="71">
        <v>0</v>
      </c>
      <c r="JW25" s="71">
        <v>0</v>
      </c>
      <c r="JX25" s="71">
        <v>0</v>
      </c>
      <c r="JY25" s="71">
        <v>0</v>
      </c>
      <c r="JZ25" s="72">
        <v>0</v>
      </c>
      <c r="KA25" s="73">
        <v>0</v>
      </c>
      <c r="KB25" s="70">
        <v>19</v>
      </c>
      <c r="KC25" s="71">
        <v>12</v>
      </c>
      <c r="KD25" s="72">
        <v>31</v>
      </c>
      <c r="KE25" s="276"/>
      <c r="KF25" s="71">
        <v>32</v>
      </c>
      <c r="KG25" s="71">
        <v>24</v>
      </c>
      <c r="KH25" s="71">
        <v>11</v>
      </c>
      <c r="KI25" s="71">
        <v>16</v>
      </c>
      <c r="KJ25" s="71">
        <v>8</v>
      </c>
      <c r="KK25" s="72">
        <v>91</v>
      </c>
      <c r="KL25" s="73">
        <v>122</v>
      </c>
    </row>
    <row r="26" spans="1:298" ht="19.5" customHeight="1" x14ac:dyDescent="0.2">
      <c r="A26" s="129" t="s">
        <v>23</v>
      </c>
      <c r="B26" s="350">
        <v>13</v>
      </c>
      <c r="C26" s="82">
        <v>14</v>
      </c>
      <c r="D26" s="83">
        <v>27</v>
      </c>
      <c r="E26" s="273"/>
      <c r="F26" s="82">
        <v>30</v>
      </c>
      <c r="G26" s="82">
        <v>26</v>
      </c>
      <c r="H26" s="82">
        <v>20</v>
      </c>
      <c r="I26" s="82">
        <v>19</v>
      </c>
      <c r="J26" s="82">
        <v>6</v>
      </c>
      <c r="K26" s="84">
        <v>101</v>
      </c>
      <c r="L26" s="85">
        <v>128</v>
      </c>
      <c r="M26" s="70">
        <v>0</v>
      </c>
      <c r="N26" s="71">
        <v>0</v>
      </c>
      <c r="O26" s="72">
        <v>0</v>
      </c>
      <c r="P26" s="276"/>
      <c r="Q26" s="71">
        <v>0</v>
      </c>
      <c r="R26" s="71">
        <v>1</v>
      </c>
      <c r="S26" s="71">
        <v>0</v>
      </c>
      <c r="T26" s="71">
        <v>1</v>
      </c>
      <c r="U26" s="71">
        <v>0</v>
      </c>
      <c r="V26" s="72">
        <v>2</v>
      </c>
      <c r="W26" s="73">
        <v>2</v>
      </c>
      <c r="X26" s="70">
        <v>3</v>
      </c>
      <c r="Y26" s="71">
        <v>2</v>
      </c>
      <c r="Z26" s="72">
        <v>5</v>
      </c>
      <c r="AA26" s="276"/>
      <c r="AB26" s="71">
        <v>4</v>
      </c>
      <c r="AC26" s="71">
        <v>3</v>
      </c>
      <c r="AD26" s="71">
        <v>0</v>
      </c>
      <c r="AE26" s="71">
        <v>2</v>
      </c>
      <c r="AF26" s="71">
        <v>1</v>
      </c>
      <c r="AG26" s="72">
        <v>10</v>
      </c>
      <c r="AH26" s="73">
        <v>15</v>
      </c>
      <c r="AI26" s="70">
        <v>4</v>
      </c>
      <c r="AJ26" s="71">
        <v>1</v>
      </c>
      <c r="AK26" s="72">
        <v>5</v>
      </c>
      <c r="AL26" s="276"/>
      <c r="AM26" s="71">
        <v>5</v>
      </c>
      <c r="AN26" s="71">
        <v>4</v>
      </c>
      <c r="AO26" s="71">
        <v>2</v>
      </c>
      <c r="AP26" s="71">
        <v>2</v>
      </c>
      <c r="AQ26" s="71">
        <v>0</v>
      </c>
      <c r="AR26" s="72">
        <v>13</v>
      </c>
      <c r="AS26" s="73">
        <v>18</v>
      </c>
      <c r="AT26" s="70">
        <v>1</v>
      </c>
      <c r="AU26" s="71">
        <v>4</v>
      </c>
      <c r="AV26" s="72">
        <v>5</v>
      </c>
      <c r="AW26" s="276"/>
      <c r="AX26" s="71">
        <v>6</v>
      </c>
      <c r="AY26" s="71">
        <v>8</v>
      </c>
      <c r="AZ26" s="71">
        <v>10</v>
      </c>
      <c r="BA26" s="71">
        <v>2</v>
      </c>
      <c r="BB26" s="71">
        <v>2</v>
      </c>
      <c r="BC26" s="72">
        <v>28</v>
      </c>
      <c r="BD26" s="73">
        <v>33</v>
      </c>
      <c r="BE26" s="70">
        <v>3</v>
      </c>
      <c r="BF26" s="71">
        <v>6</v>
      </c>
      <c r="BG26" s="72">
        <v>9</v>
      </c>
      <c r="BH26" s="276"/>
      <c r="BI26" s="71">
        <v>7</v>
      </c>
      <c r="BJ26" s="71">
        <v>6</v>
      </c>
      <c r="BK26" s="71">
        <v>5</v>
      </c>
      <c r="BL26" s="71">
        <v>5</v>
      </c>
      <c r="BM26" s="71">
        <v>2</v>
      </c>
      <c r="BN26" s="72">
        <v>25</v>
      </c>
      <c r="BO26" s="73">
        <v>34</v>
      </c>
      <c r="BP26" s="70">
        <v>2</v>
      </c>
      <c r="BQ26" s="71">
        <v>1</v>
      </c>
      <c r="BR26" s="72">
        <v>3</v>
      </c>
      <c r="BS26" s="276"/>
      <c r="BT26" s="71">
        <v>8</v>
      </c>
      <c r="BU26" s="71">
        <v>4</v>
      </c>
      <c r="BV26" s="71">
        <v>3</v>
      </c>
      <c r="BW26" s="71">
        <v>7</v>
      </c>
      <c r="BX26" s="71">
        <v>1</v>
      </c>
      <c r="BY26" s="72">
        <v>23</v>
      </c>
      <c r="BZ26" s="73">
        <v>26</v>
      </c>
      <c r="CA26" s="70">
        <v>0</v>
      </c>
      <c r="CB26" s="71">
        <v>0</v>
      </c>
      <c r="CC26" s="72">
        <v>0</v>
      </c>
      <c r="CD26" s="276"/>
      <c r="CE26" s="71">
        <v>0</v>
      </c>
      <c r="CF26" s="71">
        <v>0</v>
      </c>
      <c r="CG26" s="71">
        <v>0</v>
      </c>
      <c r="CH26" s="71">
        <v>0</v>
      </c>
      <c r="CI26" s="71">
        <v>0</v>
      </c>
      <c r="CJ26" s="72">
        <v>0</v>
      </c>
      <c r="CK26" s="73">
        <v>0</v>
      </c>
      <c r="CL26" s="70">
        <v>13</v>
      </c>
      <c r="CM26" s="71">
        <v>14</v>
      </c>
      <c r="CN26" s="72">
        <v>27</v>
      </c>
      <c r="CO26" s="276"/>
      <c r="CP26" s="71">
        <v>30</v>
      </c>
      <c r="CQ26" s="71">
        <v>26</v>
      </c>
      <c r="CR26" s="71">
        <v>20</v>
      </c>
      <c r="CS26" s="71">
        <v>19</v>
      </c>
      <c r="CT26" s="71">
        <v>6</v>
      </c>
      <c r="CU26" s="72">
        <v>101</v>
      </c>
      <c r="CV26" s="73">
        <v>128</v>
      </c>
      <c r="CW26" s="126">
        <v>7</v>
      </c>
      <c r="CX26" s="82">
        <v>8</v>
      </c>
      <c r="CY26" s="83">
        <v>15</v>
      </c>
      <c r="CZ26" s="273"/>
      <c r="DA26" s="82">
        <v>8</v>
      </c>
      <c r="DB26" s="82">
        <v>11</v>
      </c>
      <c r="DC26" s="82">
        <v>5</v>
      </c>
      <c r="DD26" s="82">
        <v>10</v>
      </c>
      <c r="DE26" s="82">
        <v>4</v>
      </c>
      <c r="DF26" s="84">
        <v>38</v>
      </c>
      <c r="DG26" s="85">
        <v>53</v>
      </c>
      <c r="DH26" s="70">
        <v>0</v>
      </c>
      <c r="DI26" s="71">
        <v>0</v>
      </c>
      <c r="DJ26" s="72">
        <v>0</v>
      </c>
      <c r="DK26" s="276"/>
      <c r="DL26" s="71">
        <v>0</v>
      </c>
      <c r="DM26" s="71">
        <v>1</v>
      </c>
      <c r="DN26" s="71">
        <v>1</v>
      </c>
      <c r="DO26" s="71">
        <v>0</v>
      </c>
      <c r="DP26" s="71">
        <v>0</v>
      </c>
      <c r="DQ26" s="72">
        <v>2</v>
      </c>
      <c r="DR26" s="73">
        <v>2</v>
      </c>
      <c r="DS26" s="70">
        <v>1</v>
      </c>
      <c r="DT26" s="71">
        <v>0</v>
      </c>
      <c r="DU26" s="72">
        <v>1</v>
      </c>
      <c r="DV26" s="276"/>
      <c r="DW26" s="71">
        <v>0</v>
      </c>
      <c r="DX26" s="71">
        <v>1</v>
      </c>
      <c r="DY26" s="71">
        <v>0</v>
      </c>
      <c r="DZ26" s="71">
        <v>0</v>
      </c>
      <c r="EA26" s="71">
        <v>1</v>
      </c>
      <c r="EB26" s="72">
        <v>2</v>
      </c>
      <c r="EC26" s="73">
        <v>3</v>
      </c>
      <c r="ED26" s="70">
        <v>1</v>
      </c>
      <c r="EE26" s="71">
        <v>4</v>
      </c>
      <c r="EF26" s="72">
        <v>5</v>
      </c>
      <c r="EG26" s="276"/>
      <c r="EH26" s="71">
        <v>0</v>
      </c>
      <c r="EI26" s="71">
        <v>0</v>
      </c>
      <c r="EJ26" s="71">
        <v>0</v>
      </c>
      <c r="EK26" s="71">
        <v>0</v>
      </c>
      <c r="EL26" s="71">
        <v>0</v>
      </c>
      <c r="EM26" s="72">
        <v>0</v>
      </c>
      <c r="EN26" s="73">
        <v>5</v>
      </c>
      <c r="EO26" s="70">
        <v>1</v>
      </c>
      <c r="EP26" s="71">
        <v>2</v>
      </c>
      <c r="EQ26" s="72">
        <v>3</v>
      </c>
      <c r="ER26" s="276"/>
      <c r="ES26" s="71">
        <v>0</v>
      </c>
      <c r="ET26" s="71">
        <v>1</v>
      </c>
      <c r="EU26" s="71">
        <v>1</v>
      </c>
      <c r="EV26" s="71">
        <v>0</v>
      </c>
      <c r="EW26" s="71">
        <v>0</v>
      </c>
      <c r="EX26" s="72">
        <v>2</v>
      </c>
      <c r="EY26" s="73">
        <v>5</v>
      </c>
      <c r="EZ26" s="70">
        <v>3</v>
      </c>
      <c r="FA26" s="71">
        <v>1</v>
      </c>
      <c r="FB26" s="72">
        <v>4</v>
      </c>
      <c r="FC26" s="276"/>
      <c r="FD26" s="71">
        <v>2</v>
      </c>
      <c r="FE26" s="71">
        <v>4</v>
      </c>
      <c r="FF26" s="71">
        <v>0</v>
      </c>
      <c r="FG26" s="71">
        <v>1</v>
      </c>
      <c r="FH26" s="71">
        <v>1</v>
      </c>
      <c r="FI26" s="72">
        <v>8</v>
      </c>
      <c r="FJ26" s="73">
        <v>12</v>
      </c>
      <c r="FK26" s="70">
        <v>1</v>
      </c>
      <c r="FL26" s="71">
        <v>1</v>
      </c>
      <c r="FM26" s="72">
        <v>2</v>
      </c>
      <c r="FN26" s="276"/>
      <c r="FO26" s="71">
        <v>6</v>
      </c>
      <c r="FP26" s="71">
        <v>4</v>
      </c>
      <c r="FQ26" s="71">
        <v>3</v>
      </c>
      <c r="FR26" s="71">
        <v>9</v>
      </c>
      <c r="FS26" s="71">
        <v>2</v>
      </c>
      <c r="FT26" s="72">
        <v>24</v>
      </c>
      <c r="FU26" s="73">
        <v>26</v>
      </c>
      <c r="FV26" s="70">
        <v>0</v>
      </c>
      <c r="FW26" s="71">
        <v>0</v>
      </c>
      <c r="FX26" s="72">
        <v>0</v>
      </c>
      <c r="FY26" s="276"/>
      <c r="FZ26" s="71">
        <v>0</v>
      </c>
      <c r="GA26" s="71">
        <v>0</v>
      </c>
      <c r="GB26" s="71">
        <v>0</v>
      </c>
      <c r="GC26" s="71">
        <v>0</v>
      </c>
      <c r="GD26" s="71">
        <v>0</v>
      </c>
      <c r="GE26" s="72">
        <v>0</v>
      </c>
      <c r="GF26" s="73">
        <v>0</v>
      </c>
      <c r="GG26" s="70">
        <v>7</v>
      </c>
      <c r="GH26" s="71">
        <v>8</v>
      </c>
      <c r="GI26" s="72">
        <v>15</v>
      </c>
      <c r="GJ26" s="276"/>
      <c r="GK26" s="71">
        <v>8</v>
      </c>
      <c r="GL26" s="71">
        <v>11</v>
      </c>
      <c r="GM26" s="71">
        <v>5</v>
      </c>
      <c r="GN26" s="71">
        <v>10</v>
      </c>
      <c r="GO26" s="71">
        <v>4</v>
      </c>
      <c r="GP26" s="72">
        <v>38</v>
      </c>
      <c r="GQ26" s="73">
        <v>53</v>
      </c>
      <c r="GR26" s="126">
        <v>20</v>
      </c>
      <c r="GS26" s="82">
        <v>22</v>
      </c>
      <c r="GT26" s="83">
        <v>42</v>
      </c>
      <c r="GU26" s="273"/>
      <c r="GV26" s="82">
        <v>38</v>
      </c>
      <c r="GW26" s="82">
        <v>37</v>
      </c>
      <c r="GX26" s="82">
        <v>25</v>
      </c>
      <c r="GY26" s="82">
        <v>29</v>
      </c>
      <c r="GZ26" s="82">
        <v>10</v>
      </c>
      <c r="HA26" s="84">
        <v>139</v>
      </c>
      <c r="HB26" s="85">
        <v>181</v>
      </c>
      <c r="HC26" s="70">
        <v>0</v>
      </c>
      <c r="HD26" s="71">
        <v>0</v>
      </c>
      <c r="HE26" s="72">
        <v>0</v>
      </c>
      <c r="HF26" s="276"/>
      <c r="HG26" s="71">
        <v>0</v>
      </c>
      <c r="HH26" s="71">
        <v>2</v>
      </c>
      <c r="HI26" s="71">
        <v>1</v>
      </c>
      <c r="HJ26" s="71">
        <v>1</v>
      </c>
      <c r="HK26" s="71">
        <v>0</v>
      </c>
      <c r="HL26" s="72">
        <v>4</v>
      </c>
      <c r="HM26" s="73">
        <v>4</v>
      </c>
      <c r="HN26" s="70">
        <v>4</v>
      </c>
      <c r="HO26" s="71">
        <v>2</v>
      </c>
      <c r="HP26" s="72">
        <v>6</v>
      </c>
      <c r="HQ26" s="276"/>
      <c r="HR26" s="71">
        <v>4</v>
      </c>
      <c r="HS26" s="71">
        <v>4</v>
      </c>
      <c r="HT26" s="71">
        <v>0</v>
      </c>
      <c r="HU26" s="71">
        <v>2</v>
      </c>
      <c r="HV26" s="71">
        <v>2</v>
      </c>
      <c r="HW26" s="72">
        <v>12</v>
      </c>
      <c r="HX26" s="73">
        <v>18</v>
      </c>
      <c r="HY26" s="70">
        <v>5</v>
      </c>
      <c r="HZ26" s="71">
        <v>5</v>
      </c>
      <c r="IA26" s="72">
        <v>10</v>
      </c>
      <c r="IB26" s="276"/>
      <c r="IC26" s="71">
        <v>5</v>
      </c>
      <c r="ID26" s="71">
        <v>4</v>
      </c>
      <c r="IE26" s="71">
        <v>2</v>
      </c>
      <c r="IF26" s="71">
        <v>2</v>
      </c>
      <c r="IG26" s="71">
        <v>0</v>
      </c>
      <c r="IH26" s="72">
        <v>13</v>
      </c>
      <c r="II26" s="73">
        <v>23</v>
      </c>
      <c r="IJ26" s="70">
        <v>2</v>
      </c>
      <c r="IK26" s="71">
        <v>6</v>
      </c>
      <c r="IL26" s="72">
        <v>8</v>
      </c>
      <c r="IM26" s="276"/>
      <c r="IN26" s="71">
        <v>6</v>
      </c>
      <c r="IO26" s="71">
        <v>9</v>
      </c>
      <c r="IP26" s="71">
        <v>11</v>
      </c>
      <c r="IQ26" s="71">
        <v>2</v>
      </c>
      <c r="IR26" s="71">
        <v>2</v>
      </c>
      <c r="IS26" s="72">
        <v>30</v>
      </c>
      <c r="IT26" s="73">
        <v>38</v>
      </c>
      <c r="IU26" s="70">
        <v>6</v>
      </c>
      <c r="IV26" s="71">
        <v>7</v>
      </c>
      <c r="IW26" s="72">
        <v>13</v>
      </c>
      <c r="IX26" s="276"/>
      <c r="IY26" s="71">
        <v>9</v>
      </c>
      <c r="IZ26" s="71">
        <v>10</v>
      </c>
      <c r="JA26" s="71">
        <v>5</v>
      </c>
      <c r="JB26" s="71">
        <v>6</v>
      </c>
      <c r="JC26" s="71">
        <v>3</v>
      </c>
      <c r="JD26" s="72">
        <v>33</v>
      </c>
      <c r="JE26" s="73">
        <v>46</v>
      </c>
      <c r="JF26" s="70">
        <v>3</v>
      </c>
      <c r="JG26" s="71">
        <v>2</v>
      </c>
      <c r="JH26" s="72">
        <v>5</v>
      </c>
      <c r="JI26" s="276"/>
      <c r="JJ26" s="71">
        <v>14</v>
      </c>
      <c r="JK26" s="71">
        <v>8</v>
      </c>
      <c r="JL26" s="71">
        <v>6</v>
      </c>
      <c r="JM26" s="71">
        <v>16</v>
      </c>
      <c r="JN26" s="71">
        <v>3</v>
      </c>
      <c r="JO26" s="72">
        <v>47</v>
      </c>
      <c r="JP26" s="73">
        <v>52</v>
      </c>
      <c r="JQ26" s="70">
        <v>0</v>
      </c>
      <c r="JR26" s="71">
        <v>0</v>
      </c>
      <c r="JS26" s="72">
        <v>0</v>
      </c>
      <c r="JT26" s="276"/>
      <c r="JU26" s="71">
        <v>0</v>
      </c>
      <c r="JV26" s="71">
        <v>0</v>
      </c>
      <c r="JW26" s="71">
        <v>0</v>
      </c>
      <c r="JX26" s="71">
        <v>0</v>
      </c>
      <c r="JY26" s="71">
        <v>0</v>
      </c>
      <c r="JZ26" s="72">
        <v>0</v>
      </c>
      <c r="KA26" s="73">
        <v>0</v>
      </c>
      <c r="KB26" s="70">
        <v>20</v>
      </c>
      <c r="KC26" s="71">
        <v>22</v>
      </c>
      <c r="KD26" s="72">
        <v>42</v>
      </c>
      <c r="KE26" s="276"/>
      <c r="KF26" s="71">
        <v>38</v>
      </c>
      <c r="KG26" s="71">
        <v>37</v>
      </c>
      <c r="KH26" s="71">
        <v>25</v>
      </c>
      <c r="KI26" s="71">
        <v>29</v>
      </c>
      <c r="KJ26" s="71">
        <v>10</v>
      </c>
      <c r="KK26" s="72">
        <v>139</v>
      </c>
      <c r="KL26" s="73">
        <v>181</v>
      </c>
    </row>
    <row r="27" spans="1:298" ht="19.5" customHeight="1" x14ac:dyDescent="0.2">
      <c r="A27" s="129" t="s">
        <v>24</v>
      </c>
      <c r="B27" s="350">
        <v>23</v>
      </c>
      <c r="C27" s="82">
        <v>15</v>
      </c>
      <c r="D27" s="83">
        <v>38</v>
      </c>
      <c r="E27" s="273"/>
      <c r="F27" s="82">
        <v>29</v>
      </c>
      <c r="G27" s="82">
        <v>18</v>
      </c>
      <c r="H27" s="82">
        <v>15</v>
      </c>
      <c r="I27" s="82">
        <v>16</v>
      </c>
      <c r="J27" s="82">
        <v>11</v>
      </c>
      <c r="K27" s="84">
        <v>89</v>
      </c>
      <c r="L27" s="85">
        <v>127</v>
      </c>
      <c r="M27" s="70">
        <v>0</v>
      </c>
      <c r="N27" s="71">
        <v>0</v>
      </c>
      <c r="O27" s="72">
        <v>0</v>
      </c>
      <c r="P27" s="276"/>
      <c r="Q27" s="71">
        <v>0</v>
      </c>
      <c r="R27" s="71">
        <v>0</v>
      </c>
      <c r="S27" s="71">
        <v>0</v>
      </c>
      <c r="T27" s="71">
        <v>0</v>
      </c>
      <c r="U27" s="71">
        <v>1</v>
      </c>
      <c r="V27" s="72">
        <v>1</v>
      </c>
      <c r="W27" s="73">
        <v>1</v>
      </c>
      <c r="X27" s="70">
        <v>0</v>
      </c>
      <c r="Y27" s="71">
        <v>0</v>
      </c>
      <c r="Z27" s="72">
        <v>0</v>
      </c>
      <c r="AA27" s="276"/>
      <c r="AB27" s="71">
        <v>0</v>
      </c>
      <c r="AC27" s="71">
        <v>0</v>
      </c>
      <c r="AD27" s="71">
        <v>3</v>
      </c>
      <c r="AE27" s="71">
        <v>0</v>
      </c>
      <c r="AF27" s="71">
        <v>0</v>
      </c>
      <c r="AG27" s="72">
        <v>3</v>
      </c>
      <c r="AH27" s="73">
        <v>3</v>
      </c>
      <c r="AI27" s="70">
        <v>2</v>
      </c>
      <c r="AJ27" s="71">
        <v>0</v>
      </c>
      <c r="AK27" s="72">
        <v>2</v>
      </c>
      <c r="AL27" s="276"/>
      <c r="AM27" s="71">
        <v>2</v>
      </c>
      <c r="AN27" s="71">
        <v>3</v>
      </c>
      <c r="AO27" s="71">
        <v>1</v>
      </c>
      <c r="AP27" s="71">
        <v>1</v>
      </c>
      <c r="AQ27" s="71">
        <v>1</v>
      </c>
      <c r="AR27" s="72">
        <v>8</v>
      </c>
      <c r="AS27" s="73">
        <v>10</v>
      </c>
      <c r="AT27" s="70">
        <v>8</v>
      </c>
      <c r="AU27" s="71">
        <v>6</v>
      </c>
      <c r="AV27" s="72">
        <v>14</v>
      </c>
      <c r="AW27" s="276"/>
      <c r="AX27" s="71">
        <v>11</v>
      </c>
      <c r="AY27" s="71">
        <v>4</v>
      </c>
      <c r="AZ27" s="71">
        <v>3</v>
      </c>
      <c r="BA27" s="71">
        <v>5</v>
      </c>
      <c r="BB27" s="71">
        <v>2</v>
      </c>
      <c r="BC27" s="72">
        <v>25</v>
      </c>
      <c r="BD27" s="73">
        <v>39</v>
      </c>
      <c r="BE27" s="70">
        <v>9</v>
      </c>
      <c r="BF27" s="71">
        <v>4</v>
      </c>
      <c r="BG27" s="72">
        <v>13</v>
      </c>
      <c r="BH27" s="276"/>
      <c r="BI27" s="71">
        <v>11</v>
      </c>
      <c r="BJ27" s="71">
        <v>6</v>
      </c>
      <c r="BK27" s="71">
        <v>4</v>
      </c>
      <c r="BL27" s="71">
        <v>3</v>
      </c>
      <c r="BM27" s="71">
        <v>4</v>
      </c>
      <c r="BN27" s="72">
        <v>28</v>
      </c>
      <c r="BO27" s="73">
        <v>41</v>
      </c>
      <c r="BP27" s="70">
        <v>4</v>
      </c>
      <c r="BQ27" s="71">
        <v>5</v>
      </c>
      <c r="BR27" s="72">
        <v>9</v>
      </c>
      <c r="BS27" s="276"/>
      <c r="BT27" s="71">
        <v>5</v>
      </c>
      <c r="BU27" s="71">
        <v>5</v>
      </c>
      <c r="BV27" s="71">
        <v>4</v>
      </c>
      <c r="BW27" s="71">
        <v>7</v>
      </c>
      <c r="BX27" s="71">
        <v>3</v>
      </c>
      <c r="BY27" s="72">
        <v>24</v>
      </c>
      <c r="BZ27" s="73">
        <v>33</v>
      </c>
      <c r="CA27" s="70">
        <v>0</v>
      </c>
      <c r="CB27" s="71">
        <v>0</v>
      </c>
      <c r="CC27" s="72">
        <v>0</v>
      </c>
      <c r="CD27" s="276"/>
      <c r="CE27" s="71">
        <v>0</v>
      </c>
      <c r="CF27" s="71">
        <v>0</v>
      </c>
      <c r="CG27" s="71">
        <v>0</v>
      </c>
      <c r="CH27" s="71">
        <v>0</v>
      </c>
      <c r="CI27" s="71">
        <v>0</v>
      </c>
      <c r="CJ27" s="72">
        <v>0</v>
      </c>
      <c r="CK27" s="73">
        <v>0</v>
      </c>
      <c r="CL27" s="70">
        <v>23</v>
      </c>
      <c r="CM27" s="71">
        <v>15</v>
      </c>
      <c r="CN27" s="72">
        <v>38</v>
      </c>
      <c r="CO27" s="276"/>
      <c r="CP27" s="71">
        <v>29</v>
      </c>
      <c r="CQ27" s="71">
        <v>18</v>
      </c>
      <c r="CR27" s="71">
        <v>15</v>
      </c>
      <c r="CS27" s="71">
        <v>16</v>
      </c>
      <c r="CT27" s="71">
        <v>11</v>
      </c>
      <c r="CU27" s="72">
        <v>89</v>
      </c>
      <c r="CV27" s="73">
        <v>127</v>
      </c>
      <c r="CW27" s="126">
        <v>8</v>
      </c>
      <c r="CX27" s="82">
        <v>4</v>
      </c>
      <c r="CY27" s="83">
        <v>12</v>
      </c>
      <c r="CZ27" s="273"/>
      <c r="DA27" s="82">
        <v>9</v>
      </c>
      <c r="DB27" s="82">
        <v>10</v>
      </c>
      <c r="DC27" s="82">
        <v>3</v>
      </c>
      <c r="DD27" s="82">
        <v>4</v>
      </c>
      <c r="DE27" s="82">
        <v>2</v>
      </c>
      <c r="DF27" s="84">
        <v>28</v>
      </c>
      <c r="DG27" s="85">
        <v>40</v>
      </c>
      <c r="DH27" s="70">
        <v>0</v>
      </c>
      <c r="DI27" s="71">
        <v>0</v>
      </c>
      <c r="DJ27" s="72">
        <v>0</v>
      </c>
      <c r="DK27" s="276"/>
      <c r="DL27" s="71">
        <v>0</v>
      </c>
      <c r="DM27" s="71">
        <v>0</v>
      </c>
      <c r="DN27" s="71">
        <v>0</v>
      </c>
      <c r="DO27" s="71">
        <v>0</v>
      </c>
      <c r="DP27" s="71">
        <v>0</v>
      </c>
      <c r="DQ27" s="72">
        <v>0</v>
      </c>
      <c r="DR27" s="73">
        <v>0</v>
      </c>
      <c r="DS27" s="70">
        <v>0</v>
      </c>
      <c r="DT27" s="71">
        <v>0</v>
      </c>
      <c r="DU27" s="72">
        <v>0</v>
      </c>
      <c r="DV27" s="276"/>
      <c r="DW27" s="71">
        <v>2</v>
      </c>
      <c r="DX27" s="71">
        <v>0</v>
      </c>
      <c r="DY27" s="71">
        <v>0</v>
      </c>
      <c r="DZ27" s="71">
        <v>2</v>
      </c>
      <c r="EA27" s="71">
        <v>0</v>
      </c>
      <c r="EB27" s="72">
        <v>4</v>
      </c>
      <c r="EC27" s="73">
        <v>4</v>
      </c>
      <c r="ED27" s="70">
        <v>1</v>
      </c>
      <c r="EE27" s="71">
        <v>0</v>
      </c>
      <c r="EF27" s="72">
        <v>1</v>
      </c>
      <c r="EG27" s="276"/>
      <c r="EH27" s="71">
        <v>1</v>
      </c>
      <c r="EI27" s="71">
        <v>1</v>
      </c>
      <c r="EJ27" s="71">
        <v>0</v>
      </c>
      <c r="EK27" s="71">
        <v>0</v>
      </c>
      <c r="EL27" s="71">
        <v>0</v>
      </c>
      <c r="EM27" s="72">
        <v>2</v>
      </c>
      <c r="EN27" s="73">
        <v>3</v>
      </c>
      <c r="EO27" s="70">
        <v>0</v>
      </c>
      <c r="EP27" s="71">
        <v>2</v>
      </c>
      <c r="EQ27" s="72">
        <v>2</v>
      </c>
      <c r="ER27" s="276"/>
      <c r="ES27" s="71">
        <v>1</v>
      </c>
      <c r="ET27" s="71">
        <v>2</v>
      </c>
      <c r="EU27" s="71">
        <v>2</v>
      </c>
      <c r="EV27" s="71">
        <v>0</v>
      </c>
      <c r="EW27" s="71">
        <v>0</v>
      </c>
      <c r="EX27" s="72">
        <v>5</v>
      </c>
      <c r="EY27" s="73">
        <v>7</v>
      </c>
      <c r="EZ27" s="70">
        <v>5</v>
      </c>
      <c r="FA27" s="71">
        <v>1</v>
      </c>
      <c r="FB27" s="72">
        <v>6</v>
      </c>
      <c r="FC27" s="276"/>
      <c r="FD27" s="71">
        <v>3</v>
      </c>
      <c r="FE27" s="71">
        <v>3</v>
      </c>
      <c r="FF27" s="71">
        <v>1</v>
      </c>
      <c r="FG27" s="71">
        <v>1</v>
      </c>
      <c r="FH27" s="71">
        <v>2</v>
      </c>
      <c r="FI27" s="72">
        <v>10</v>
      </c>
      <c r="FJ27" s="73">
        <v>16</v>
      </c>
      <c r="FK27" s="70">
        <v>2</v>
      </c>
      <c r="FL27" s="71">
        <v>1</v>
      </c>
      <c r="FM27" s="72">
        <v>3</v>
      </c>
      <c r="FN27" s="276"/>
      <c r="FO27" s="71">
        <v>2</v>
      </c>
      <c r="FP27" s="71">
        <v>4</v>
      </c>
      <c r="FQ27" s="71">
        <v>0</v>
      </c>
      <c r="FR27" s="71">
        <v>1</v>
      </c>
      <c r="FS27" s="71">
        <v>0</v>
      </c>
      <c r="FT27" s="72">
        <v>7</v>
      </c>
      <c r="FU27" s="73">
        <v>10</v>
      </c>
      <c r="FV27" s="70">
        <v>0</v>
      </c>
      <c r="FW27" s="71">
        <v>0</v>
      </c>
      <c r="FX27" s="72">
        <v>0</v>
      </c>
      <c r="FY27" s="276"/>
      <c r="FZ27" s="71">
        <v>0</v>
      </c>
      <c r="GA27" s="71">
        <v>0</v>
      </c>
      <c r="GB27" s="71">
        <v>0</v>
      </c>
      <c r="GC27" s="71">
        <v>0</v>
      </c>
      <c r="GD27" s="71">
        <v>0</v>
      </c>
      <c r="GE27" s="72">
        <v>0</v>
      </c>
      <c r="GF27" s="73">
        <v>0</v>
      </c>
      <c r="GG27" s="70">
        <v>8</v>
      </c>
      <c r="GH27" s="71">
        <v>4</v>
      </c>
      <c r="GI27" s="72">
        <v>12</v>
      </c>
      <c r="GJ27" s="276"/>
      <c r="GK27" s="71">
        <v>9</v>
      </c>
      <c r="GL27" s="71">
        <v>10</v>
      </c>
      <c r="GM27" s="71">
        <v>3</v>
      </c>
      <c r="GN27" s="71">
        <v>4</v>
      </c>
      <c r="GO27" s="71">
        <v>2</v>
      </c>
      <c r="GP27" s="72">
        <v>28</v>
      </c>
      <c r="GQ27" s="73">
        <v>40</v>
      </c>
      <c r="GR27" s="126">
        <v>31</v>
      </c>
      <c r="GS27" s="82">
        <v>19</v>
      </c>
      <c r="GT27" s="83">
        <v>50</v>
      </c>
      <c r="GU27" s="273"/>
      <c r="GV27" s="82">
        <v>38</v>
      </c>
      <c r="GW27" s="82">
        <v>28</v>
      </c>
      <c r="GX27" s="82">
        <v>18</v>
      </c>
      <c r="GY27" s="82">
        <v>20</v>
      </c>
      <c r="GZ27" s="82">
        <v>13</v>
      </c>
      <c r="HA27" s="84">
        <v>117</v>
      </c>
      <c r="HB27" s="85">
        <v>167</v>
      </c>
      <c r="HC27" s="70">
        <v>0</v>
      </c>
      <c r="HD27" s="71">
        <v>0</v>
      </c>
      <c r="HE27" s="72">
        <v>0</v>
      </c>
      <c r="HF27" s="276"/>
      <c r="HG27" s="71">
        <v>0</v>
      </c>
      <c r="HH27" s="71">
        <v>0</v>
      </c>
      <c r="HI27" s="71">
        <v>0</v>
      </c>
      <c r="HJ27" s="71">
        <v>0</v>
      </c>
      <c r="HK27" s="71">
        <v>1</v>
      </c>
      <c r="HL27" s="72">
        <v>1</v>
      </c>
      <c r="HM27" s="73">
        <v>1</v>
      </c>
      <c r="HN27" s="70">
        <v>0</v>
      </c>
      <c r="HO27" s="71">
        <v>0</v>
      </c>
      <c r="HP27" s="72">
        <v>0</v>
      </c>
      <c r="HQ27" s="276"/>
      <c r="HR27" s="71">
        <v>2</v>
      </c>
      <c r="HS27" s="71">
        <v>0</v>
      </c>
      <c r="HT27" s="71">
        <v>3</v>
      </c>
      <c r="HU27" s="71">
        <v>2</v>
      </c>
      <c r="HV27" s="71">
        <v>0</v>
      </c>
      <c r="HW27" s="72">
        <v>7</v>
      </c>
      <c r="HX27" s="73">
        <v>7</v>
      </c>
      <c r="HY27" s="70">
        <v>3</v>
      </c>
      <c r="HZ27" s="71">
        <v>0</v>
      </c>
      <c r="IA27" s="72">
        <v>3</v>
      </c>
      <c r="IB27" s="276"/>
      <c r="IC27" s="71">
        <v>3</v>
      </c>
      <c r="ID27" s="71">
        <v>4</v>
      </c>
      <c r="IE27" s="71">
        <v>1</v>
      </c>
      <c r="IF27" s="71">
        <v>1</v>
      </c>
      <c r="IG27" s="71">
        <v>1</v>
      </c>
      <c r="IH27" s="72">
        <v>10</v>
      </c>
      <c r="II27" s="73">
        <v>13</v>
      </c>
      <c r="IJ27" s="70">
        <v>8</v>
      </c>
      <c r="IK27" s="71">
        <v>8</v>
      </c>
      <c r="IL27" s="72">
        <v>16</v>
      </c>
      <c r="IM27" s="276"/>
      <c r="IN27" s="71">
        <v>12</v>
      </c>
      <c r="IO27" s="71">
        <v>6</v>
      </c>
      <c r="IP27" s="71">
        <v>5</v>
      </c>
      <c r="IQ27" s="71">
        <v>5</v>
      </c>
      <c r="IR27" s="71">
        <v>2</v>
      </c>
      <c r="IS27" s="72">
        <v>30</v>
      </c>
      <c r="IT27" s="73">
        <v>46</v>
      </c>
      <c r="IU27" s="70">
        <v>14</v>
      </c>
      <c r="IV27" s="71">
        <v>5</v>
      </c>
      <c r="IW27" s="72">
        <v>19</v>
      </c>
      <c r="IX27" s="276"/>
      <c r="IY27" s="71">
        <v>14</v>
      </c>
      <c r="IZ27" s="71">
        <v>9</v>
      </c>
      <c r="JA27" s="71">
        <v>5</v>
      </c>
      <c r="JB27" s="71">
        <v>4</v>
      </c>
      <c r="JC27" s="71">
        <v>6</v>
      </c>
      <c r="JD27" s="72">
        <v>38</v>
      </c>
      <c r="JE27" s="73">
        <v>57</v>
      </c>
      <c r="JF27" s="70">
        <v>6</v>
      </c>
      <c r="JG27" s="71">
        <v>6</v>
      </c>
      <c r="JH27" s="72">
        <v>12</v>
      </c>
      <c r="JI27" s="276"/>
      <c r="JJ27" s="71">
        <v>7</v>
      </c>
      <c r="JK27" s="71">
        <v>9</v>
      </c>
      <c r="JL27" s="71">
        <v>4</v>
      </c>
      <c r="JM27" s="71">
        <v>8</v>
      </c>
      <c r="JN27" s="71">
        <v>3</v>
      </c>
      <c r="JO27" s="72">
        <v>31</v>
      </c>
      <c r="JP27" s="73">
        <v>43</v>
      </c>
      <c r="JQ27" s="70">
        <v>0</v>
      </c>
      <c r="JR27" s="71">
        <v>0</v>
      </c>
      <c r="JS27" s="72">
        <v>0</v>
      </c>
      <c r="JT27" s="276"/>
      <c r="JU27" s="71">
        <v>0</v>
      </c>
      <c r="JV27" s="71">
        <v>0</v>
      </c>
      <c r="JW27" s="71">
        <v>0</v>
      </c>
      <c r="JX27" s="71">
        <v>0</v>
      </c>
      <c r="JY27" s="71">
        <v>0</v>
      </c>
      <c r="JZ27" s="72">
        <v>0</v>
      </c>
      <c r="KA27" s="73">
        <v>0</v>
      </c>
      <c r="KB27" s="70">
        <v>31</v>
      </c>
      <c r="KC27" s="71">
        <v>19</v>
      </c>
      <c r="KD27" s="72">
        <v>50</v>
      </c>
      <c r="KE27" s="276"/>
      <c r="KF27" s="71">
        <v>38</v>
      </c>
      <c r="KG27" s="71">
        <v>28</v>
      </c>
      <c r="KH27" s="71">
        <v>18</v>
      </c>
      <c r="KI27" s="71">
        <v>20</v>
      </c>
      <c r="KJ27" s="71">
        <v>13</v>
      </c>
      <c r="KK27" s="72">
        <v>117</v>
      </c>
      <c r="KL27" s="73">
        <v>167</v>
      </c>
    </row>
    <row r="28" spans="1:298" ht="19.5" customHeight="1" x14ac:dyDescent="0.2">
      <c r="A28" s="129" t="s">
        <v>25</v>
      </c>
      <c r="B28" s="350">
        <v>7</v>
      </c>
      <c r="C28" s="82">
        <v>11</v>
      </c>
      <c r="D28" s="83">
        <v>18</v>
      </c>
      <c r="E28" s="273"/>
      <c r="F28" s="82">
        <v>12</v>
      </c>
      <c r="G28" s="82">
        <v>6</v>
      </c>
      <c r="H28" s="82">
        <v>7</v>
      </c>
      <c r="I28" s="82">
        <v>3</v>
      </c>
      <c r="J28" s="82">
        <v>5</v>
      </c>
      <c r="K28" s="84">
        <v>33</v>
      </c>
      <c r="L28" s="85">
        <v>51</v>
      </c>
      <c r="M28" s="70">
        <v>0</v>
      </c>
      <c r="N28" s="71">
        <v>1</v>
      </c>
      <c r="O28" s="72">
        <v>1</v>
      </c>
      <c r="P28" s="276"/>
      <c r="Q28" s="71">
        <v>0</v>
      </c>
      <c r="R28" s="71">
        <v>1</v>
      </c>
      <c r="S28" s="71">
        <v>0</v>
      </c>
      <c r="T28" s="71">
        <v>0</v>
      </c>
      <c r="U28" s="71">
        <v>1</v>
      </c>
      <c r="V28" s="72">
        <v>2</v>
      </c>
      <c r="W28" s="73">
        <v>3</v>
      </c>
      <c r="X28" s="70">
        <v>0</v>
      </c>
      <c r="Y28" s="71">
        <v>1</v>
      </c>
      <c r="Z28" s="72">
        <v>1</v>
      </c>
      <c r="AA28" s="276"/>
      <c r="AB28" s="71">
        <v>2</v>
      </c>
      <c r="AC28" s="71">
        <v>0</v>
      </c>
      <c r="AD28" s="71">
        <v>0</v>
      </c>
      <c r="AE28" s="71">
        <v>1</v>
      </c>
      <c r="AF28" s="71">
        <v>0</v>
      </c>
      <c r="AG28" s="72">
        <v>3</v>
      </c>
      <c r="AH28" s="73">
        <v>4</v>
      </c>
      <c r="AI28" s="70">
        <v>1</v>
      </c>
      <c r="AJ28" s="71">
        <v>2</v>
      </c>
      <c r="AK28" s="72">
        <v>3</v>
      </c>
      <c r="AL28" s="276"/>
      <c r="AM28" s="71">
        <v>2</v>
      </c>
      <c r="AN28" s="71">
        <v>1</v>
      </c>
      <c r="AO28" s="71">
        <v>0</v>
      </c>
      <c r="AP28" s="71">
        <v>1</v>
      </c>
      <c r="AQ28" s="71">
        <v>0</v>
      </c>
      <c r="AR28" s="72">
        <v>4</v>
      </c>
      <c r="AS28" s="73">
        <v>7</v>
      </c>
      <c r="AT28" s="70">
        <v>2</v>
      </c>
      <c r="AU28" s="71">
        <v>2</v>
      </c>
      <c r="AV28" s="72">
        <v>4</v>
      </c>
      <c r="AW28" s="276"/>
      <c r="AX28" s="71">
        <v>2</v>
      </c>
      <c r="AY28" s="71">
        <v>1</v>
      </c>
      <c r="AZ28" s="71">
        <v>5</v>
      </c>
      <c r="BA28" s="71">
        <v>1</v>
      </c>
      <c r="BB28" s="71">
        <v>0</v>
      </c>
      <c r="BC28" s="72">
        <v>9</v>
      </c>
      <c r="BD28" s="73">
        <v>13</v>
      </c>
      <c r="BE28" s="70">
        <v>3</v>
      </c>
      <c r="BF28" s="71">
        <v>3</v>
      </c>
      <c r="BG28" s="72">
        <v>6</v>
      </c>
      <c r="BH28" s="276"/>
      <c r="BI28" s="71">
        <v>5</v>
      </c>
      <c r="BJ28" s="71">
        <v>0</v>
      </c>
      <c r="BK28" s="71">
        <v>2</v>
      </c>
      <c r="BL28" s="71">
        <v>0</v>
      </c>
      <c r="BM28" s="71">
        <v>4</v>
      </c>
      <c r="BN28" s="72">
        <v>11</v>
      </c>
      <c r="BO28" s="73">
        <v>17</v>
      </c>
      <c r="BP28" s="70">
        <v>1</v>
      </c>
      <c r="BQ28" s="71">
        <v>2</v>
      </c>
      <c r="BR28" s="72">
        <v>3</v>
      </c>
      <c r="BS28" s="276"/>
      <c r="BT28" s="71">
        <v>1</v>
      </c>
      <c r="BU28" s="71">
        <v>3</v>
      </c>
      <c r="BV28" s="71">
        <v>0</v>
      </c>
      <c r="BW28" s="71">
        <v>0</v>
      </c>
      <c r="BX28" s="71">
        <v>0</v>
      </c>
      <c r="BY28" s="72">
        <v>4</v>
      </c>
      <c r="BZ28" s="73">
        <v>7</v>
      </c>
      <c r="CA28" s="70">
        <v>0</v>
      </c>
      <c r="CB28" s="71">
        <v>0</v>
      </c>
      <c r="CC28" s="72">
        <v>0</v>
      </c>
      <c r="CD28" s="276"/>
      <c r="CE28" s="71">
        <v>0</v>
      </c>
      <c r="CF28" s="71">
        <v>0</v>
      </c>
      <c r="CG28" s="71">
        <v>0</v>
      </c>
      <c r="CH28" s="71">
        <v>0</v>
      </c>
      <c r="CI28" s="71">
        <v>0</v>
      </c>
      <c r="CJ28" s="72">
        <v>0</v>
      </c>
      <c r="CK28" s="73">
        <v>0</v>
      </c>
      <c r="CL28" s="70">
        <v>7</v>
      </c>
      <c r="CM28" s="71">
        <v>11</v>
      </c>
      <c r="CN28" s="72">
        <v>18</v>
      </c>
      <c r="CO28" s="276"/>
      <c r="CP28" s="71">
        <v>12</v>
      </c>
      <c r="CQ28" s="71">
        <v>6</v>
      </c>
      <c r="CR28" s="71">
        <v>7</v>
      </c>
      <c r="CS28" s="71">
        <v>3</v>
      </c>
      <c r="CT28" s="71">
        <v>5</v>
      </c>
      <c r="CU28" s="72">
        <v>33</v>
      </c>
      <c r="CV28" s="73">
        <v>51</v>
      </c>
      <c r="CW28" s="126">
        <v>4</v>
      </c>
      <c r="CX28" s="82">
        <v>7</v>
      </c>
      <c r="CY28" s="83">
        <v>11</v>
      </c>
      <c r="CZ28" s="273"/>
      <c r="DA28" s="82">
        <v>12</v>
      </c>
      <c r="DB28" s="82">
        <v>5</v>
      </c>
      <c r="DC28" s="82">
        <v>2</v>
      </c>
      <c r="DD28" s="82">
        <v>7</v>
      </c>
      <c r="DE28" s="82">
        <v>2</v>
      </c>
      <c r="DF28" s="84">
        <v>28</v>
      </c>
      <c r="DG28" s="85">
        <v>39</v>
      </c>
      <c r="DH28" s="70">
        <v>0</v>
      </c>
      <c r="DI28" s="71">
        <v>0</v>
      </c>
      <c r="DJ28" s="72">
        <v>0</v>
      </c>
      <c r="DK28" s="276"/>
      <c r="DL28" s="71">
        <v>0</v>
      </c>
      <c r="DM28" s="71">
        <v>0</v>
      </c>
      <c r="DN28" s="71">
        <v>0</v>
      </c>
      <c r="DO28" s="71">
        <v>0</v>
      </c>
      <c r="DP28" s="71">
        <v>0</v>
      </c>
      <c r="DQ28" s="72">
        <v>0</v>
      </c>
      <c r="DR28" s="73">
        <v>0</v>
      </c>
      <c r="DS28" s="70">
        <v>0</v>
      </c>
      <c r="DT28" s="71">
        <v>0</v>
      </c>
      <c r="DU28" s="72">
        <v>0</v>
      </c>
      <c r="DV28" s="276"/>
      <c r="DW28" s="71">
        <v>1</v>
      </c>
      <c r="DX28" s="71">
        <v>0</v>
      </c>
      <c r="DY28" s="71">
        <v>0</v>
      </c>
      <c r="DZ28" s="71">
        <v>1</v>
      </c>
      <c r="EA28" s="71">
        <v>1</v>
      </c>
      <c r="EB28" s="72">
        <v>3</v>
      </c>
      <c r="EC28" s="73">
        <v>3</v>
      </c>
      <c r="ED28" s="70">
        <v>1</v>
      </c>
      <c r="EE28" s="71">
        <v>2</v>
      </c>
      <c r="EF28" s="72">
        <v>3</v>
      </c>
      <c r="EG28" s="276"/>
      <c r="EH28" s="71">
        <v>1</v>
      </c>
      <c r="EI28" s="71">
        <v>1</v>
      </c>
      <c r="EJ28" s="71">
        <v>0</v>
      </c>
      <c r="EK28" s="71">
        <v>0</v>
      </c>
      <c r="EL28" s="71">
        <v>0</v>
      </c>
      <c r="EM28" s="72">
        <v>2</v>
      </c>
      <c r="EN28" s="73">
        <v>5</v>
      </c>
      <c r="EO28" s="70">
        <v>0</v>
      </c>
      <c r="EP28" s="71">
        <v>1</v>
      </c>
      <c r="EQ28" s="72">
        <v>1</v>
      </c>
      <c r="ER28" s="276"/>
      <c r="ES28" s="71">
        <v>0</v>
      </c>
      <c r="ET28" s="71">
        <v>0</v>
      </c>
      <c r="EU28" s="71">
        <v>0</v>
      </c>
      <c r="EV28" s="71">
        <v>3</v>
      </c>
      <c r="EW28" s="71">
        <v>1</v>
      </c>
      <c r="EX28" s="72">
        <v>4</v>
      </c>
      <c r="EY28" s="73">
        <v>5</v>
      </c>
      <c r="EZ28" s="70">
        <v>1</v>
      </c>
      <c r="FA28" s="71">
        <v>2</v>
      </c>
      <c r="FB28" s="72">
        <v>3</v>
      </c>
      <c r="FC28" s="276"/>
      <c r="FD28" s="71">
        <v>5</v>
      </c>
      <c r="FE28" s="71">
        <v>0</v>
      </c>
      <c r="FF28" s="71">
        <v>1</v>
      </c>
      <c r="FG28" s="71">
        <v>2</v>
      </c>
      <c r="FH28" s="71">
        <v>0</v>
      </c>
      <c r="FI28" s="72">
        <v>8</v>
      </c>
      <c r="FJ28" s="73">
        <v>11</v>
      </c>
      <c r="FK28" s="70">
        <v>2</v>
      </c>
      <c r="FL28" s="71">
        <v>2</v>
      </c>
      <c r="FM28" s="72">
        <v>4</v>
      </c>
      <c r="FN28" s="276"/>
      <c r="FO28" s="71">
        <v>5</v>
      </c>
      <c r="FP28" s="71">
        <v>4</v>
      </c>
      <c r="FQ28" s="71">
        <v>1</v>
      </c>
      <c r="FR28" s="71">
        <v>1</v>
      </c>
      <c r="FS28" s="71">
        <v>0</v>
      </c>
      <c r="FT28" s="72">
        <v>11</v>
      </c>
      <c r="FU28" s="73">
        <v>15</v>
      </c>
      <c r="FV28" s="70">
        <v>0</v>
      </c>
      <c r="FW28" s="71">
        <v>0</v>
      </c>
      <c r="FX28" s="72">
        <v>0</v>
      </c>
      <c r="FY28" s="276"/>
      <c r="FZ28" s="71">
        <v>0</v>
      </c>
      <c r="GA28" s="71">
        <v>0</v>
      </c>
      <c r="GB28" s="71">
        <v>0</v>
      </c>
      <c r="GC28" s="71">
        <v>0</v>
      </c>
      <c r="GD28" s="71">
        <v>0</v>
      </c>
      <c r="GE28" s="72">
        <v>0</v>
      </c>
      <c r="GF28" s="73">
        <v>0</v>
      </c>
      <c r="GG28" s="70">
        <v>4</v>
      </c>
      <c r="GH28" s="71">
        <v>7</v>
      </c>
      <c r="GI28" s="72">
        <v>11</v>
      </c>
      <c r="GJ28" s="276"/>
      <c r="GK28" s="71">
        <v>12</v>
      </c>
      <c r="GL28" s="71">
        <v>5</v>
      </c>
      <c r="GM28" s="71">
        <v>2</v>
      </c>
      <c r="GN28" s="71">
        <v>7</v>
      </c>
      <c r="GO28" s="71">
        <v>2</v>
      </c>
      <c r="GP28" s="72">
        <v>28</v>
      </c>
      <c r="GQ28" s="73">
        <v>39</v>
      </c>
      <c r="GR28" s="126">
        <v>11</v>
      </c>
      <c r="GS28" s="82">
        <v>18</v>
      </c>
      <c r="GT28" s="83">
        <v>29</v>
      </c>
      <c r="GU28" s="273"/>
      <c r="GV28" s="82">
        <v>24</v>
      </c>
      <c r="GW28" s="82">
        <v>11</v>
      </c>
      <c r="GX28" s="82">
        <v>9</v>
      </c>
      <c r="GY28" s="82">
        <v>10</v>
      </c>
      <c r="GZ28" s="82">
        <v>7</v>
      </c>
      <c r="HA28" s="84">
        <v>61</v>
      </c>
      <c r="HB28" s="85">
        <v>90</v>
      </c>
      <c r="HC28" s="70">
        <v>0</v>
      </c>
      <c r="HD28" s="71">
        <v>1</v>
      </c>
      <c r="HE28" s="72">
        <v>1</v>
      </c>
      <c r="HF28" s="276"/>
      <c r="HG28" s="71">
        <v>0</v>
      </c>
      <c r="HH28" s="71">
        <v>1</v>
      </c>
      <c r="HI28" s="71">
        <v>0</v>
      </c>
      <c r="HJ28" s="71">
        <v>0</v>
      </c>
      <c r="HK28" s="71">
        <v>1</v>
      </c>
      <c r="HL28" s="72">
        <v>2</v>
      </c>
      <c r="HM28" s="73">
        <v>3</v>
      </c>
      <c r="HN28" s="70">
        <v>0</v>
      </c>
      <c r="HO28" s="71">
        <v>1</v>
      </c>
      <c r="HP28" s="72">
        <v>1</v>
      </c>
      <c r="HQ28" s="276"/>
      <c r="HR28" s="71">
        <v>3</v>
      </c>
      <c r="HS28" s="71">
        <v>0</v>
      </c>
      <c r="HT28" s="71">
        <v>0</v>
      </c>
      <c r="HU28" s="71">
        <v>2</v>
      </c>
      <c r="HV28" s="71">
        <v>1</v>
      </c>
      <c r="HW28" s="72">
        <v>6</v>
      </c>
      <c r="HX28" s="73">
        <v>7</v>
      </c>
      <c r="HY28" s="70">
        <v>2</v>
      </c>
      <c r="HZ28" s="71">
        <v>4</v>
      </c>
      <c r="IA28" s="72">
        <v>6</v>
      </c>
      <c r="IB28" s="276"/>
      <c r="IC28" s="71">
        <v>3</v>
      </c>
      <c r="ID28" s="71">
        <v>2</v>
      </c>
      <c r="IE28" s="71">
        <v>0</v>
      </c>
      <c r="IF28" s="71">
        <v>1</v>
      </c>
      <c r="IG28" s="71">
        <v>0</v>
      </c>
      <c r="IH28" s="72">
        <v>6</v>
      </c>
      <c r="II28" s="73">
        <v>12</v>
      </c>
      <c r="IJ28" s="70">
        <v>2</v>
      </c>
      <c r="IK28" s="71">
        <v>3</v>
      </c>
      <c r="IL28" s="72">
        <v>5</v>
      </c>
      <c r="IM28" s="276"/>
      <c r="IN28" s="71">
        <v>2</v>
      </c>
      <c r="IO28" s="71">
        <v>1</v>
      </c>
      <c r="IP28" s="71">
        <v>5</v>
      </c>
      <c r="IQ28" s="71">
        <v>4</v>
      </c>
      <c r="IR28" s="71">
        <v>1</v>
      </c>
      <c r="IS28" s="72">
        <v>13</v>
      </c>
      <c r="IT28" s="73">
        <v>18</v>
      </c>
      <c r="IU28" s="70">
        <v>4</v>
      </c>
      <c r="IV28" s="71">
        <v>5</v>
      </c>
      <c r="IW28" s="72">
        <v>9</v>
      </c>
      <c r="IX28" s="276"/>
      <c r="IY28" s="71">
        <v>10</v>
      </c>
      <c r="IZ28" s="71">
        <v>0</v>
      </c>
      <c r="JA28" s="71">
        <v>3</v>
      </c>
      <c r="JB28" s="71">
        <v>2</v>
      </c>
      <c r="JC28" s="71">
        <v>4</v>
      </c>
      <c r="JD28" s="72">
        <v>19</v>
      </c>
      <c r="JE28" s="73">
        <v>28</v>
      </c>
      <c r="JF28" s="70">
        <v>3</v>
      </c>
      <c r="JG28" s="71">
        <v>4</v>
      </c>
      <c r="JH28" s="72">
        <v>7</v>
      </c>
      <c r="JI28" s="276"/>
      <c r="JJ28" s="71">
        <v>6</v>
      </c>
      <c r="JK28" s="71">
        <v>7</v>
      </c>
      <c r="JL28" s="71">
        <v>1</v>
      </c>
      <c r="JM28" s="71">
        <v>1</v>
      </c>
      <c r="JN28" s="71">
        <v>0</v>
      </c>
      <c r="JO28" s="72">
        <v>15</v>
      </c>
      <c r="JP28" s="73">
        <v>22</v>
      </c>
      <c r="JQ28" s="70">
        <v>0</v>
      </c>
      <c r="JR28" s="71">
        <v>0</v>
      </c>
      <c r="JS28" s="72">
        <v>0</v>
      </c>
      <c r="JT28" s="276"/>
      <c r="JU28" s="71">
        <v>0</v>
      </c>
      <c r="JV28" s="71">
        <v>0</v>
      </c>
      <c r="JW28" s="71">
        <v>0</v>
      </c>
      <c r="JX28" s="71">
        <v>0</v>
      </c>
      <c r="JY28" s="71">
        <v>0</v>
      </c>
      <c r="JZ28" s="72">
        <v>0</v>
      </c>
      <c r="KA28" s="73">
        <v>0</v>
      </c>
      <c r="KB28" s="70">
        <v>11</v>
      </c>
      <c r="KC28" s="71">
        <v>18</v>
      </c>
      <c r="KD28" s="72">
        <v>29</v>
      </c>
      <c r="KE28" s="276"/>
      <c r="KF28" s="71">
        <v>24</v>
      </c>
      <c r="KG28" s="71">
        <v>11</v>
      </c>
      <c r="KH28" s="71">
        <v>9</v>
      </c>
      <c r="KI28" s="71">
        <v>10</v>
      </c>
      <c r="KJ28" s="71">
        <v>7</v>
      </c>
      <c r="KK28" s="72">
        <v>61</v>
      </c>
      <c r="KL28" s="73">
        <v>90</v>
      </c>
    </row>
    <row r="29" spans="1:298" ht="19.5" customHeight="1" x14ac:dyDescent="0.2">
      <c r="A29" s="129" t="s">
        <v>26</v>
      </c>
      <c r="B29" s="350">
        <v>16</v>
      </c>
      <c r="C29" s="82">
        <v>11</v>
      </c>
      <c r="D29" s="83">
        <v>27</v>
      </c>
      <c r="E29" s="273"/>
      <c r="F29" s="82">
        <v>26</v>
      </c>
      <c r="G29" s="82">
        <v>14</v>
      </c>
      <c r="H29" s="82">
        <v>10</v>
      </c>
      <c r="I29" s="82">
        <v>5</v>
      </c>
      <c r="J29" s="82">
        <v>4</v>
      </c>
      <c r="K29" s="84">
        <v>59</v>
      </c>
      <c r="L29" s="85">
        <v>86</v>
      </c>
      <c r="M29" s="70">
        <v>1</v>
      </c>
      <c r="N29" s="71">
        <v>0</v>
      </c>
      <c r="O29" s="72">
        <v>1</v>
      </c>
      <c r="P29" s="276"/>
      <c r="Q29" s="71">
        <v>1</v>
      </c>
      <c r="R29" s="71">
        <v>0</v>
      </c>
      <c r="S29" s="71">
        <v>0</v>
      </c>
      <c r="T29" s="71">
        <v>0</v>
      </c>
      <c r="U29" s="71">
        <v>0</v>
      </c>
      <c r="V29" s="72">
        <v>1</v>
      </c>
      <c r="W29" s="73">
        <v>2</v>
      </c>
      <c r="X29" s="70">
        <v>2</v>
      </c>
      <c r="Y29" s="71">
        <v>0</v>
      </c>
      <c r="Z29" s="72">
        <v>2</v>
      </c>
      <c r="AA29" s="276"/>
      <c r="AB29" s="71">
        <v>2</v>
      </c>
      <c r="AC29" s="71">
        <v>1</v>
      </c>
      <c r="AD29" s="71">
        <v>2</v>
      </c>
      <c r="AE29" s="71">
        <v>0</v>
      </c>
      <c r="AF29" s="71">
        <v>0</v>
      </c>
      <c r="AG29" s="72">
        <v>5</v>
      </c>
      <c r="AH29" s="73">
        <v>7</v>
      </c>
      <c r="AI29" s="70">
        <v>2</v>
      </c>
      <c r="AJ29" s="71">
        <v>2</v>
      </c>
      <c r="AK29" s="72">
        <v>4</v>
      </c>
      <c r="AL29" s="276"/>
      <c r="AM29" s="71">
        <v>3</v>
      </c>
      <c r="AN29" s="71">
        <v>1</v>
      </c>
      <c r="AO29" s="71">
        <v>2</v>
      </c>
      <c r="AP29" s="71">
        <v>1</v>
      </c>
      <c r="AQ29" s="71">
        <v>0</v>
      </c>
      <c r="AR29" s="72">
        <v>7</v>
      </c>
      <c r="AS29" s="73">
        <v>11</v>
      </c>
      <c r="AT29" s="70">
        <v>3</v>
      </c>
      <c r="AU29" s="71">
        <v>1</v>
      </c>
      <c r="AV29" s="72">
        <v>4</v>
      </c>
      <c r="AW29" s="276"/>
      <c r="AX29" s="71">
        <v>7</v>
      </c>
      <c r="AY29" s="71">
        <v>3</v>
      </c>
      <c r="AZ29" s="71">
        <v>1</v>
      </c>
      <c r="BA29" s="71">
        <v>0</v>
      </c>
      <c r="BB29" s="71">
        <v>1</v>
      </c>
      <c r="BC29" s="72">
        <v>12</v>
      </c>
      <c r="BD29" s="73">
        <v>16</v>
      </c>
      <c r="BE29" s="70">
        <v>6</v>
      </c>
      <c r="BF29" s="71">
        <v>3</v>
      </c>
      <c r="BG29" s="72">
        <v>9</v>
      </c>
      <c r="BH29" s="276"/>
      <c r="BI29" s="71">
        <v>2</v>
      </c>
      <c r="BJ29" s="71">
        <v>5</v>
      </c>
      <c r="BK29" s="71">
        <v>1</v>
      </c>
      <c r="BL29" s="71">
        <v>1</v>
      </c>
      <c r="BM29" s="71">
        <v>2</v>
      </c>
      <c r="BN29" s="72">
        <v>11</v>
      </c>
      <c r="BO29" s="73">
        <v>20</v>
      </c>
      <c r="BP29" s="70">
        <v>2</v>
      </c>
      <c r="BQ29" s="71">
        <v>5</v>
      </c>
      <c r="BR29" s="72">
        <v>7</v>
      </c>
      <c r="BS29" s="276"/>
      <c r="BT29" s="71">
        <v>11</v>
      </c>
      <c r="BU29" s="71">
        <v>4</v>
      </c>
      <c r="BV29" s="71">
        <v>4</v>
      </c>
      <c r="BW29" s="71">
        <v>3</v>
      </c>
      <c r="BX29" s="71">
        <v>1</v>
      </c>
      <c r="BY29" s="72">
        <v>23</v>
      </c>
      <c r="BZ29" s="73">
        <v>30</v>
      </c>
      <c r="CA29" s="70">
        <v>0</v>
      </c>
      <c r="CB29" s="71">
        <v>0</v>
      </c>
      <c r="CC29" s="72">
        <v>0</v>
      </c>
      <c r="CD29" s="276"/>
      <c r="CE29" s="71">
        <v>0</v>
      </c>
      <c r="CF29" s="71">
        <v>0</v>
      </c>
      <c r="CG29" s="71">
        <v>0</v>
      </c>
      <c r="CH29" s="71">
        <v>0</v>
      </c>
      <c r="CI29" s="71">
        <v>0</v>
      </c>
      <c r="CJ29" s="72">
        <v>0</v>
      </c>
      <c r="CK29" s="73">
        <v>0</v>
      </c>
      <c r="CL29" s="70">
        <v>16</v>
      </c>
      <c r="CM29" s="71">
        <v>11</v>
      </c>
      <c r="CN29" s="72">
        <v>27</v>
      </c>
      <c r="CO29" s="276"/>
      <c r="CP29" s="71">
        <v>26</v>
      </c>
      <c r="CQ29" s="71">
        <v>14</v>
      </c>
      <c r="CR29" s="71">
        <v>10</v>
      </c>
      <c r="CS29" s="71">
        <v>5</v>
      </c>
      <c r="CT29" s="71">
        <v>4</v>
      </c>
      <c r="CU29" s="72">
        <v>59</v>
      </c>
      <c r="CV29" s="73">
        <v>86</v>
      </c>
      <c r="CW29" s="126">
        <v>6</v>
      </c>
      <c r="CX29" s="82">
        <v>4</v>
      </c>
      <c r="CY29" s="83">
        <v>10</v>
      </c>
      <c r="CZ29" s="273"/>
      <c r="DA29" s="82">
        <v>7</v>
      </c>
      <c r="DB29" s="82">
        <v>3</v>
      </c>
      <c r="DC29" s="82">
        <v>3</v>
      </c>
      <c r="DD29" s="82">
        <v>2</v>
      </c>
      <c r="DE29" s="82">
        <v>2</v>
      </c>
      <c r="DF29" s="84">
        <v>17</v>
      </c>
      <c r="DG29" s="85">
        <v>27</v>
      </c>
      <c r="DH29" s="70">
        <v>1</v>
      </c>
      <c r="DI29" s="71">
        <v>0</v>
      </c>
      <c r="DJ29" s="72">
        <v>1</v>
      </c>
      <c r="DK29" s="276"/>
      <c r="DL29" s="71">
        <v>0</v>
      </c>
      <c r="DM29" s="71">
        <v>0</v>
      </c>
      <c r="DN29" s="71">
        <v>0</v>
      </c>
      <c r="DO29" s="71">
        <v>0</v>
      </c>
      <c r="DP29" s="71">
        <v>0</v>
      </c>
      <c r="DQ29" s="72">
        <v>0</v>
      </c>
      <c r="DR29" s="73">
        <v>1</v>
      </c>
      <c r="DS29" s="70">
        <v>0</v>
      </c>
      <c r="DT29" s="71">
        <v>0</v>
      </c>
      <c r="DU29" s="72">
        <v>0</v>
      </c>
      <c r="DV29" s="276"/>
      <c r="DW29" s="71">
        <v>0</v>
      </c>
      <c r="DX29" s="71">
        <v>0</v>
      </c>
      <c r="DY29" s="71">
        <v>0</v>
      </c>
      <c r="DZ29" s="71">
        <v>0</v>
      </c>
      <c r="EA29" s="71">
        <v>0</v>
      </c>
      <c r="EB29" s="72">
        <v>0</v>
      </c>
      <c r="EC29" s="73">
        <v>0</v>
      </c>
      <c r="ED29" s="70">
        <v>2</v>
      </c>
      <c r="EE29" s="71">
        <v>0</v>
      </c>
      <c r="EF29" s="72">
        <v>2</v>
      </c>
      <c r="EG29" s="276"/>
      <c r="EH29" s="71">
        <v>1</v>
      </c>
      <c r="EI29" s="71">
        <v>1</v>
      </c>
      <c r="EJ29" s="71">
        <v>0</v>
      </c>
      <c r="EK29" s="71">
        <v>0</v>
      </c>
      <c r="EL29" s="71">
        <v>0</v>
      </c>
      <c r="EM29" s="72">
        <v>2</v>
      </c>
      <c r="EN29" s="73">
        <v>4</v>
      </c>
      <c r="EO29" s="70">
        <v>0</v>
      </c>
      <c r="EP29" s="71">
        <v>0</v>
      </c>
      <c r="EQ29" s="72">
        <v>0</v>
      </c>
      <c r="ER29" s="276"/>
      <c r="ES29" s="71">
        <v>1</v>
      </c>
      <c r="ET29" s="71">
        <v>1</v>
      </c>
      <c r="EU29" s="71">
        <v>0</v>
      </c>
      <c r="EV29" s="71">
        <v>0</v>
      </c>
      <c r="EW29" s="71">
        <v>0</v>
      </c>
      <c r="EX29" s="72">
        <v>2</v>
      </c>
      <c r="EY29" s="73">
        <v>2</v>
      </c>
      <c r="EZ29" s="70">
        <v>2</v>
      </c>
      <c r="FA29" s="71">
        <v>3</v>
      </c>
      <c r="FB29" s="72">
        <v>5</v>
      </c>
      <c r="FC29" s="276"/>
      <c r="FD29" s="71">
        <v>3</v>
      </c>
      <c r="FE29" s="71">
        <v>1</v>
      </c>
      <c r="FF29" s="71">
        <v>2</v>
      </c>
      <c r="FG29" s="71">
        <v>0</v>
      </c>
      <c r="FH29" s="71">
        <v>0</v>
      </c>
      <c r="FI29" s="72">
        <v>6</v>
      </c>
      <c r="FJ29" s="73">
        <v>11</v>
      </c>
      <c r="FK29" s="70">
        <v>1</v>
      </c>
      <c r="FL29" s="71">
        <v>1</v>
      </c>
      <c r="FM29" s="72">
        <v>2</v>
      </c>
      <c r="FN29" s="276"/>
      <c r="FO29" s="71">
        <v>2</v>
      </c>
      <c r="FP29" s="71">
        <v>0</v>
      </c>
      <c r="FQ29" s="71">
        <v>1</v>
      </c>
      <c r="FR29" s="71">
        <v>2</v>
      </c>
      <c r="FS29" s="71">
        <v>2</v>
      </c>
      <c r="FT29" s="72">
        <v>7</v>
      </c>
      <c r="FU29" s="73">
        <v>9</v>
      </c>
      <c r="FV29" s="70">
        <v>0</v>
      </c>
      <c r="FW29" s="71">
        <v>0</v>
      </c>
      <c r="FX29" s="72">
        <v>0</v>
      </c>
      <c r="FY29" s="276"/>
      <c r="FZ29" s="71">
        <v>0</v>
      </c>
      <c r="GA29" s="71">
        <v>0</v>
      </c>
      <c r="GB29" s="71">
        <v>0</v>
      </c>
      <c r="GC29" s="71">
        <v>0</v>
      </c>
      <c r="GD29" s="71">
        <v>0</v>
      </c>
      <c r="GE29" s="72">
        <v>0</v>
      </c>
      <c r="GF29" s="73">
        <v>0</v>
      </c>
      <c r="GG29" s="70">
        <v>6</v>
      </c>
      <c r="GH29" s="71">
        <v>4</v>
      </c>
      <c r="GI29" s="72">
        <v>10</v>
      </c>
      <c r="GJ29" s="276"/>
      <c r="GK29" s="71">
        <v>7</v>
      </c>
      <c r="GL29" s="71">
        <v>3</v>
      </c>
      <c r="GM29" s="71">
        <v>3</v>
      </c>
      <c r="GN29" s="71">
        <v>2</v>
      </c>
      <c r="GO29" s="71">
        <v>2</v>
      </c>
      <c r="GP29" s="72">
        <v>17</v>
      </c>
      <c r="GQ29" s="73">
        <v>27</v>
      </c>
      <c r="GR29" s="126">
        <v>22</v>
      </c>
      <c r="GS29" s="82">
        <v>15</v>
      </c>
      <c r="GT29" s="83">
        <v>37</v>
      </c>
      <c r="GU29" s="273"/>
      <c r="GV29" s="82">
        <v>33</v>
      </c>
      <c r="GW29" s="82">
        <v>17</v>
      </c>
      <c r="GX29" s="82">
        <v>13</v>
      </c>
      <c r="GY29" s="82">
        <v>7</v>
      </c>
      <c r="GZ29" s="82">
        <v>6</v>
      </c>
      <c r="HA29" s="84">
        <v>76</v>
      </c>
      <c r="HB29" s="85">
        <v>113</v>
      </c>
      <c r="HC29" s="70">
        <v>2</v>
      </c>
      <c r="HD29" s="71">
        <v>0</v>
      </c>
      <c r="HE29" s="72">
        <v>2</v>
      </c>
      <c r="HF29" s="276"/>
      <c r="HG29" s="71">
        <v>1</v>
      </c>
      <c r="HH29" s="71">
        <v>0</v>
      </c>
      <c r="HI29" s="71">
        <v>0</v>
      </c>
      <c r="HJ29" s="71">
        <v>0</v>
      </c>
      <c r="HK29" s="71">
        <v>0</v>
      </c>
      <c r="HL29" s="72">
        <v>1</v>
      </c>
      <c r="HM29" s="73">
        <v>3</v>
      </c>
      <c r="HN29" s="70">
        <v>2</v>
      </c>
      <c r="HO29" s="71">
        <v>0</v>
      </c>
      <c r="HP29" s="72">
        <v>2</v>
      </c>
      <c r="HQ29" s="276"/>
      <c r="HR29" s="71">
        <v>2</v>
      </c>
      <c r="HS29" s="71">
        <v>1</v>
      </c>
      <c r="HT29" s="71">
        <v>2</v>
      </c>
      <c r="HU29" s="71">
        <v>0</v>
      </c>
      <c r="HV29" s="71">
        <v>0</v>
      </c>
      <c r="HW29" s="72">
        <v>5</v>
      </c>
      <c r="HX29" s="73">
        <v>7</v>
      </c>
      <c r="HY29" s="70">
        <v>4</v>
      </c>
      <c r="HZ29" s="71">
        <v>2</v>
      </c>
      <c r="IA29" s="72">
        <v>6</v>
      </c>
      <c r="IB29" s="276"/>
      <c r="IC29" s="71">
        <v>4</v>
      </c>
      <c r="ID29" s="71">
        <v>2</v>
      </c>
      <c r="IE29" s="71">
        <v>2</v>
      </c>
      <c r="IF29" s="71">
        <v>1</v>
      </c>
      <c r="IG29" s="71">
        <v>0</v>
      </c>
      <c r="IH29" s="72">
        <v>9</v>
      </c>
      <c r="II29" s="73">
        <v>15</v>
      </c>
      <c r="IJ29" s="70">
        <v>3</v>
      </c>
      <c r="IK29" s="71">
        <v>1</v>
      </c>
      <c r="IL29" s="72">
        <v>4</v>
      </c>
      <c r="IM29" s="276"/>
      <c r="IN29" s="71">
        <v>8</v>
      </c>
      <c r="IO29" s="71">
        <v>4</v>
      </c>
      <c r="IP29" s="71">
        <v>1</v>
      </c>
      <c r="IQ29" s="71">
        <v>0</v>
      </c>
      <c r="IR29" s="71">
        <v>1</v>
      </c>
      <c r="IS29" s="72">
        <v>14</v>
      </c>
      <c r="IT29" s="73">
        <v>18</v>
      </c>
      <c r="IU29" s="70">
        <v>8</v>
      </c>
      <c r="IV29" s="71">
        <v>6</v>
      </c>
      <c r="IW29" s="72">
        <v>14</v>
      </c>
      <c r="IX29" s="276"/>
      <c r="IY29" s="71">
        <v>5</v>
      </c>
      <c r="IZ29" s="71">
        <v>6</v>
      </c>
      <c r="JA29" s="71">
        <v>3</v>
      </c>
      <c r="JB29" s="71">
        <v>1</v>
      </c>
      <c r="JC29" s="71">
        <v>2</v>
      </c>
      <c r="JD29" s="72">
        <v>17</v>
      </c>
      <c r="JE29" s="73">
        <v>31</v>
      </c>
      <c r="JF29" s="70">
        <v>3</v>
      </c>
      <c r="JG29" s="71">
        <v>6</v>
      </c>
      <c r="JH29" s="72">
        <v>9</v>
      </c>
      <c r="JI29" s="276"/>
      <c r="JJ29" s="71">
        <v>13</v>
      </c>
      <c r="JK29" s="71">
        <v>4</v>
      </c>
      <c r="JL29" s="71">
        <v>5</v>
      </c>
      <c r="JM29" s="71">
        <v>5</v>
      </c>
      <c r="JN29" s="71">
        <v>3</v>
      </c>
      <c r="JO29" s="72">
        <v>30</v>
      </c>
      <c r="JP29" s="73">
        <v>39</v>
      </c>
      <c r="JQ29" s="70">
        <v>0</v>
      </c>
      <c r="JR29" s="71">
        <v>0</v>
      </c>
      <c r="JS29" s="72">
        <v>0</v>
      </c>
      <c r="JT29" s="276"/>
      <c r="JU29" s="71">
        <v>0</v>
      </c>
      <c r="JV29" s="71">
        <v>0</v>
      </c>
      <c r="JW29" s="71">
        <v>0</v>
      </c>
      <c r="JX29" s="71">
        <v>0</v>
      </c>
      <c r="JY29" s="71">
        <v>0</v>
      </c>
      <c r="JZ29" s="72">
        <v>0</v>
      </c>
      <c r="KA29" s="73">
        <v>0</v>
      </c>
      <c r="KB29" s="70">
        <v>22</v>
      </c>
      <c r="KC29" s="71">
        <v>15</v>
      </c>
      <c r="KD29" s="72">
        <v>37</v>
      </c>
      <c r="KE29" s="276"/>
      <c r="KF29" s="71">
        <v>33</v>
      </c>
      <c r="KG29" s="71">
        <v>17</v>
      </c>
      <c r="KH29" s="71">
        <v>13</v>
      </c>
      <c r="KI29" s="71">
        <v>7</v>
      </c>
      <c r="KJ29" s="71">
        <v>6</v>
      </c>
      <c r="KK29" s="72">
        <v>76</v>
      </c>
      <c r="KL29" s="73">
        <v>113</v>
      </c>
    </row>
    <row r="30" spans="1:298" ht="19.5" customHeight="1" x14ac:dyDescent="0.2">
      <c r="A30" s="129" t="s">
        <v>27</v>
      </c>
      <c r="B30" s="350">
        <v>14</v>
      </c>
      <c r="C30" s="82">
        <v>16</v>
      </c>
      <c r="D30" s="83">
        <v>30</v>
      </c>
      <c r="E30" s="273"/>
      <c r="F30" s="82">
        <v>16</v>
      </c>
      <c r="G30" s="82">
        <v>7</v>
      </c>
      <c r="H30" s="82">
        <v>10</v>
      </c>
      <c r="I30" s="82">
        <v>6</v>
      </c>
      <c r="J30" s="82">
        <v>2</v>
      </c>
      <c r="K30" s="84">
        <v>41</v>
      </c>
      <c r="L30" s="85">
        <v>71</v>
      </c>
      <c r="M30" s="70">
        <v>1</v>
      </c>
      <c r="N30" s="71">
        <v>0</v>
      </c>
      <c r="O30" s="72">
        <v>1</v>
      </c>
      <c r="P30" s="276"/>
      <c r="Q30" s="71">
        <v>0</v>
      </c>
      <c r="R30" s="71">
        <v>1</v>
      </c>
      <c r="S30" s="71">
        <v>0</v>
      </c>
      <c r="T30" s="71">
        <v>0</v>
      </c>
      <c r="U30" s="71">
        <v>0</v>
      </c>
      <c r="V30" s="72">
        <v>1</v>
      </c>
      <c r="W30" s="73">
        <v>2</v>
      </c>
      <c r="X30" s="70">
        <v>2</v>
      </c>
      <c r="Y30" s="71">
        <v>2</v>
      </c>
      <c r="Z30" s="72">
        <v>4</v>
      </c>
      <c r="AA30" s="276"/>
      <c r="AB30" s="71">
        <v>1</v>
      </c>
      <c r="AC30" s="71">
        <v>1</v>
      </c>
      <c r="AD30" s="71">
        <v>0</v>
      </c>
      <c r="AE30" s="71">
        <v>0</v>
      </c>
      <c r="AF30" s="71">
        <v>0</v>
      </c>
      <c r="AG30" s="72">
        <v>2</v>
      </c>
      <c r="AH30" s="73">
        <v>6</v>
      </c>
      <c r="AI30" s="70">
        <v>2</v>
      </c>
      <c r="AJ30" s="71">
        <v>3</v>
      </c>
      <c r="AK30" s="72">
        <v>5</v>
      </c>
      <c r="AL30" s="276"/>
      <c r="AM30" s="71">
        <v>0</v>
      </c>
      <c r="AN30" s="71">
        <v>0</v>
      </c>
      <c r="AO30" s="71">
        <v>1</v>
      </c>
      <c r="AP30" s="71">
        <v>0</v>
      </c>
      <c r="AQ30" s="71">
        <v>0</v>
      </c>
      <c r="AR30" s="72">
        <v>1</v>
      </c>
      <c r="AS30" s="73">
        <v>6</v>
      </c>
      <c r="AT30" s="70">
        <v>3</v>
      </c>
      <c r="AU30" s="71">
        <v>5</v>
      </c>
      <c r="AV30" s="72">
        <v>8</v>
      </c>
      <c r="AW30" s="276"/>
      <c r="AX30" s="71">
        <v>5</v>
      </c>
      <c r="AY30" s="71">
        <v>2</v>
      </c>
      <c r="AZ30" s="71">
        <v>3</v>
      </c>
      <c r="BA30" s="71">
        <v>0</v>
      </c>
      <c r="BB30" s="71">
        <v>1</v>
      </c>
      <c r="BC30" s="72">
        <v>11</v>
      </c>
      <c r="BD30" s="73">
        <v>19</v>
      </c>
      <c r="BE30" s="70">
        <v>4</v>
      </c>
      <c r="BF30" s="71">
        <v>4</v>
      </c>
      <c r="BG30" s="72">
        <v>8</v>
      </c>
      <c r="BH30" s="276"/>
      <c r="BI30" s="71">
        <v>5</v>
      </c>
      <c r="BJ30" s="71">
        <v>2</v>
      </c>
      <c r="BK30" s="71">
        <v>4</v>
      </c>
      <c r="BL30" s="71">
        <v>3</v>
      </c>
      <c r="BM30" s="71">
        <v>0</v>
      </c>
      <c r="BN30" s="72">
        <v>14</v>
      </c>
      <c r="BO30" s="73">
        <v>22</v>
      </c>
      <c r="BP30" s="70">
        <v>2</v>
      </c>
      <c r="BQ30" s="71">
        <v>2</v>
      </c>
      <c r="BR30" s="72">
        <v>4</v>
      </c>
      <c r="BS30" s="276"/>
      <c r="BT30" s="71">
        <v>5</v>
      </c>
      <c r="BU30" s="71">
        <v>1</v>
      </c>
      <c r="BV30" s="71">
        <v>2</v>
      </c>
      <c r="BW30" s="71">
        <v>3</v>
      </c>
      <c r="BX30" s="71">
        <v>1</v>
      </c>
      <c r="BY30" s="72">
        <v>12</v>
      </c>
      <c r="BZ30" s="73">
        <v>16</v>
      </c>
      <c r="CA30" s="70">
        <v>0</v>
      </c>
      <c r="CB30" s="71">
        <v>0</v>
      </c>
      <c r="CC30" s="72">
        <v>0</v>
      </c>
      <c r="CD30" s="276"/>
      <c r="CE30" s="71">
        <v>0</v>
      </c>
      <c r="CF30" s="71">
        <v>0</v>
      </c>
      <c r="CG30" s="71">
        <v>0</v>
      </c>
      <c r="CH30" s="71">
        <v>0</v>
      </c>
      <c r="CI30" s="71">
        <v>0</v>
      </c>
      <c r="CJ30" s="72">
        <v>0</v>
      </c>
      <c r="CK30" s="73">
        <v>0</v>
      </c>
      <c r="CL30" s="70">
        <v>14</v>
      </c>
      <c r="CM30" s="71">
        <v>16</v>
      </c>
      <c r="CN30" s="72">
        <v>30</v>
      </c>
      <c r="CO30" s="276"/>
      <c r="CP30" s="71">
        <v>16</v>
      </c>
      <c r="CQ30" s="71">
        <v>7</v>
      </c>
      <c r="CR30" s="71">
        <v>10</v>
      </c>
      <c r="CS30" s="71">
        <v>6</v>
      </c>
      <c r="CT30" s="71">
        <v>2</v>
      </c>
      <c r="CU30" s="72">
        <v>41</v>
      </c>
      <c r="CV30" s="73">
        <v>71</v>
      </c>
      <c r="CW30" s="126">
        <v>3</v>
      </c>
      <c r="CX30" s="82">
        <v>2</v>
      </c>
      <c r="CY30" s="83">
        <v>5</v>
      </c>
      <c r="CZ30" s="273"/>
      <c r="DA30" s="82">
        <v>3</v>
      </c>
      <c r="DB30" s="82">
        <v>3</v>
      </c>
      <c r="DC30" s="82">
        <v>7</v>
      </c>
      <c r="DD30" s="82">
        <v>1</v>
      </c>
      <c r="DE30" s="82">
        <v>2</v>
      </c>
      <c r="DF30" s="84">
        <v>16</v>
      </c>
      <c r="DG30" s="85">
        <v>21</v>
      </c>
      <c r="DH30" s="70">
        <v>0</v>
      </c>
      <c r="DI30" s="71">
        <v>0</v>
      </c>
      <c r="DJ30" s="72">
        <v>0</v>
      </c>
      <c r="DK30" s="276"/>
      <c r="DL30" s="71">
        <v>0</v>
      </c>
      <c r="DM30" s="71">
        <v>0</v>
      </c>
      <c r="DN30" s="71">
        <v>0</v>
      </c>
      <c r="DO30" s="71">
        <v>0</v>
      </c>
      <c r="DP30" s="71">
        <v>0</v>
      </c>
      <c r="DQ30" s="72">
        <v>0</v>
      </c>
      <c r="DR30" s="73">
        <v>0</v>
      </c>
      <c r="DS30" s="70">
        <v>1</v>
      </c>
      <c r="DT30" s="71">
        <v>0</v>
      </c>
      <c r="DU30" s="72">
        <v>1</v>
      </c>
      <c r="DV30" s="276"/>
      <c r="DW30" s="71">
        <v>0</v>
      </c>
      <c r="DX30" s="71">
        <v>0</v>
      </c>
      <c r="DY30" s="71">
        <v>0</v>
      </c>
      <c r="DZ30" s="71">
        <v>0</v>
      </c>
      <c r="EA30" s="71">
        <v>0</v>
      </c>
      <c r="EB30" s="72">
        <v>0</v>
      </c>
      <c r="EC30" s="73">
        <v>1</v>
      </c>
      <c r="ED30" s="70">
        <v>0</v>
      </c>
      <c r="EE30" s="71">
        <v>0</v>
      </c>
      <c r="EF30" s="72">
        <v>0</v>
      </c>
      <c r="EG30" s="276"/>
      <c r="EH30" s="71">
        <v>0</v>
      </c>
      <c r="EI30" s="71">
        <v>2</v>
      </c>
      <c r="EJ30" s="71">
        <v>0</v>
      </c>
      <c r="EK30" s="71">
        <v>0</v>
      </c>
      <c r="EL30" s="71">
        <v>0</v>
      </c>
      <c r="EM30" s="72">
        <v>2</v>
      </c>
      <c r="EN30" s="73">
        <v>2</v>
      </c>
      <c r="EO30" s="70">
        <v>0</v>
      </c>
      <c r="EP30" s="71">
        <v>0</v>
      </c>
      <c r="EQ30" s="72">
        <v>0</v>
      </c>
      <c r="ER30" s="276"/>
      <c r="ES30" s="71">
        <v>1</v>
      </c>
      <c r="ET30" s="71">
        <v>1</v>
      </c>
      <c r="EU30" s="71">
        <v>0</v>
      </c>
      <c r="EV30" s="71">
        <v>0</v>
      </c>
      <c r="EW30" s="71">
        <v>0</v>
      </c>
      <c r="EX30" s="72">
        <v>2</v>
      </c>
      <c r="EY30" s="73">
        <v>2</v>
      </c>
      <c r="EZ30" s="70">
        <v>2</v>
      </c>
      <c r="FA30" s="71">
        <v>1</v>
      </c>
      <c r="FB30" s="72">
        <v>3</v>
      </c>
      <c r="FC30" s="276"/>
      <c r="FD30" s="71">
        <v>0</v>
      </c>
      <c r="FE30" s="71">
        <v>0</v>
      </c>
      <c r="FF30" s="71">
        <v>2</v>
      </c>
      <c r="FG30" s="71">
        <v>0</v>
      </c>
      <c r="FH30" s="71">
        <v>1</v>
      </c>
      <c r="FI30" s="72">
        <v>3</v>
      </c>
      <c r="FJ30" s="73">
        <v>6</v>
      </c>
      <c r="FK30" s="70">
        <v>0</v>
      </c>
      <c r="FL30" s="71">
        <v>1</v>
      </c>
      <c r="FM30" s="72">
        <v>1</v>
      </c>
      <c r="FN30" s="276"/>
      <c r="FO30" s="71">
        <v>2</v>
      </c>
      <c r="FP30" s="71">
        <v>0</v>
      </c>
      <c r="FQ30" s="71">
        <v>5</v>
      </c>
      <c r="FR30" s="71">
        <v>1</v>
      </c>
      <c r="FS30" s="71">
        <v>1</v>
      </c>
      <c r="FT30" s="72">
        <v>9</v>
      </c>
      <c r="FU30" s="73">
        <v>10</v>
      </c>
      <c r="FV30" s="70">
        <v>0</v>
      </c>
      <c r="FW30" s="71">
        <v>0</v>
      </c>
      <c r="FX30" s="72">
        <v>0</v>
      </c>
      <c r="FY30" s="276"/>
      <c r="FZ30" s="71">
        <v>0</v>
      </c>
      <c r="GA30" s="71">
        <v>0</v>
      </c>
      <c r="GB30" s="71">
        <v>0</v>
      </c>
      <c r="GC30" s="71">
        <v>0</v>
      </c>
      <c r="GD30" s="71">
        <v>0</v>
      </c>
      <c r="GE30" s="72">
        <v>0</v>
      </c>
      <c r="GF30" s="73">
        <v>0</v>
      </c>
      <c r="GG30" s="70">
        <v>3</v>
      </c>
      <c r="GH30" s="71">
        <v>2</v>
      </c>
      <c r="GI30" s="72">
        <v>5</v>
      </c>
      <c r="GJ30" s="276"/>
      <c r="GK30" s="71">
        <v>3</v>
      </c>
      <c r="GL30" s="71">
        <v>3</v>
      </c>
      <c r="GM30" s="71">
        <v>7</v>
      </c>
      <c r="GN30" s="71">
        <v>1</v>
      </c>
      <c r="GO30" s="71">
        <v>2</v>
      </c>
      <c r="GP30" s="72">
        <v>16</v>
      </c>
      <c r="GQ30" s="73">
        <v>21</v>
      </c>
      <c r="GR30" s="126">
        <v>17</v>
      </c>
      <c r="GS30" s="82">
        <v>18</v>
      </c>
      <c r="GT30" s="83">
        <v>35</v>
      </c>
      <c r="GU30" s="273"/>
      <c r="GV30" s="82">
        <v>19</v>
      </c>
      <c r="GW30" s="82">
        <v>10</v>
      </c>
      <c r="GX30" s="82">
        <v>17</v>
      </c>
      <c r="GY30" s="82">
        <v>7</v>
      </c>
      <c r="GZ30" s="82">
        <v>4</v>
      </c>
      <c r="HA30" s="84">
        <v>57</v>
      </c>
      <c r="HB30" s="85">
        <v>92</v>
      </c>
      <c r="HC30" s="70">
        <v>1</v>
      </c>
      <c r="HD30" s="71">
        <v>0</v>
      </c>
      <c r="HE30" s="72">
        <v>1</v>
      </c>
      <c r="HF30" s="276"/>
      <c r="HG30" s="71">
        <v>0</v>
      </c>
      <c r="HH30" s="71">
        <v>1</v>
      </c>
      <c r="HI30" s="71">
        <v>0</v>
      </c>
      <c r="HJ30" s="71">
        <v>0</v>
      </c>
      <c r="HK30" s="71">
        <v>0</v>
      </c>
      <c r="HL30" s="72">
        <v>1</v>
      </c>
      <c r="HM30" s="73">
        <v>2</v>
      </c>
      <c r="HN30" s="70">
        <v>3</v>
      </c>
      <c r="HO30" s="71">
        <v>2</v>
      </c>
      <c r="HP30" s="72">
        <v>5</v>
      </c>
      <c r="HQ30" s="276"/>
      <c r="HR30" s="71">
        <v>1</v>
      </c>
      <c r="HS30" s="71">
        <v>1</v>
      </c>
      <c r="HT30" s="71">
        <v>0</v>
      </c>
      <c r="HU30" s="71">
        <v>0</v>
      </c>
      <c r="HV30" s="71">
        <v>0</v>
      </c>
      <c r="HW30" s="72">
        <v>2</v>
      </c>
      <c r="HX30" s="73">
        <v>7</v>
      </c>
      <c r="HY30" s="70">
        <v>2</v>
      </c>
      <c r="HZ30" s="71">
        <v>3</v>
      </c>
      <c r="IA30" s="72">
        <v>5</v>
      </c>
      <c r="IB30" s="276"/>
      <c r="IC30" s="71">
        <v>0</v>
      </c>
      <c r="ID30" s="71">
        <v>2</v>
      </c>
      <c r="IE30" s="71">
        <v>1</v>
      </c>
      <c r="IF30" s="71">
        <v>0</v>
      </c>
      <c r="IG30" s="71">
        <v>0</v>
      </c>
      <c r="IH30" s="72">
        <v>3</v>
      </c>
      <c r="II30" s="73">
        <v>8</v>
      </c>
      <c r="IJ30" s="70">
        <v>3</v>
      </c>
      <c r="IK30" s="71">
        <v>5</v>
      </c>
      <c r="IL30" s="72">
        <v>8</v>
      </c>
      <c r="IM30" s="276"/>
      <c r="IN30" s="71">
        <v>6</v>
      </c>
      <c r="IO30" s="71">
        <v>3</v>
      </c>
      <c r="IP30" s="71">
        <v>3</v>
      </c>
      <c r="IQ30" s="71">
        <v>0</v>
      </c>
      <c r="IR30" s="71">
        <v>1</v>
      </c>
      <c r="IS30" s="72">
        <v>13</v>
      </c>
      <c r="IT30" s="73">
        <v>21</v>
      </c>
      <c r="IU30" s="70">
        <v>6</v>
      </c>
      <c r="IV30" s="71">
        <v>5</v>
      </c>
      <c r="IW30" s="72">
        <v>11</v>
      </c>
      <c r="IX30" s="276"/>
      <c r="IY30" s="71">
        <v>5</v>
      </c>
      <c r="IZ30" s="71">
        <v>2</v>
      </c>
      <c r="JA30" s="71">
        <v>6</v>
      </c>
      <c r="JB30" s="71">
        <v>3</v>
      </c>
      <c r="JC30" s="71">
        <v>1</v>
      </c>
      <c r="JD30" s="72">
        <v>17</v>
      </c>
      <c r="JE30" s="73">
        <v>28</v>
      </c>
      <c r="JF30" s="70">
        <v>2</v>
      </c>
      <c r="JG30" s="71">
        <v>3</v>
      </c>
      <c r="JH30" s="72">
        <v>5</v>
      </c>
      <c r="JI30" s="276"/>
      <c r="JJ30" s="71">
        <v>7</v>
      </c>
      <c r="JK30" s="71">
        <v>1</v>
      </c>
      <c r="JL30" s="71">
        <v>7</v>
      </c>
      <c r="JM30" s="71">
        <v>4</v>
      </c>
      <c r="JN30" s="71">
        <v>2</v>
      </c>
      <c r="JO30" s="72">
        <v>21</v>
      </c>
      <c r="JP30" s="73">
        <v>26</v>
      </c>
      <c r="JQ30" s="70">
        <v>0</v>
      </c>
      <c r="JR30" s="71">
        <v>0</v>
      </c>
      <c r="JS30" s="72">
        <v>0</v>
      </c>
      <c r="JT30" s="276"/>
      <c r="JU30" s="71">
        <v>0</v>
      </c>
      <c r="JV30" s="71">
        <v>0</v>
      </c>
      <c r="JW30" s="71">
        <v>0</v>
      </c>
      <c r="JX30" s="71">
        <v>0</v>
      </c>
      <c r="JY30" s="71">
        <v>0</v>
      </c>
      <c r="JZ30" s="72">
        <v>0</v>
      </c>
      <c r="KA30" s="73">
        <v>0</v>
      </c>
      <c r="KB30" s="70">
        <v>17</v>
      </c>
      <c r="KC30" s="71">
        <v>18</v>
      </c>
      <c r="KD30" s="72">
        <v>35</v>
      </c>
      <c r="KE30" s="276"/>
      <c r="KF30" s="71">
        <v>19</v>
      </c>
      <c r="KG30" s="71">
        <v>10</v>
      </c>
      <c r="KH30" s="71">
        <v>17</v>
      </c>
      <c r="KI30" s="71">
        <v>7</v>
      </c>
      <c r="KJ30" s="71">
        <v>4</v>
      </c>
      <c r="KK30" s="72">
        <v>57</v>
      </c>
      <c r="KL30" s="73">
        <v>92</v>
      </c>
    </row>
    <row r="31" spans="1:298" ht="19.5" customHeight="1" x14ac:dyDescent="0.2">
      <c r="A31" s="129" t="s">
        <v>28</v>
      </c>
      <c r="B31" s="350">
        <v>1</v>
      </c>
      <c r="C31" s="82">
        <v>1</v>
      </c>
      <c r="D31" s="83">
        <v>2</v>
      </c>
      <c r="E31" s="273"/>
      <c r="F31" s="82">
        <v>8</v>
      </c>
      <c r="G31" s="82">
        <v>5</v>
      </c>
      <c r="H31" s="82">
        <v>3</v>
      </c>
      <c r="I31" s="82">
        <v>2</v>
      </c>
      <c r="J31" s="82">
        <v>3</v>
      </c>
      <c r="K31" s="84">
        <v>21</v>
      </c>
      <c r="L31" s="85">
        <v>23</v>
      </c>
      <c r="M31" s="70">
        <v>0</v>
      </c>
      <c r="N31" s="71">
        <v>0</v>
      </c>
      <c r="O31" s="72">
        <v>0</v>
      </c>
      <c r="P31" s="276"/>
      <c r="Q31" s="71">
        <v>0</v>
      </c>
      <c r="R31" s="71">
        <v>0</v>
      </c>
      <c r="S31" s="71">
        <v>1</v>
      </c>
      <c r="T31" s="71">
        <v>0</v>
      </c>
      <c r="U31" s="71">
        <v>0</v>
      </c>
      <c r="V31" s="72">
        <v>1</v>
      </c>
      <c r="W31" s="73">
        <v>1</v>
      </c>
      <c r="X31" s="70">
        <v>0</v>
      </c>
      <c r="Y31" s="71">
        <v>1</v>
      </c>
      <c r="Z31" s="72">
        <v>1</v>
      </c>
      <c r="AA31" s="276"/>
      <c r="AB31" s="71">
        <v>1</v>
      </c>
      <c r="AC31" s="71">
        <v>1</v>
      </c>
      <c r="AD31" s="71">
        <v>0</v>
      </c>
      <c r="AE31" s="71">
        <v>0</v>
      </c>
      <c r="AF31" s="71">
        <v>0</v>
      </c>
      <c r="AG31" s="72">
        <v>2</v>
      </c>
      <c r="AH31" s="73">
        <v>3</v>
      </c>
      <c r="AI31" s="70">
        <v>0</v>
      </c>
      <c r="AJ31" s="71">
        <v>0</v>
      </c>
      <c r="AK31" s="72">
        <v>0</v>
      </c>
      <c r="AL31" s="276"/>
      <c r="AM31" s="71">
        <v>1</v>
      </c>
      <c r="AN31" s="71">
        <v>0</v>
      </c>
      <c r="AO31" s="71">
        <v>0</v>
      </c>
      <c r="AP31" s="71">
        <v>0</v>
      </c>
      <c r="AQ31" s="71">
        <v>0</v>
      </c>
      <c r="AR31" s="72">
        <v>1</v>
      </c>
      <c r="AS31" s="73">
        <v>1</v>
      </c>
      <c r="AT31" s="70">
        <v>1</v>
      </c>
      <c r="AU31" s="71">
        <v>0</v>
      </c>
      <c r="AV31" s="72">
        <v>1</v>
      </c>
      <c r="AW31" s="276"/>
      <c r="AX31" s="71">
        <v>2</v>
      </c>
      <c r="AY31" s="71">
        <v>0</v>
      </c>
      <c r="AZ31" s="71">
        <v>0</v>
      </c>
      <c r="BA31" s="71">
        <v>0</v>
      </c>
      <c r="BB31" s="71">
        <v>2</v>
      </c>
      <c r="BC31" s="72">
        <v>4</v>
      </c>
      <c r="BD31" s="73">
        <v>5</v>
      </c>
      <c r="BE31" s="70">
        <v>0</v>
      </c>
      <c r="BF31" s="71">
        <v>0</v>
      </c>
      <c r="BG31" s="72">
        <v>0</v>
      </c>
      <c r="BH31" s="276"/>
      <c r="BI31" s="71">
        <v>2</v>
      </c>
      <c r="BJ31" s="71">
        <v>1</v>
      </c>
      <c r="BK31" s="71">
        <v>0</v>
      </c>
      <c r="BL31" s="71">
        <v>1</v>
      </c>
      <c r="BM31" s="71">
        <v>1</v>
      </c>
      <c r="BN31" s="72">
        <v>5</v>
      </c>
      <c r="BO31" s="73">
        <v>5</v>
      </c>
      <c r="BP31" s="70">
        <v>0</v>
      </c>
      <c r="BQ31" s="71">
        <v>0</v>
      </c>
      <c r="BR31" s="72">
        <v>0</v>
      </c>
      <c r="BS31" s="276"/>
      <c r="BT31" s="71">
        <v>2</v>
      </c>
      <c r="BU31" s="71">
        <v>3</v>
      </c>
      <c r="BV31" s="71">
        <v>2</v>
      </c>
      <c r="BW31" s="71">
        <v>1</v>
      </c>
      <c r="BX31" s="71">
        <v>0</v>
      </c>
      <c r="BY31" s="72">
        <v>8</v>
      </c>
      <c r="BZ31" s="73">
        <v>8</v>
      </c>
      <c r="CA31" s="70">
        <v>0</v>
      </c>
      <c r="CB31" s="71">
        <v>0</v>
      </c>
      <c r="CC31" s="72">
        <v>0</v>
      </c>
      <c r="CD31" s="276"/>
      <c r="CE31" s="71">
        <v>0</v>
      </c>
      <c r="CF31" s="71">
        <v>0</v>
      </c>
      <c r="CG31" s="71">
        <v>0</v>
      </c>
      <c r="CH31" s="71">
        <v>0</v>
      </c>
      <c r="CI31" s="71">
        <v>0</v>
      </c>
      <c r="CJ31" s="72">
        <v>0</v>
      </c>
      <c r="CK31" s="73">
        <v>0</v>
      </c>
      <c r="CL31" s="70">
        <v>1</v>
      </c>
      <c r="CM31" s="71">
        <v>1</v>
      </c>
      <c r="CN31" s="72">
        <v>2</v>
      </c>
      <c r="CO31" s="276"/>
      <c r="CP31" s="71">
        <v>8</v>
      </c>
      <c r="CQ31" s="71">
        <v>5</v>
      </c>
      <c r="CR31" s="71">
        <v>3</v>
      </c>
      <c r="CS31" s="71">
        <v>2</v>
      </c>
      <c r="CT31" s="71">
        <v>3</v>
      </c>
      <c r="CU31" s="72">
        <v>21</v>
      </c>
      <c r="CV31" s="73">
        <v>23</v>
      </c>
      <c r="CW31" s="126">
        <v>0</v>
      </c>
      <c r="CX31" s="82">
        <v>1</v>
      </c>
      <c r="CY31" s="83">
        <v>1</v>
      </c>
      <c r="CZ31" s="273"/>
      <c r="DA31" s="82">
        <v>1</v>
      </c>
      <c r="DB31" s="82">
        <v>2</v>
      </c>
      <c r="DC31" s="82">
        <v>1</v>
      </c>
      <c r="DD31" s="82">
        <v>2</v>
      </c>
      <c r="DE31" s="82">
        <v>0</v>
      </c>
      <c r="DF31" s="84">
        <v>6</v>
      </c>
      <c r="DG31" s="85">
        <v>7</v>
      </c>
      <c r="DH31" s="70">
        <v>0</v>
      </c>
      <c r="DI31" s="71">
        <v>0</v>
      </c>
      <c r="DJ31" s="72">
        <v>0</v>
      </c>
      <c r="DK31" s="276"/>
      <c r="DL31" s="71">
        <v>0</v>
      </c>
      <c r="DM31" s="71">
        <v>0</v>
      </c>
      <c r="DN31" s="71">
        <v>0</v>
      </c>
      <c r="DO31" s="71">
        <v>0</v>
      </c>
      <c r="DP31" s="71">
        <v>0</v>
      </c>
      <c r="DQ31" s="72">
        <v>0</v>
      </c>
      <c r="DR31" s="73">
        <v>0</v>
      </c>
      <c r="DS31" s="70">
        <v>0</v>
      </c>
      <c r="DT31" s="71">
        <v>0</v>
      </c>
      <c r="DU31" s="72">
        <v>0</v>
      </c>
      <c r="DV31" s="276"/>
      <c r="DW31" s="71">
        <v>0</v>
      </c>
      <c r="DX31" s="71">
        <v>0</v>
      </c>
      <c r="DY31" s="71">
        <v>1</v>
      </c>
      <c r="DZ31" s="71">
        <v>0</v>
      </c>
      <c r="EA31" s="71">
        <v>0</v>
      </c>
      <c r="EB31" s="72">
        <v>1</v>
      </c>
      <c r="EC31" s="73">
        <v>1</v>
      </c>
      <c r="ED31" s="70">
        <v>0</v>
      </c>
      <c r="EE31" s="71">
        <v>0</v>
      </c>
      <c r="EF31" s="72">
        <v>0</v>
      </c>
      <c r="EG31" s="276"/>
      <c r="EH31" s="71">
        <v>0</v>
      </c>
      <c r="EI31" s="71">
        <v>0</v>
      </c>
      <c r="EJ31" s="71">
        <v>0</v>
      </c>
      <c r="EK31" s="71">
        <v>0</v>
      </c>
      <c r="EL31" s="71">
        <v>0</v>
      </c>
      <c r="EM31" s="72">
        <v>0</v>
      </c>
      <c r="EN31" s="73">
        <v>0</v>
      </c>
      <c r="EO31" s="70">
        <v>0</v>
      </c>
      <c r="EP31" s="71">
        <v>0</v>
      </c>
      <c r="EQ31" s="72">
        <v>0</v>
      </c>
      <c r="ER31" s="276"/>
      <c r="ES31" s="71">
        <v>0</v>
      </c>
      <c r="ET31" s="71">
        <v>1</v>
      </c>
      <c r="EU31" s="71">
        <v>0</v>
      </c>
      <c r="EV31" s="71">
        <v>1</v>
      </c>
      <c r="EW31" s="71">
        <v>0</v>
      </c>
      <c r="EX31" s="72">
        <v>2</v>
      </c>
      <c r="EY31" s="73">
        <v>2</v>
      </c>
      <c r="EZ31" s="70">
        <v>0</v>
      </c>
      <c r="FA31" s="71">
        <v>0</v>
      </c>
      <c r="FB31" s="72">
        <v>0</v>
      </c>
      <c r="FC31" s="276"/>
      <c r="FD31" s="71">
        <v>1</v>
      </c>
      <c r="FE31" s="71">
        <v>0</v>
      </c>
      <c r="FF31" s="71">
        <v>0</v>
      </c>
      <c r="FG31" s="71">
        <v>0</v>
      </c>
      <c r="FH31" s="71">
        <v>0</v>
      </c>
      <c r="FI31" s="72">
        <v>1</v>
      </c>
      <c r="FJ31" s="73">
        <v>1</v>
      </c>
      <c r="FK31" s="70">
        <v>0</v>
      </c>
      <c r="FL31" s="71">
        <v>1</v>
      </c>
      <c r="FM31" s="72">
        <v>1</v>
      </c>
      <c r="FN31" s="276"/>
      <c r="FO31" s="71">
        <v>0</v>
      </c>
      <c r="FP31" s="71">
        <v>1</v>
      </c>
      <c r="FQ31" s="71">
        <v>0</v>
      </c>
      <c r="FR31" s="71">
        <v>1</v>
      </c>
      <c r="FS31" s="71">
        <v>0</v>
      </c>
      <c r="FT31" s="72">
        <v>2</v>
      </c>
      <c r="FU31" s="73">
        <v>3</v>
      </c>
      <c r="FV31" s="70">
        <v>0</v>
      </c>
      <c r="FW31" s="71">
        <v>0</v>
      </c>
      <c r="FX31" s="72">
        <v>0</v>
      </c>
      <c r="FY31" s="276"/>
      <c r="FZ31" s="71">
        <v>0</v>
      </c>
      <c r="GA31" s="71">
        <v>0</v>
      </c>
      <c r="GB31" s="71">
        <v>0</v>
      </c>
      <c r="GC31" s="71">
        <v>0</v>
      </c>
      <c r="GD31" s="71">
        <v>0</v>
      </c>
      <c r="GE31" s="72">
        <v>0</v>
      </c>
      <c r="GF31" s="73">
        <v>0</v>
      </c>
      <c r="GG31" s="70">
        <v>0</v>
      </c>
      <c r="GH31" s="71">
        <v>1</v>
      </c>
      <c r="GI31" s="72">
        <v>1</v>
      </c>
      <c r="GJ31" s="276"/>
      <c r="GK31" s="71">
        <v>1</v>
      </c>
      <c r="GL31" s="71">
        <v>2</v>
      </c>
      <c r="GM31" s="71">
        <v>1</v>
      </c>
      <c r="GN31" s="71">
        <v>2</v>
      </c>
      <c r="GO31" s="71">
        <v>0</v>
      </c>
      <c r="GP31" s="72">
        <v>6</v>
      </c>
      <c r="GQ31" s="73">
        <v>7</v>
      </c>
      <c r="GR31" s="126">
        <v>1</v>
      </c>
      <c r="GS31" s="82">
        <v>2</v>
      </c>
      <c r="GT31" s="83">
        <v>3</v>
      </c>
      <c r="GU31" s="273"/>
      <c r="GV31" s="82">
        <v>9</v>
      </c>
      <c r="GW31" s="82">
        <v>7</v>
      </c>
      <c r="GX31" s="82">
        <v>4</v>
      </c>
      <c r="GY31" s="82">
        <v>4</v>
      </c>
      <c r="GZ31" s="82">
        <v>3</v>
      </c>
      <c r="HA31" s="84">
        <v>27</v>
      </c>
      <c r="HB31" s="85">
        <v>30</v>
      </c>
      <c r="HC31" s="70">
        <v>0</v>
      </c>
      <c r="HD31" s="71">
        <v>0</v>
      </c>
      <c r="HE31" s="72">
        <v>0</v>
      </c>
      <c r="HF31" s="276"/>
      <c r="HG31" s="71">
        <v>0</v>
      </c>
      <c r="HH31" s="71">
        <v>0</v>
      </c>
      <c r="HI31" s="71">
        <v>1</v>
      </c>
      <c r="HJ31" s="71">
        <v>0</v>
      </c>
      <c r="HK31" s="71">
        <v>0</v>
      </c>
      <c r="HL31" s="72">
        <v>1</v>
      </c>
      <c r="HM31" s="73">
        <v>1</v>
      </c>
      <c r="HN31" s="70">
        <v>0</v>
      </c>
      <c r="HO31" s="71">
        <v>1</v>
      </c>
      <c r="HP31" s="72">
        <v>1</v>
      </c>
      <c r="HQ31" s="276"/>
      <c r="HR31" s="71">
        <v>1</v>
      </c>
      <c r="HS31" s="71">
        <v>1</v>
      </c>
      <c r="HT31" s="71">
        <v>1</v>
      </c>
      <c r="HU31" s="71">
        <v>0</v>
      </c>
      <c r="HV31" s="71">
        <v>0</v>
      </c>
      <c r="HW31" s="72">
        <v>3</v>
      </c>
      <c r="HX31" s="73">
        <v>4</v>
      </c>
      <c r="HY31" s="70">
        <v>0</v>
      </c>
      <c r="HZ31" s="71">
        <v>0</v>
      </c>
      <c r="IA31" s="72">
        <v>0</v>
      </c>
      <c r="IB31" s="276"/>
      <c r="IC31" s="71">
        <v>1</v>
      </c>
      <c r="ID31" s="71">
        <v>0</v>
      </c>
      <c r="IE31" s="71">
        <v>0</v>
      </c>
      <c r="IF31" s="71">
        <v>0</v>
      </c>
      <c r="IG31" s="71">
        <v>0</v>
      </c>
      <c r="IH31" s="72">
        <v>1</v>
      </c>
      <c r="II31" s="73">
        <v>1</v>
      </c>
      <c r="IJ31" s="70">
        <v>1</v>
      </c>
      <c r="IK31" s="71">
        <v>0</v>
      </c>
      <c r="IL31" s="72">
        <v>1</v>
      </c>
      <c r="IM31" s="276"/>
      <c r="IN31" s="71">
        <v>2</v>
      </c>
      <c r="IO31" s="71">
        <v>1</v>
      </c>
      <c r="IP31" s="71">
        <v>0</v>
      </c>
      <c r="IQ31" s="71">
        <v>1</v>
      </c>
      <c r="IR31" s="71">
        <v>2</v>
      </c>
      <c r="IS31" s="72">
        <v>6</v>
      </c>
      <c r="IT31" s="73">
        <v>7</v>
      </c>
      <c r="IU31" s="70">
        <v>0</v>
      </c>
      <c r="IV31" s="71">
        <v>0</v>
      </c>
      <c r="IW31" s="72">
        <v>0</v>
      </c>
      <c r="IX31" s="276"/>
      <c r="IY31" s="71">
        <v>3</v>
      </c>
      <c r="IZ31" s="71">
        <v>1</v>
      </c>
      <c r="JA31" s="71">
        <v>0</v>
      </c>
      <c r="JB31" s="71">
        <v>1</v>
      </c>
      <c r="JC31" s="71">
        <v>1</v>
      </c>
      <c r="JD31" s="72">
        <v>6</v>
      </c>
      <c r="JE31" s="73">
        <v>6</v>
      </c>
      <c r="JF31" s="70">
        <v>0</v>
      </c>
      <c r="JG31" s="71">
        <v>1</v>
      </c>
      <c r="JH31" s="72">
        <v>1</v>
      </c>
      <c r="JI31" s="276"/>
      <c r="JJ31" s="71">
        <v>2</v>
      </c>
      <c r="JK31" s="71">
        <v>4</v>
      </c>
      <c r="JL31" s="71">
        <v>2</v>
      </c>
      <c r="JM31" s="71">
        <v>2</v>
      </c>
      <c r="JN31" s="71">
        <v>0</v>
      </c>
      <c r="JO31" s="72">
        <v>10</v>
      </c>
      <c r="JP31" s="73">
        <v>11</v>
      </c>
      <c r="JQ31" s="70">
        <v>0</v>
      </c>
      <c r="JR31" s="71">
        <v>0</v>
      </c>
      <c r="JS31" s="72">
        <v>0</v>
      </c>
      <c r="JT31" s="276"/>
      <c r="JU31" s="71">
        <v>0</v>
      </c>
      <c r="JV31" s="71">
        <v>0</v>
      </c>
      <c r="JW31" s="71">
        <v>0</v>
      </c>
      <c r="JX31" s="71">
        <v>0</v>
      </c>
      <c r="JY31" s="71">
        <v>0</v>
      </c>
      <c r="JZ31" s="72">
        <v>0</v>
      </c>
      <c r="KA31" s="73">
        <v>0</v>
      </c>
      <c r="KB31" s="70">
        <v>1</v>
      </c>
      <c r="KC31" s="71">
        <v>2</v>
      </c>
      <c r="KD31" s="72">
        <v>3</v>
      </c>
      <c r="KE31" s="276"/>
      <c r="KF31" s="71">
        <v>9</v>
      </c>
      <c r="KG31" s="71">
        <v>7</v>
      </c>
      <c r="KH31" s="71">
        <v>4</v>
      </c>
      <c r="KI31" s="71">
        <v>4</v>
      </c>
      <c r="KJ31" s="71">
        <v>3</v>
      </c>
      <c r="KK31" s="72">
        <v>27</v>
      </c>
      <c r="KL31" s="73">
        <v>30</v>
      </c>
    </row>
    <row r="32" spans="1:298" ht="19.5" customHeight="1" x14ac:dyDescent="0.2">
      <c r="A32" s="129" t="s">
        <v>29</v>
      </c>
      <c r="B32" s="350">
        <v>4</v>
      </c>
      <c r="C32" s="82">
        <v>2</v>
      </c>
      <c r="D32" s="83">
        <v>6</v>
      </c>
      <c r="E32" s="273"/>
      <c r="F32" s="82">
        <v>2</v>
      </c>
      <c r="G32" s="82">
        <v>4</v>
      </c>
      <c r="H32" s="82">
        <v>11</v>
      </c>
      <c r="I32" s="82">
        <v>2</v>
      </c>
      <c r="J32" s="82">
        <v>0</v>
      </c>
      <c r="K32" s="84">
        <v>19</v>
      </c>
      <c r="L32" s="85">
        <v>25</v>
      </c>
      <c r="M32" s="70">
        <v>0</v>
      </c>
      <c r="N32" s="71">
        <v>0</v>
      </c>
      <c r="O32" s="72">
        <v>0</v>
      </c>
      <c r="P32" s="276"/>
      <c r="Q32" s="71">
        <v>0</v>
      </c>
      <c r="R32" s="71">
        <v>0</v>
      </c>
      <c r="S32" s="71">
        <v>1</v>
      </c>
      <c r="T32" s="71">
        <v>0</v>
      </c>
      <c r="U32" s="71">
        <v>0</v>
      </c>
      <c r="V32" s="72">
        <v>1</v>
      </c>
      <c r="W32" s="73">
        <v>1</v>
      </c>
      <c r="X32" s="70">
        <v>0</v>
      </c>
      <c r="Y32" s="71">
        <v>1</v>
      </c>
      <c r="Z32" s="72">
        <v>1</v>
      </c>
      <c r="AA32" s="276"/>
      <c r="AB32" s="71">
        <v>0</v>
      </c>
      <c r="AC32" s="71">
        <v>1</v>
      </c>
      <c r="AD32" s="71">
        <v>0</v>
      </c>
      <c r="AE32" s="71">
        <v>1</v>
      </c>
      <c r="AF32" s="71">
        <v>0</v>
      </c>
      <c r="AG32" s="72">
        <v>2</v>
      </c>
      <c r="AH32" s="73">
        <v>3</v>
      </c>
      <c r="AI32" s="70">
        <v>1</v>
      </c>
      <c r="AJ32" s="71">
        <v>1</v>
      </c>
      <c r="AK32" s="72">
        <v>2</v>
      </c>
      <c r="AL32" s="276"/>
      <c r="AM32" s="71">
        <v>0</v>
      </c>
      <c r="AN32" s="71">
        <v>1</v>
      </c>
      <c r="AO32" s="71">
        <v>2</v>
      </c>
      <c r="AP32" s="71">
        <v>0</v>
      </c>
      <c r="AQ32" s="71">
        <v>0</v>
      </c>
      <c r="AR32" s="72">
        <v>3</v>
      </c>
      <c r="AS32" s="73">
        <v>5</v>
      </c>
      <c r="AT32" s="70">
        <v>2</v>
      </c>
      <c r="AU32" s="71">
        <v>0</v>
      </c>
      <c r="AV32" s="72">
        <v>2</v>
      </c>
      <c r="AW32" s="276"/>
      <c r="AX32" s="71">
        <v>1</v>
      </c>
      <c r="AY32" s="71">
        <v>0</v>
      </c>
      <c r="AZ32" s="71">
        <v>5</v>
      </c>
      <c r="BA32" s="71">
        <v>0</v>
      </c>
      <c r="BB32" s="71">
        <v>0</v>
      </c>
      <c r="BC32" s="72">
        <v>6</v>
      </c>
      <c r="BD32" s="73">
        <v>8</v>
      </c>
      <c r="BE32" s="70">
        <v>1</v>
      </c>
      <c r="BF32" s="71">
        <v>0</v>
      </c>
      <c r="BG32" s="72">
        <v>1</v>
      </c>
      <c r="BH32" s="276"/>
      <c r="BI32" s="71">
        <v>0</v>
      </c>
      <c r="BJ32" s="71">
        <v>0</v>
      </c>
      <c r="BK32" s="71">
        <v>2</v>
      </c>
      <c r="BL32" s="71">
        <v>1</v>
      </c>
      <c r="BM32" s="71">
        <v>0</v>
      </c>
      <c r="BN32" s="72">
        <v>3</v>
      </c>
      <c r="BO32" s="73">
        <v>4</v>
      </c>
      <c r="BP32" s="70">
        <v>0</v>
      </c>
      <c r="BQ32" s="71">
        <v>0</v>
      </c>
      <c r="BR32" s="72">
        <v>0</v>
      </c>
      <c r="BS32" s="276"/>
      <c r="BT32" s="71">
        <v>1</v>
      </c>
      <c r="BU32" s="71">
        <v>2</v>
      </c>
      <c r="BV32" s="71">
        <v>1</v>
      </c>
      <c r="BW32" s="71">
        <v>0</v>
      </c>
      <c r="BX32" s="71">
        <v>0</v>
      </c>
      <c r="BY32" s="72">
        <v>4</v>
      </c>
      <c r="BZ32" s="73">
        <v>4</v>
      </c>
      <c r="CA32" s="70">
        <v>0</v>
      </c>
      <c r="CB32" s="71">
        <v>0</v>
      </c>
      <c r="CC32" s="72">
        <v>0</v>
      </c>
      <c r="CD32" s="276"/>
      <c r="CE32" s="71">
        <v>0</v>
      </c>
      <c r="CF32" s="71">
        <v>0</v>
      </c>
      <c r="CG32" s="71">
        <v>0</v>
      </c>
      <c r="CH32" s="71">
        <v>0</v>
      </c>
      <c r="CI32" s="71">
        <v>0</v>
      </c>
      <c r="CJ32" s="72">
        <v>0</v>
      </c>
      <c r="CK32" s="73">
        <v>0</v>
      </c>
      <c r="CL32" s="70">
        <v>4</v>
      </c>
      <c r="CM32" s="71">
        <v>2</v>
      </c>
      <c r="CN32" s="72">
        <v>6</v>
      </c>
      <c r="CO32" s="276"/>
      <c r="CP32" s="71">
        <v>2</v>
      </c>
      <c r="CQ32" s="71">
        <v>4</v>
      </c>
      <c r="CR32" s="71">
        <v>11</v>
      </c>
      <c r="CS32" s="71">
        <v>2</v>
      </c>
      <c r="CT32" s="71">
        <v>0</v>
      </c>
      <c r="CU32" s="72">
        <v>19</v>
      </c>
      <c r="CV32" s="73">
        <v>25</v>
      </c>
      <c r="CW32" s="126">
        <v>2</v>
      </c>
      <c r="CX32" s="82">
        <v>5</v>
      </c>
      <c r="CY32" s="83">
        <v>7</v>
      </c>
      <c r="CZ32" s="273"/>
      <c r="DA32" s="82">
        <v>4</v>
      </c>
      <c r="DB32" s="82">
        <v>1</v>
      </c>
      <c r="DC32" s="82">
        <v>0</v>
      </c>
      <c r="DD32" s="82">
        <v>1</v>
      </c>
      <c r="DE32" s="82">
        <v>0</v>
      </c>
      <c r="DF32" s="84">
        <v>6</v>
      </c>
      <c r="DG32" s="85">
        <v>13</v>
      </c>
      <c r="DH32" s="70">
        <v>0</v>
      </c>
      <c r="DI32" s="71">
        <v>0</v>
      </c>
      <c r="DJ32" s="72">
        <v>0</v>
      </c>
      <c r="DK32" s="276"/>
      <c r="DL32" s="71">
        <v>0</v>
      </c>
      <c r="DM32" s="71">
        <v>0</v>
      </c>
      <c r="DN32" s="71">
        <v>0</v>
      </c>
      <c r="DO32" s="71">
        <v>0</v>
      </c>
      <c r="DP32" s="71">
        <v>0</v>
      </c>
      <c r="DQ32" s="72">
        <v>0</v>
      </c>
      <c r="DR32" s="73">
        <v>0</v>
      </c>
      <c r="DS32" s="70">
        <v>0</v>
      </c>
      <c r="DT32" s="71">
        <v>0</v>
      </c>
      <c r="DU32" s="72">
        <v>0</v>
      </c>
      <c r="DV32" s="276"/>
      <c r="DW32" s="71">
        <v>0</v>
      </c>
      <c r="DX32" s="71">
        <v>0</v>
      </c>
      <c r="DY32" s="71">
        <v>0</v>
      </c>
      <c r="DZ32" s="71">
        <v>0</v>
      </c>
      <c r="EA32" s="71">
        <v>0</v>
      </c>
      <c r="EB32" s="72">
        <v>0</v>
      </c>
      <c r="EC32" s="73">
        <v>0</v>
      </c>
      <c r="ED32" s="70">
        <v>1</v>
      </c>
      <c r="EE32" s="71">
        <v>0</v>
      </c>
      <c r="EF32" s="72">
        <v>1</v>
      </c>
      <c r="EG32" s="276"/>
      <c r="EH32" s="71">
        <v>0</v>
      </c>
      <c r="EI32" s="71">
        <v>0</v>
      </c>
      <c r="EJ32" s="71">
        <v>0</v>
      </c>
      <c r="EK32" s="71">
        <v>1</v>
      </c>
      <c r="EL32" s="71">
        <v>0</v>
      </c>
      <c r="EM32" s="72">
        <v>1</v>
      </c>
      <c r="EN32" s="73">
        <v>2</v>
      </c>
      <c r="EO32" s="70">
        <v>1</v>
      </c>
      <c r="EP32" s="71">
        <v>2</v>
      </c>
      <c r="EQ32" s="72">
        <v>3</v>
      </c>
      <c r="ER32" s="276"/>
      <c r="ES32" s="71">
        <v>2</v>
      </c>
      <c r="ET32" s="71">
        <v>0</v>
      </c>
      <c r="EU32" s="71">
        <v>0</v>
      </c>
      <c r="EV32" s="71">
        <v>0</v>
      </c>
      <c r="EW32" s="71">
        <v>0</v>
      </c>
      <c r="EX32" s="72">
        <v>2</v>
      </c>
      <c r="EY32" s="73">
        <v>5</v>
      </c>
      <c r="EZ32" s="70">
        <v>0</v>
      </c>
      <c r="FA32" s="71">
        <v>2</v>
      </c>
      <c r="FB32" s="72">
        <v>2</v>
      </c>
      <c r="FC32" s="276"/>
      <c r="FD32" s="71">
        <v>1</v>
      </c>
      <c r="FE32" s="71">
        <v>0</v>
      </c>
      <c r="FF32" s="71">
        <v>0</v>
      </c>
      <c r="FG32" s="71">
        <v>0</v>
      </c>
      <c r="FH32" s="71">
        <v>0</v>
      </c>
      <c r="FI32" s="72">
        <v>1</v>
      </c>
      <c r="FJ32" s="73">
        <v>3</v>
      </c>
      <c r="FK32" s="70">
        <v>0</v>
      </c>
      <c r="FL32" s="71">
        <v>1</v>
      </c>
      <c r="FM32" s="72">
        <v>1</v>
      </c>
      <c r="FN32" s="276"/>
      <c r="FO32" s="71">
        <v>1</v>
      </c>
      <c r="FP32" s="71">
        <v>1</v>
      </c>
      <c r="FQ32" s="71">
        <v>0</v>
      </c>
      <c r="FR32" s="71">
        <v>0</v>
      </c>
      <c r="FS32" s="71">
        <v>0</v>
      </c>
      <c r="FT32" s="72">
        <v>2</v>
      </c>
      <c r="FU32" s="73">
        <v>3</v>
      </c>
      <c r="FV32" s="70">
        <v>0</v>
      </c>
      <c r="FW32" s="71">
        <v>0</v>
      </c>
      <c r="FX32" s="72">
        <v>0</v>
      </c>
      <c r="FY32" s="276"/>
      <c r="FZ32" s="71">
        <v>0</v>
      </c>
      <c r="GA32" s="71">
        <v>0</v>
      </c>
      <c r="GB32" s="71">
        <v>0</v>
      </c>
      <c r="GC32" s="71">
        <v>0</v>
      </c>
      <c r="GD32" s="71">
        <v>0</v>
      </c>
      <c r="GE32" s="72">
        <v>0</v>
      </c>
      <c r="GF32" s="73">
        <v>0</v>
      </c>
      <c r="GG32" s="70">
        <v>2</v>
      </c>
      <c r="GH32" s="71">
        <v>5</v>
      </c>
      <c r="GI32" s="72">
        <v>7</v>
      </c>
      <c r="GJ32" s="276"/>
      <c r="GK32" s="71">
        <v>4</v>
      </c>
      <c r="GL32" s="71">
        <v>1</v>
      </c>
      <c r="GM32" s="71">
        <v>0</v>
      </c>
      <c r="GN32" s="71">
        <v>1</v>
      </c>
      <c r="GO32" s="71">
        <v>0</v>
      </c>
      <c r="GP32" s="72">
        <v>6</v>
      </c>
      <c r="GQ32" s="73">
        <v>13</v>
      </c>
      <c r="GR32" s="126">
        <v>6</v>
      </c>
      <c r="GS32" s="82">
        <v>7</v>
      </c>
      <c r="GT32" s="83">
        <v>13</v>
      </c>
      <c r="GU32" s="273"/>
      <c r="GV32" s="82">
        <v>6</v>
      </c>
      <c r="GW32" s="82">
        <v>5</v>
      </c>
      <c r="GX32" s="82">
        <v>11</v>
      </c>
      <c r="GY32" s="82">
        <v>3</v>
      </c>
      <c r="GZ32" s="82">
        <v>0</v>
      </c>
      <c r="HA32" s="84">
        <v>25</v>
      </c>
      <c r="HB32" s="85">
        <v>38</v>
      </c>
      <c r="HC32" s="70">
        <v>0</v>
      </c>
      <c r="HD32" s="71">
        <v>0</v>
      </c>
      <c r="HE32" s="72">
        <v>0</v>
      </c>
      <c r="HF32" s="276"/>
      <c r="HG32" s="71">
        <v>0</v>
      </c>
      <c r="HH32" s="71">
        <v>0</v>
      </c>
      <c r="HI32" s="71">
        <v>1</v>
      </c>
      <c r="HJ32" s="71">
        <v>0</v>
      </c>
      <c r="HK32" s="71">
        <v>0</v>
      </c>
      <c r="HL32" s="72">
        <v>1</v>
      </c>
      <c r="HM32" s="73">
        <v>1</v>
      </c>
      <c r="HN32" s="70">
        <v>0</v>
      </c>
      <c r="HO32" s="71">
        <v>1</v>
      </c>
      <c r="HP32" s="72">
        <v>1</v>
      </c>
      <c r="HQ32" s="276"/>
      <c r="HR32" s="71">
        <v>0</v>
      </c>
      <c r="HS32" s="71">
        <v>1</v>
      </c>
      <c r="HT32" s="71">
        <v>0</v>
      </c>
      <c r="HU32" s="71">
        <v>1</v>
      </c>
      <c r="HV32" s="71">
        <v>0</v>
      </c>
      <c r="HW32" s="72">
        <v>2</v>
      </c>
      <c r="HX32" s="73">
        <v>3</v>
      </c>
      <c r="HY32" s="70">
        <v>2</v>
      </c>
      <c r="HZ32" s="71">
        <v>1</v>
      </c>
      <c r="IA32" s="72">
        <v>3</v>
      </c>
      <c r="IB32" s="276"/>
      <c r="IC32" s="71">
        <v>0</v>
      </c>
      <c r="ID32" s="71">
        <v>1</v>
      </c>
      <c r="IE32" s="71">
        <v>2</v>
      </c>
      <c r="IF32" s="71">
        <v>1</v>
      </c>
      <c r="IG32" s="71">
        <v>0</v>
      </c>
      <c r="IH32" s="72">
        <v>4</v>
      </c>
      <c r="II32" s="73">
        <v>7</v>
      </c>
      <c r="IJ32" s="70">
        <v>3</v>
      </c>
      <c r="IK32" s="71">
        <v>2</v>
      </c>
      <c r="IL32" s="72">
        <v>5</v>
      </c>
      <c r="IM32" s="276"/>
      <c r="IN32" s="71">
        <v>3</v>
      </c>
      <c r="IO32" s="71">
        <v>0</v>
      </c>
      <c r="IP32" s="71">
        <v>5</v>
      </c>
      <c r="IQ32" s="71">
        <v>0</v>
      </c>
      <c r="IR32" s="71">
        <v>0</v>
      </c>
      <c r="IS32" s="72">
        <v>8</v>
      </c>
      <c r="IT32" s="73">
        <v>13</v>
      </c>
      <c r="IU32" s="70">
        <v>1</v>
      </c>
      <c r="IV32" s="71">
        <v>2</v>
      </c>
      <c r="IW32" s="72">
        <v>3</v>
      </c>
      <c r="IX32" s="276"/>
      <c r="IY32" s="71">
        <v>1</v>
      </c>
      <c r="IZ32" s="71">
        <v>0</v>
      </c>
      <c r="JA32" s="71">
        <v>2</v>
      </c>
      <c r="JB32" s="71">
        <v>1</v>
      </c>
      <c r="JC32" s="71">
        <v>0</v>
      </c>
      <c r="JD32" s="72">
        <v>4</v>
      </c>
      <c r="JE32" s="73">
        <v>7</v>
      </c>
      <c r="JF32" s="70">
        <v>0</v>
      </c>
      <c r="JG32" s="71">
        <v>1</v>
      </c>
      <c r="JH32" s="72">
        <v>1</v>
      </c>
      <c r="JI32" s="276"/>
      <c r="JJ32" s="71">
        <v>2</v>
      </c>
      <c r="JK32" s="71">
        <v>3</v>
      </c>
      <c r="JL32" s="71">
        <v>1</v>
      </c>
      <c r="JM32" s="71">
        <v>0</v>
      </c>
      <c r="JN32" s="71">
        <v>0</v>
      </c>
      <c r="JO32" s="72">
        <v>6</v>
      </c>
      <c r="JP32" s="73">
        <v>7</v>
      </c>
      <c r="JQ32" s="70">
        <v>0</v>
      </c>
      <c r="JR32" s="71">
        <v>0</v>
      </c>
      <c r="JS32" s="72">
        <v>0</v>
      </c>
      <c r="JT32" s="276"/>
      <c r="JU32" s="71">
        <v>0</v>
      </c>
      <c r="JV32" s="71">
        <v>0</v>
      </c>
      <c r="JW32" s="71">
        <v>0</v>
      </c>
      <c r="JX32" s="71">
        <v>0</v>
      </c>
      <c r="JY32" s="71">
        <v>0</v>
      </c>
      <c r="JZ32" s="72">
        <v>0</v>
      </c>
      <c r="KA32" s="73">
        <v>0</v>
      </c>
      <c r="KB32" s="70">
        <v>6</v>
      </c>
      <c r="KC32" s="71">
        <v>7</v>
      </c>
      <c r="KD32" s="72">
        <v>13</v>
      </c>
      <c r="KE32" s="276"/>
      <c r="KF32" s="71">
        <v>6</v>
      </c>
      <c r="KG32" s="71">
        <v>5</v>
      </c>
      <c r="KH32" s="71">
        <v>11</v>
      </c>
      <c r="KI32" s="71">
        <v>3</v>
      </c>
      <c r="KJ32" s="71">
        <v>0</v>
      </c>
      <c r="KK32" s="72">
        <v>25</v>
      </c>
      <c r="KL32" s="73">
        <v>38</v>
      </c>
    </row>
    <row r="33" spans="1:298" ht="19.5" customHeight="1" x14ac:dyDescent="0.2">
      <c r="A33" s="129" t="s">
        <v>30</v>
      </c>
      <c r="B33" s="350">
        <v>1</v>
      </c>
      <c r="C33" s="82">
        <v>2</v>
      </c>
      <c r="D33" s="83">
        <v>3</v>
      </c>
      <c r="E33" s="273"/>
      <c r="F33" s="82">
        <v>4</v>
      </c>
      <c r="G33" s="82">
        <v>6</v>
      </c>
      <c r="H33" s="82">
        <v>5</v>
      </c>
      <c r="I33" s="82">
        <v>4</v>
      </c>
      <c r="J33" s="82">
        <v>1</v>
      </c>
      <c r="K33" s="84">
        <v>20</v>
      </c>
      <c r="L33" s="85">
        <v>23</v>
      </c>
      <c r="M33" s="70">
        <v>0</v>
      </c>
      <c r="N33" s="71">
        <v>0</v>
      </c>
      <c r="O33" s="72">
        <v>0</v>
      </c>
      <c r="P33" s="276"/>
      <c r="Q33" s="71">
        <v>0</v>
      </c>
      <c r="R33" s="71">
        <v>0</v>
      </c>
      <c r="S33" s="71">
        <v>0</v>
      </c>
      <c r="T33" s="71">
        <v>0</v>
      </c>
      <c r="U33" s="71">
        <v>0</v>
      </c>
      <c r="V33" s="72">
        <v>0</v>
      </c>
      <c r="W33" s="73">
        <v>0</v>
      </c>
      <c r="X33" s="70">
        <v>1</v>
      </c>
      <c r="Y33" s="71">
        <v>0</v>
      </c>
      <c r="Z33" s="72">
        <v>1</v>
      </c>
      <c r="AA33" s="276"/>
      <c r="AB33" s="71">
        <v>1</v>
      </c>
      <c r="AC33" s="71">
        <v>0</v>
      </c>
      <c r="AD33" s="71">
        <v>0</v>
      </c>
      <c r="AE33" s="71">
        <v>1</v>
      </c>
      <c r="AF33" s="71">
        <v>0</v>
      </c>
      <c r="AG33" s="72">
        <v>2</v>
      </c>
      <c r="AH33" s="73">
        <v>3</v>
      </c>
      <c r="AI33" s="70">
        <v>0</v>
      </c>
      <c r="AJ33" s="71">
        <v>0</v>
      </c>
      <c r="AK33" s="72">
        <v>0</v>
      </c>
      <c r="AL33" s="276"/>
      <c r="AM33" s="71">
        <v>0</v>
      </c>
      <c r="AN33" s="71">
        <v>1</v>
      </c>
      <c r="AO33" s="71">
        <v>0</v>
      </c>
      <c r="AP33" s="71">
        <v>0</v>
      </c>
      <c r="AQ33" s="71">
        <v>0</v>
      </c>
      <c r="AR33" s="72">
        <v>1</v>
      </c>
      <c r="AS33" s="73">
        <v>1</v>
      </c>
      <c r="AT33" s="70">
        <v>0</v>
      </c>
      <c r="AU33" s="71">
        <v>1</v>
      </c>
      <c r="AV33" s="72">
        <v>1</v>
      </c>
      <c r="AW33" s="276"/>
      <c r="AX33" s="71">
        <v>1</v>
      </c>
      <c r="AY33" s="71">
        <v>2</v>
      </c>
      <c r="AZ33" s="71">
        <v>1</v>
      </c>
      <c r="BA33" s="71">
        <v>0</v>
      </c>
      <c r="BB33" s="71">
        <v>0</v>
      </c>
      <c r="BC33" s="72">
        <v>4</v>
      </c>
      <c r="BD33" s="73">
        <v>5</v>
      </c>
      <c r="BE33" s="70">
        <v>0</v>
      </c>
      <c r="BF33" s="71">
        <v>1</v>
      </c>
      <c r="BG33" s="72">
        <v>1</v>
      </c>
      <c r="BH33" s="276"/>
      <c r="BI33" s="71">
        <v>1</v>
      </c>
      <c r="BJ33" s="71">
        <v>3</v>
      </c>
      <c r="BK33" s="71">
        <v>1</v>
      </c>
      <c r="BL33" s="71">
        <v>3</v>
      </c>
      <c r="BM33" s="71">
        <v>1</v>
      </c>
      <c r="BN33" s="72">
        <v>9</v>
      </c>
      <c r="BO33" s="73">
        <v>10</v>
      </c>
      <c r="BP33" s="70">
        <v>0</v>
      </c>
      <c r="BQ33" s="71">
        <v>0</v>
      </c>
      <c r="BR33" s="72">
        <v>0</v>
      </c>
      <c r="BS33" s="276"/>
      <c r="BT33" s="71">
        <v>1</v>
      </c>
      <c r="BU33" s="71">
        <v>0</v>
      </c>
      <c r="BV33" s="71">
        <v>3</v>
      </c>
      <c r="BW33" s="71">
        <v>0</v>
      </c>
      <c r="BX33" s="71">
        <v>0</v>
      </c>
      <c r="BY33" s="72">
        <v>4</v>
      </c>
      <c r="BZ33" s="73">
        <v>4</v>
      </c>
      <c r="CA33" s="70">
        <v>0</v>
      </c>
      <c r="CB33" s="71">
        <v>0</v>
      </c>
      <c r="CC33" s="72">
        <v>0</v>
      </c>
      <c r="CD33" s="276"/>
      <c r="CE33" s="71">
        <v>0</v>
      </c>
      <c r="CF33" s="71">
        <v>0</v>
      </c>
      <c r="CG33" s="71">
        <v>0</v>
      </c>
      <c r="CH33" s="71">
        <v>0</v>
      </c>
      <c r="CI33" s="71">
        <v>0</v>
      </c>
      <c r="CJ33" s="72">
        <v>0</v>
      </c>
      <c r="CK33" s="73">
        <v>0</v>
      </c>
      <c r="CL33" s="70">
        <v>1</v>
      </c>
      <c r="CM33" s="71">
        <v>2</v>
      </c>
      <c r="CN33" s="72">
        <v>3</v>
      </c>
      <c r="CO33" s="276"/>
      <c r="CP33" s="71">
        <v>4</v>
      </c>
      <c r="CQ33" s="71">
        <v>6</v>
      </c>
      <c r="CR33" s="71">
        <v>5</v>
      </c>
      <c r="CS33" s="71">
        <v>4</v>
      </c>
      <c r="CT33" s="71">
        <v>1</v>
      </c>
      <c r="CU33" s="72">
        <v>20</v>
      </c>
      <c r="CV33" s="73">
        <v>23</v>
      </c>
      <c r="CW33" s="126">
        <v>1</v>
      </c>
      <c r="CX33" s="82">
        <v>2</v>
      </c>
      <c r="CY33" s="83">
        <v>3</v>
      </c>
      <c r="CZ33" s="273"/>
      <c r="DA33" s="82">
        <v>2</v>
      </c>
      <c r="DB33" s="82">
        <v>1</v>
      </c>
      <c r="DC33" s="82">
        <v>1</v>
      </c>
      <c r="DD33" s="82">
        <v>0</v>
      </c>
      <c r="DE33" s="82">
        <v>0</v>
      </c>
      <c r="DF33" s="84">
        <v>4</v>
      </c>
      <c r="DG33" s="85">
        <v>7</v>
      </c>
      <c r="DH33" s="70">
        <v>0</v>
      </c>
      <c r="DI33" s="71">
        <v>0</v>
      </c>
      <c r="DJ33" s="72">
        <v>0</v>
      </c>
      <c r="DK33" s="276"/>
      <c r="DL33" s="71">
        <v>0</v>
      </c>
      <c r="DM33" s="71">
        <v>0</v>
      </c>
      <c r="DN33" s="71">
        <v>0</v>
      </c>
      <c r="DO33" s="71">
        <v>0</v>
      </c>
      <c r="DP33" s="71">
        <v>0</v>
      </c>
      <c r="DQ33" s="72">
        <v>0</v>
      </c>
      <c r="DR33" s="73">
        <v>0</v>
      </c>
      <c r="DS33" s="70">
        <v>0</v>
      </c>
      <c r="DT33" s="71">
        <v>0</v>
      </c>
      <c r="DU33" s="72">
        <v>0</v>
      </c>
      <c r="DV33" s="276"/>
      <c r="DW33" s="71">
        <v>0</v>
      </c>
      <c r="DX33" s="71">
        <v>0</v>
      </c>
      <c r="DY33" s="71">
        <v>0</v>
      </c>
      <c r="DZ33" s="71">
        <v>0</v>
      </c>
      <c r="EA33" s="71">
        <v>0</v>
      </c>
      <c r="EB33" s="72">
        <v>0</v>
      </c>
      <c r="EC33" s="73">
        <v>0</v>
      </c>
      <c r="ED33" s="70">
        <v>0</v>
      </c>
      <c r="EE33" s="71">
        <v>0</v>
      </c>
      <c r="EF33" s="72">
        <v>0</v>
      </c>
      <c r="EG33" s="276"/>
      <c r="EH33" s="71">
        <v>0</v>
      </c>
      <c r="EI33" s="71">
        <v>0</v>
      </c>
      <c r="EJ33" s="71">
        <v>1</v>
      </c>
      <c r="EK33" s="71">
        <v>0</v>
      </c>
      <c r="EL33" s="71">
        <v>0</v>
      </c>
      <c r="EM33" s="72">
        <v>1</v>
      </c>
      <c r="EN33" s="73">
        <v>1</v>
      </c>
      <c r="EO33" s="70">
        <v>1</v>
      </c>
      <c r="EP33" s="71">
        <v>1</v>
      </c>
      <c r="EQ33" s="72">
        <v>2</v>
      </c>
      <c r="ER33" s="276"/>
      <c r="ES33" s="71">
        <v>0</v>
      </c>
      <c r="ET33" s="71">
        <v>0</v>
      </c>
      <c r="EU33" s="71">
        <v>0</v>
      </c>
      <c r="EV33" s="71">
        <v>0</v>
      </c>
      <c r="EW33" s="71">
        <v>0</v>
      </c>
      <c r="EX33" s="72">
        <v>0</v>
      </c>
      <c r="EY33" s="73">
        <v>2</v>
      </c>
      <c r="EZ33" s="70">
        <v>0</v>
      </c>
      <c r="FA33" s="71">
        <v>0</v>
      </c>
      <c r="FB33" s="72">
        <v>0</v>
      </c>
      <c r="FC33" s="276"/>
      <c r="FD33" s="71">
        <v>1</v>
      </c>
      <c r="FE33" s="71">
        <v>0</v>
      </c>
      <c r="FF33" s="71">
        <v>0</v>
      </c>
      <c r="FG33" s="71">
        <v>0</v>
      </c>
      <c r="FH33" s="71">
        <v>0</v>
      </c>
      <c r="FI33" s="72">
        <v>1</v>
      </c>
      <c r="FJ33" s="73">
        <v>1</v>
      </c>
      <c r="FK33" s="70">
        <v>0</v>
      </c>
      <c r="FL33" s="71">
        <v>1</v>
      </c>
      <c r="FM33" s="72">
        <v>1</v>
      </c>
      <c r="FN33" s="276"/>
      <c r="FO33" s="71">
        <v>1</v>
      </c>
      <c r="FP33" s="71">
        <v>1</v>
      </c>
      <c r="FQ33" s="71">
        <v>0</v>
      </c>
      <c r="FR33" s="71">
        <v>0</v>
      </c>
      <c r="FS33" s="71">
        <v>0</v>
      </c>
      <c r="FT33" s="72">
        <v>2</v>
      </c>
      <c r="FU33" s="73">
        <v>3</v>
      </c>
      <c r="FV33" s="70">
        <v>0</v>
      </c>
      <c r="FW33" s="71">
        <v>0</v>
      </c>
      <c r="FX33" s="72">
        <v>0</v>
      </c>
      <c r="FY33" s="276"/>
      <c r="FZ33" s="71">
        <v>0</v>
      </c>
      <c r="GA33" s="71">
        <v>0</v>
      </c>
      <c r="GB33" s="71">
        <v>0</v>
      </c>
      <c r="GC33" s="71">
        <v>0</v>
      </c>
      <c r="GD33" s="71">
        <v>0</v>
      </c>
      <c r="GE33" s="72">
        <v>0</v>
      </c>
      <c r="GF33" s="73">
        <v>0</v>
      </c>
      <c r="GG33" s="70">
        <v>1</v>
      </c>
      <c r="GH33" s="71">
        <v>2</v>
      </c>
      <c r="GI33" s="72">
        <v>3</v>
      </c>
      <c r="GJ33" s="276"/>
      <c r="GK33" s="71">
        <v>2</v>
      </c>
      <c r="GL33" s="71">
        <v>1</v>
      </c>
      <c r="GM33" s="71">
        <v>1</v>
      </c>
      <c r="GN33" s="71">
        <v>0</v>
      </c>
      <c r="GO33" s="71">
        <v>0</v>
      </c>
      <c r="GP33" s="72">
        <v>4</v>
      </c>
      <c r="GQ33" s="73">
        <v>7</v>
      </c>
      <c r="GR33" s="126">
        <v>2</v>
      </c>
      <c r="GS33" s="82">
        <v>4</v>
      </c>
      <c r="GT33" s="83">
        <v>6</v>
      </c>
      <c r="GU33" s="273"/>
      <c r="GV33" s="82">
        <v>6</v>
      </c>
      <c r="GW33" s="82">
        <v>7</v>
      </c>
      <c r="GX33" s="82">
        <v>6</v>
      </c>
      <c r="GY33" s="82">
        <v>4</v>
      </c>
      <c r="GZ33" s="82">
        <v>1</v>
      </c>
      <c r="HA33" s="84">
        <v>24</v>
      </c>
      <c r="HB33" s="85">
        <v>30</v>
      </c>
      <c r="HC33" s="70">
        <v>0</v>
      </c>
      <c r="HD33" s="71">
        <v>0</v>
      </c>
      <c r="HE33" s="72">
        <v>0</v>
      </c>
      <c r="HF33" s="276"/>
      <c r="HG33" s="71">
        <v>0</v>
      </c>
      <c r="HH33" s="71">
        <v>0</v>
      </c>
      <c r="HI33" s="71">
        <v>0</v>
      </c>
      <c r="HJ33" s="71">
        <v>0</v>
      </c>
      <c r="HK33" s="71">
        <v>0</v>
      </c>
      <c r="HL33" s="72">
        <v>0</v>
      </c>
      <c r="HM33" s="73">
        <v>0</v>
      </c>
      <c r="HN33" s="70">
        <v>1</v>
      </c>
      <c r="HO33" s="71">
        <v>0</v>
      </c>
      <c r="HP33" s="72">
        <v>1</v>
      </c>
      <c r="HQ33" s="276"/>
      <c r="HR33" s="71">
        <v>1</v>
      </c>
      <c r="HS33" s="71">
        <v>0</v>
      </c>
      <c r="HT33" s="71">
        <v>0</v>
      </c>
      <c r="HU33" s="71">
        <v>1</v>
      </c>
      <c r="HV33" s="71">
        <v>0</v>
      </c>
      <c r="HW33" s="72">
        <v>2</v>
      </c>
      <c r="HX33" s="73">
        <v>3</v>
      </c>
      <c r="HY33" s="70">
        <v>0</v>
      </c>
      <c r="HZ33" s="71">
        <v>0</v>
      </c>
      <c r="IA33" s="72">
        <v>0</v>
      </c>
      <c r="IB33" s="276"/>
      <c r="IC33" s="71">
        <v>0</v>
      </c>
      <c r="ID33" s="71">
        <v>1</v>
      </c>
      <c r="IE33" s="71">
        <v>1</v>
      </c>
      <c r="IF33" s="71">
        <v>0</v>
      </c>
      <c r="IG33" s="71">
        <v>0</v>
      </c>
      <c r="IH33" s="72">
        <v>2</v>
      </c>
      <c r="II33" s="73">
        <v>2</v>
      </c>
      <c r="IJ33" s="70">
        <v>1</v>
      </c>
      <c r="IK33" s="71">
        <v>2</v>
      </c>
      <c r="IL33" s="72">
        <v>3</v>
      </c>
      <c r="IM33" s="276"/>
      <c r="IN33" s="71">
        <v>1</v>
      </c>
      <c r="IO33" s="71">
        <v>2</v>
      </c>
      <c r="IP33" s="71">
        <v>1</v>
      </c>
      <c r="IQ33" s="71">
        <v>0</v>
      </c>
      <c r="IR33" s="71">
        <v>0</v>
      </c>
      <c r="IS33" s="72">
        <v>4</v>
      </c>
      <c r="IT33" s="73">
        <v>7</v>
      </c>
      <c r="IU33" s="70">
        <v>0</v>
      </c>
      <c r="IV33" s="71">
        <v>1</v>
      </c>
      <c r="IW33" s="72">
        <v>1</v>
      </c>
      <c r="IX33" s="276"/>
      <c r="IY33" s="71">
        <v>2</v>
      </c>
      <c r="IZ33" s="71">
        <v>3</v>
      </c>
      <c r="JA33" s="71">
        <v>1</v>
      </c>
      <c r="JB33" s="71">
        <v>3</v>
      </c>
      <c r="JC33" s="71">
        <v>1</v>
      </c>
      <c r="JD33" s="72">
        <v>10</v>
      </c>
      <c r="JE33" s="73">
        <v>11</v>
      </c>
      <c r="JF33" s="70">
        <v>0</v>
      </c>
      <c r="JG33" s="71">
        <v>1</v>
      </c>
      <c r="JH33" s="72">
        <v>1</v>
      </c>
      <c r="JI33" s="276"/>
      <c r="JJ33" s="71">
        <v>2</v>
      </c>
      <c r="JK33" s="71">
        <v>1</v>
      </c>
      <c r="JL33" s="71">
        <v>3</v>
      </c>
      <c r="JM33" s="71">
        <v>0</v>
      </c>
      <c r="JN33" s="71">
        <v>0</v>
      </c>
      <c r="JO33" s="72">
        <v>6</v>
      </c>
      <c r="JP33" s="73">
        <v>7</v>
      </c>
      <c r="JQ33" s="70">
        <v>0</v>
      </c>
      <c r="JR33" s="71">
        <v>0</v>
      </c>
      <c r="JS33" s="72">
        <v>0</v>
      </c>
      <c r="JT33" s="276"/>
      <c r="JU33" s="71">
        <v>0</v>
      </c>
      <c r="JV33" s="71">
        <v>0</v>
      </c>
      <c r="JW33" s="71">
        <v>0</v>
      </c>
      <c r="JX33" s="71">
        <v>0</v>
      </c>
      <c r="JY33" s="71">
        <v>0</v>
      </c>
      <c r="JZ33" s="72">
        <v>0</v>
      </c>
      <c r="KA33" s="73">
        <v>0</v>
      </c>
      <c r="KB33" s="70">
        <v>2</v>
      </c>
      <c r="KC33" s="71">
        <v>4</v>
      </c>
      <c r="KD33" s="72">
        <v>6</v>
      </c>
      <c r="KE33" s="276"/>
      <c r="KF33" s="71">
        <v>6</v>
      </c>
      <c r="KG33" s="71">
        <v>7</v>
      </c>
      <c r="KH33" s="71">
        <v>6</v>
      </c>
      <c r="KI33" s="71">
        <v>4</v>
      </c>
      <c r="KJ33" s="71">
        <v>1</v>
      </c>
      <c r="KK33" s="72">
        <v>24</v>
      </c>
      <c r="KL33" s="73">
        <v>30</v>
      </c>
    </row>
    <row r="34" spans="1:298" ht="19.5" customHeight="1" x14ac:dyDescent="0.2">
      <c r="A34" s="129" t="s">
        <v>31</v>
      </c>
      <c r="B34" s="350">
        <v>3</v>
      </c>
      <c r="C34" s="82">
        <v>1</v>
      </c>
      <c r="D34" s="83">
        <v>4</v>
      </c>
      <c r="E34" s="273"/>
      <c r="F34" s="82">
        <v>9</v>
      </c>
      <c r="G34" s="82">
        <v>4</v>
      </c>
      <c r="H34" s="82">
        <v>3</v>
      </c>
      <c r="I34" s="82">
        <v>1</v>
      </c>
      <c r="J34" s="82">
        <v>2</v>
      </c>
      <c r="K34" s="84">
        <v>19</v>
      </c>
      <c r="L34" s="85">
        <v>23</v>
      </c>
      <c r="M34" s="70">
        <v>0</v>
      </c>
      <c r="N34" s="71">
        <v>0</v>
      </c>
      <c r="O34" s="72">
        <v>0</v>
      </c>
      <c r="P34" s="276"/>
      <c r="Q34" s="71">
        <v>1</v>
      </c>
      <c r="R34" s="71">
        <v>0</v>
      </c>
      <c r="S34" s="71">
        <v>1</v>
      </c>
      <c r="T34" s="71">
        <v>0</v>
      </c>
      <c r="U34" s="71">
        <v>0</v>
      </c>
      <c r="V34" s="72">
        <v>2</v>
      </c>
      <c r="W34" s="73">
        <v>2</v>
      </c>
      <c r="X34" s="70">
        <v>0</v>
      </c>
      <c r="Y34" s="71">
        <v>0</v>
      </c>
      <c r="Z34" s="72">
        <v>0</v>
      </c>
      <c r="AA34" s="276"/>
      <c r="AB34" s="71">
        <v>1</v>
      </c>
      <c r="AC34" s="71">
        <v>0</v>
      </c>
      <c r="AD34" s="71">
        <v>1</v>
      </c>
      <c r="AE34" s="71">
        <v>0</v>
      </c>
      <c r="AF34" s="71">
        <v>1</v>
      </c>
      <c r="AG34" s="72">
        <v>3</v>
      </c>
      <c r="AH34" s="73">
        <v>3</v>
      </c>
      <c r="AI34" s="70">
        <v>0</v>
      </c>
      <c r="AJ34" s="71">
        <v>0</v>
      </c>
      <c r="AK34" s="72">
        <v>0</v>
      </c>
      <c r="AL34" s="276"/>
      <c r="AM34" s="71">
        <v>1</v>
      </c>
      <c r="AN34" s="71">
        <v>0</v>
      </c>
      <c r="AO34" s="71">
        <v>0</v>
      </c>
      <c r="AP34" s="71">
        <v>0</v>
      </c>
      <c r="AQ34" s="71">
        <v>0</v>
      </c>
      <c r="AR34" s="72">
        <v>1</v>
      </c>
      <c r="AS34" s="73">
        <v>1</v>
      </c>
      <c r="AT34" s="70">
        <v>0</v>
      </c>
      <c r="AU34" s="71">
        <v>1</v>
      </c>
      <c r="AV34" s="72">
        <v>1</v>
      </c>
      <c r="AW34" s="276"/>
      <c r="AX34" s="71">
        <v>1</v>
      </c>
      <c r="AY34" s="71">
        <v>1</v>
      </c>
      <c r="AZ34" s="71">
        <v>0</v>
      </c>
      <c r="BA34" s="71">
        <v>0</v>
      </c>
      <c r="BB34" s="71">
        <v>1</v>
      </c>
      <c r="BC34" s="72">
        <v>3</v>
      </c>
      <c r="BD34" s="73">
        <v>4</v>
      </c>
      <c r="BE34" s="70">
        <v>3</v>
      </c>
      <c r="BF34" s="71">
        <v>0</v>
      </c>
      <c r="BG34" s="72">
        <v>3</v>
      </c>
      <c r="BH34" s="276"/>
      <c r="BI34" s="71">
        <v>1</v>
      </c>
      <c r="BJ34" s="71">
        <v>1</v>
      </c>
      <c r="BK34" s="71">
        <v>0</v>
      </c>
      <c r="BL34" s="71">
        <v>0</v>
      </c>
      <c r="BM34" s="71">
        <v>0</v>
      </c>
      <c r="BN34" s="72">
        <v>2</v>
      </c>
      <c r="BO34" s="73">
        <v>5</v>
      </c>
      <c r="BP34" s="70">
        <v>0</v>
      </c>
      <c r="BQ34" s="71">
        <v>0</v>
      </c>
      <c r="BR34" s="72">
        <v>0</v>
      </c>
      <c r="BS34" s="276"/>
      <c r="BT34" s="71">
        <v>4</v>
      </c>
      <c r="BU34" s="71">
        <v>2</v>
      </c>
      <c r="BV34" s="71">
        <v>1</v>
      </c>
      <c r="BW34" s="71">
        <v>1</v>
      </c>
      <c r="BX34" s="71">
        <v>0</v>
      </c>
      <c r="BY34" s="72">
        <v>8</v>
      </c>
      <c r="BZ34" s="73">
        <v>8</v>
      </c>
      <c r="CA34" s="70">
        <v>0</v>
      </c>
      <c r="CB34" s="71">
        <v>0</v>
      </c>
      <c r="CC34" s="72">
        <v>0</v>
      </c>
      <c r="CD34" s="276"/>
      <c r="CE34" s="71">
        <v>0</v>
      </c>
      <c r="CF34" s="71">
        <v>0</v>
      </c>
      <c r="CG34" s="71">
        <v>0</v>
      </c>
      <c r="CH34" s="71">
        <v>0</v>
      </c>
      <c r="CI34" s="71">
        <v>0</v>
      </c>
      <c r="CJ34" s="72">
        <v>0</v>
      </c>
      <c r="CK34" s="73">
        <v>0</v>
      </c>
      <c r="CL34" s="70">
        <v>3</v>
      </c>
      <c r="CM34" s="71">
        <v>1</v>
      </c>
      <c r="CN34" s="72">
        <v>4</v>
      </c>
      <c r="CO34" s="276"/>
      <c r="CP34" s="71">
        <v>9</v>
      </c>
      <c r="CQ34" s="71">
        <v>4</v>
      </c>
      <c r="CR34" s="71">
        <v>3</v>
      </c>
      <c r="CS34" s="71">
        <v>1</v>
      </c>
      <c r="CT34" s="71">
        <v>2</v>
      </c>
      <c r="CU34" s="72">
        <v>19</v>
      </c>
      <c r="CV34" s="73">
        <v>23</v>
      </c>
      <c r="CW34" s="126">
        <v>1</v>
      </c>
      <c r="CX34" s="82">
        <v>1</v>
      </c>
      <c r="CY34" s="83">
        <v>2</v>
      </c>
      <c r="CZ34" s="273"/>
      <c r="DA34" s="82">
        <v>0</v>
      </c>
      <c r="DB34" s="82">
        <v>1</v>
      </c>
      <c r="DC34" s="82">
        <v>2</v>
      </c>
      <c r="DD34" s="82">
        <v>2</v>
      </c>
      <c r="DE34" s="82">
        <v>2</v>
      </c>
      <c r="DF34" s="84">
        <v>7</v>
      </c>
      <c r="DG34" s="85">
        <v>9</v>
      </c>
      <c r="DH34" s="70">
        <v>0</v>
      </c>
      <c r="DI34" s="71">
        <v>0</v>
      </c>
      <c r="DJ34" s="72">
        <v>0</v>
      </c>
      <c r="DK34" s="276"/>
      <c r="DL34" s="71">
        <v>0</v>
      </c>
      <c r="DM34" s="71">
        <v>0</v>
      </c>
      <c r="DN34" s="71">
        <v>0</v>
      </c>
      <c r="DO34" s="71">
        <v>0</v>
      </c>
      <c r="DP34" s="71">
        <v>0</v>
      </c>
      <c r="DQ34" s="72">
        <v>0</v>
      </c>
      <c r="DR34" s="73">
        <v>0</v>
      </c>
      <c r="DS34" s="70">
        <v>0</v>
      </c>
      <c r="DT34" s="71">
        <v>1</v>
      </c>
      <c r="DU34" s="72">
        <v>1</v>
      </c>
      <c r="DV34" s="276"/>
      <c r="DW34" s="71">
        <v>0</v>
      </c>
      <c r="DX34" s="71">
        <v>0</v>
      </c>
      <c r="DY34" s="71">
        <v>1</v>
      </c>
      <c r="DZ34" s="71">
        <v>0</v>
      </c>
      <c r="EA34" s="71">
        <v>0</v>
      </c>
      <c r="EB34" s="72">
        <v>1</v>
      </c>
      <c r="EC34" s="73">
        <v>2</v>
      </c>
      <c r="ED34" s="70">
        <v>0</v>
      </c>
      <c r="EE34" s="71">
        <v>0</v>
      </c>
      <c r="EF34" s="72">
        <v>0</v>
      </c>
      <c r="EG34" s="276"/>
      <c r="EH34" s="71">
        <v>0</v>
      </c>
      <c r="EI34" s="71">
        <v>0</v>
      </c>
      <c r="EJ34" s="71">
        <v>0</v>
      </c>
      <c r="EK34" s="71">
        <v>0</v>
      </c>
      <c r="EL34" s="71">
        <v>0</v>
      </c>
      <c r="EM34" s="72">
        <v>0</v>
      </c>
      <c r="EN34" s="73">
        <v>0</v>
      </c>
      <c r="EO34" s="70">
        <v>0</v>
      </c>
      <c r="EP34" s="71">
        <v>0</v>
      </c>
      <c r="EQ34" s="72">
        <v>0</v>
      </c>
      <c r="ER34" s="276"/>
      <c r="ES34" s="71">
        <v>0</v>
      </c>
      <c r="ET34" s="71">
        <v>1</v>
      </c>
      <c r="EU34" s="71">
        <v>0</v>
      </c>
      <c r="EV34" s="71">
        <v>1</v>
      </c>
      <c r="EW34" s="71">
        <v>0</v>
      </c>
      <c r="EX34" s="72">
        <v>2</v>
      </c>
      <c r="EY34" s="73">
        <v>2</v>
      </c>
      <c r="EZ34" s="70">
        <v>0</v>
      </c>
      <c r="FA34" s="71">
        <v>0</v>
      </c>
      <c r="FB34" s="72">
        <v>0</v>
      </c>
      <c r="FC34" s="276"/>
      <c r="FD34" s="71">
        <v>0</v>
      </c>
      <c r="FE34" s="71">
        <v>0</v>
      </c>
      <c r="FF34" s="71">
        <v>0</v>
      </c>
      <c r="FG34" s="71">
        <v>1</v>
      </c>
      <c r="FH34" s="71">
        <v>0</v>
      </c>
      <c r="FI34" s="72">
        <v>1</v>
      </c>
      <c r="FJ34" s="73">
        <v>1</v>
      </c>
      <c r="FK34" s="70">
        <v>1</v>
      </c>
      <c r="FL34" s="71">
        <v>0</v>
      </c>
      <c r="FM34" s="72">
        <v>1</v>
      </c>
      <c r="FN34" s="276"/>
      <c r="FO34" s="71">
        <v>0</v>
      </c>
      <c r="FP34" s="71">
        <v>0</v>
      </c>
      <c r="FQ34" s="71">
        <v>1</v>
      </c>
      <c r="FR34" s="71">
        <v>0</v>
      </c>
      <c r="FS34" s="71">
        <v>2</v>
      </c>
      <c r="FT34" s="72">
        <v>3</v>
      </c>
      <c r="FU34" s="73">
        <v>4</v>
      </c>
      <c r="FV34" s="70">
        <v>0</v>
      </c>
      <c r="FW34" s="71">
        <v>0</v>
      </c>
      <c r="FX34" s="72">
        <v>0</v>
      </c>
      <c r="FY34" s="276"/>
      <c r="FZ34" s="71">
        <v>0</v>
      </c>
      <c r="GA34" s="71">
        <v>0</v>
      </c>
      <c r="GB34" s="71">
        <v>0</v>
      </c>
      <c r="GC34" s="71">
        <v>0</v>
      </c>
      <c r="GD34" s="71">
        <v>0</v>
      </c>
      <c r="GE34" s="72">
        <v>0</v>
      </c>
      <c r="GF34" s="73">
        <v>0</v>
      </c>
      <c r="GG34" s="70">
        <v>1</v>
      </c>
      <c r="GH34" s="71">
        <v>1</v>
      </c>
      <c r="GI34" s="72">
        <v>2</v>
      </c>
      <c r="GJ34" s="276"/>
      <c r="GK34" s="71">
        <v>0</v>
      </c>
      <c r="GL34" s="71">
        <v>1</v>
      </c>
      <c r="GM34" s="71">
        <v>2</v>
      </c>
      <c r="GN34" s="71">
        <v>2</v>
      </c>
      <c r="GO34" s="71">
        <v>2</v>
      </c>
      <c r="GP34" s="72">
        <v>7</v>
      </c>
      <c r="GQ34" s="73">
        <v>9</v>
      </c>
      <c r="GR34" s="126">
        <v>4</v>
      </c>
      <c r="GS34" s="82">
        <v>2</v>
      </c>
      <c r="GT34" s="83">
        <v>6</v>
      </c>
      <c r="GU34" s="273"/>
      <c r="GV34" s="82">
        <v>9</v>
      </c>
      <c r="GW34" s="82">
        <v>5</v>
      </c>
      <c r="GX34" s="82">
        <v>5</v>
      </c>
      <c r="GY34" s="82">
        <v>3</v>
      </c>
      <c r="GZ34" s="82">
        <v>4</v>
      </c>
      <c r="HA34" s="84">
        <v>26</v>
      </c>
      <c r="HB34" s="85">
        <v>32</v>
      </c>
      <c r="HC34" s="70">
        <v>0</v>
      </c>
      <c r="HD34" s="71">
        <v>0</v>
      </c>
      <c r="HE34" s="72">
        <v>0</v>
      </c>
      <c r="HF34" s="276"/>
      <c r="HG34" s="71">
        <v>1</v>
      </c>
      <c r="HH34" s="71">
        <v>0</v>
      </c>
      <c r="HI34" s="71">
        <v>1</v>
      </c>
      <c r="HJ34" s="71">
        <v>0</v>
      </c>
      <c r="HK34" s="71">
        <v>0</v>
      </c>
      <c r="HL34" s="72">
        <v>2</v>
      </c>
      <c r="HM34" s="73">
        <v>2</v>
      </c>
      <c r="HN34" s="70">
        <v>0</v>
      </c>
      <c r="HO34" s="71">
        <v>1</v>
      </c>
      <c r="HP34" s="72">
        <v>1</v>
      </c>
      <c r="HQ34" s="276"/>
      <c r="HR34" s="71">
        <v>1</v>
      </c>
      <c r="HS34" s="71">
        <v>0</v>
      </c>
      <c r="HT34" s="71">
        <v>2</v>
      </c>
      <c r="HU34" s="71">
        <v>0</v>
      </c>
      <c r="HV34" s="71">
        <v>1</v>
      </c>
      <c r="HW34" s="72">
        <v>4</v>
      </c>
      <c r="HX34" s="73">
        <v>5</v>
      </c>
      <c r="HY34" s="70">
        <v>0</v>
      </c>
      <c r="HZ34" s="71">
        <v>0</v>
      </c>
      <c r="IA34" s="72">
        <v>0</v>
      </c>
      <c r="IB34" s="276"/>
      <c r="IC34" s="71">
        <v>1</v>
      </c>
      <c r="ID34" s="71">
        <v>0</v>
      </c>
      <c r="IE34" s="71">
        <v>0</v>
      </c>
      <c r="IF34" s="71">
        <v>0</v>
      </c>
      <c r="IG34" s="71">
        <v>0</v>
      </c>
      <c r="IH34" s="72">
        <v>1</v>
      </c>
      <c r="II34" s="73">
        <v>1</v>
      </c>
      <c r="IJ34" s="70">
        <v>0</v>
      </c>
      <c r="IK34" s="71">
        <v>1</v>
      </c>
      <c r="IL34" s="72">
        <v>1</v>
      </c>
      <c r="IM34" s="276"/>
      <c r="IN34" s="71">
        <v>1</v>
      </c>
      <c r="IO34" s="71">
        <v>2</v>
      </c>
      <c r="IP34" s="71">
        <v>0</v>
      </c>
      <c r="IQ34" s="71">
        <v>1</v>
      </c>
      <c r="IR34" s="71">
        <v>1</v>
      </c>
      <c r="IS34" s="72">
        <v>5</v>
      </c>
      <c r="IT34" s="73">
        <v>6</v>
      </c>
      <c r="IU34" s="70">
        <v>3</v>
      </c>
      <c r="IV34" s="71">
        <v>0</v>
      </c>
      <c r="IW34" s="72">
        <v>3</v>
      </c>
      <c r="IX34" s="276"/>
      <c r="IY34" s="71">
        <v>1</v>
      </c>
      <c r="IZ34" s="71">
        <v>1</v>
      </c>
      <c r="JA34" s="71">
        <v>0</v>
      </c>
      <c r="JB34" s="71">
        <v>1</v>
      </c>
      <c r="JC34" s="71">
        <v>0</v>
      </c>
      <c r="JD34" s="72">
        <v>3</v>
      </c>
      <c r="JE34" s="73">
        <v>6</v>
      </c>
      <c r="JF34" s="70">
        <v>1</v>
      </c>
      <c r="JG34" s="71">
        <v>0</v>
      </c>
      <c r="JH34" s="72">
        <v>1</v>
      </c>
      <c r="JI34" s="276"/>
      <c r="JJ34" s="71">
        <v>4</v>
      </c>
      <c r="JK34" s="71">
        <v>2</v>
      </c>
      <c r="JL34" s="71">
        <v>2</v>
      </c>
      <c r="JM34" s="71">
        <v>1</v>
      </c>
      <c r="JN34" s="71">
        <v>2</v>
      </c>
      <c r="JO34" s="72">
        <v>11</v>
      </c>
      <c r="JP34" s="73">
        <v>12</v>
      </c>
      <c r="JQ34" s="70">
        <v>0</v>
      </c>
      <c r="JR34" s="71">
        <v>0</v>
      </c>
      <c r="JS34" s="72">
        <v>0</v>
      </c>
      <c r="JT34" s="276"/>
      <c r="JU34" s="71">
        <v>0</v>
      </c>
      <c r="JV34" s="71">
        <v>0</v>
      </c>
      <c r="JW34" s="71">
        <v>0</v>
      </c>
      <c r="JX34" s="71">
        <v>0</v>
      </c>
      <c r="JY34" s="71">
        <v>0</v>
      </c>
      <c r="JZ34" s="72">
        <v>0</v>
      </c>
      <c r="KA34" s="73">
        <v>0</v>
      </c>
      <c r="KB34" s="70">
        <v>4</v>
      </c>
      <c r="KC34" s="71">
        <v>2</v>
      </c>
      <c r="KD34" s="72">
        <v>6</v>
      </c>
      <c r="KE34" s="276"/>
      <c r="KF34" s="71">
        <v>9</v>
      </c>
      <c r="KG34" s="71">
        <v>5</v>
      </c>
      <c r="KH34" s="71">
        <v>5</v>
      </c>
      <c r="KI34" s="71">
        <v>3</v>
      </c>
      <c r="KJ34" s="71">
        <v>4</v>
      </c>
      <c r="KK34" s="72">
        <v>26</v>
      </c>
      <c r="KL34" s="73">
        <v>32</v>
      </c>
    </row>
    <row r="35" spans="1:298" ht="19.5" customHeight="1" x14ac:dyDescent="0.2">
      <c r="A35" s="129" t="s">
        <v>32</v>
      </c>
      <c r="B35" s="350">
        <v>3</v>
      </c>
      <c r="C35" s="82">
        <v>1</v>
      </c>
      <c r="D35" s="83">
        <v>4</v>
      </c>
      <c r="E35" s="273"/>
      <c r="F35" s="82">
        <v>8</v>
      </c>
      <c r="G35" s="82">
        <v>7</v>
      </c>
      <c r="H35" s="82">
        <v>3</v>
      </c>
      <c r="I35" s="82">
        <v>3</v>
      </c>
      <c r="J35" s="82">
        <v>3</v>
      </c>
      <c r="K35" s="84">
        <v>24</v>
      </c>
      <c r="L35" s="85">
        <v>28</v>
      </c>
      <c r="M35" s="70">
        <v>0</v>
      </c>
      <c r="N35" s="71">
        <v>0</v>
      </c>
      <c r="O35" s="72">
        <v>0</v>
      </c>
      <c r="P35" s="276"/>
      <c r="Q35" s="71">
        <v>0</v>
      </c>
      <c r="R35" s="71">
        <v>0</v>
      </c>
      <c r="S35" s="71">
        <v>1</v>
      </c>
      <c r="T35" s="71">
        <v>0</v>
      </c>
      <c r="U35" s="71">
        <v>0</v>
      </c>
      <c r="V35" s="72">
        <v>1</v>
      </c>
      <c r="W35" s="73">
        <v>1</v>
      </c>
      <c r="X35" s="70">
        <v>1</v>
      </c>
      <c r="Y35" s="71">
        <v>0</v>
      </c>
      <c r="Z35" s="72">
        <v>1</v>
      </c>
      <c r="AA35" s="276"/>
      <c r="AB35" s="71">
        <v>1</v>
      </c>
      <c r="AC35" s="71">
        <v>0</v>
      </c>
      <c r="AD35" s="71">
        <v>1</v>
      </c>
      <c r="AE35" s="71">
        <v>0</v>
      </c>
      <c r="AF35" s="71">
        <v>0</v>
      </c>
      <c r="AG35" s="72">
        <v>2</v>
      </c>
      <c r="AH35" s="73">
        <v>3</v>
      </c>
      <c r="AI35" s="70">
        <v>2</v>
      </c>
      <c r="AJ35" s="71">
        <v>0</v>
      </c>
      <c r="AK35" s="72">
        <v>2</v>
      </c>
      <c r="AL35" s="276"/>
      <c r="AM35" s="71">
        <v>1</v>
      </c>
      <c r="AN35" s="71">
        <v>2</v>
      </c>
      <c r="AO35" s="71">
        <v>0</v>
      </c>
      <c r="AP35" s="71">
        <v>0</v>
      </c>
      <c r="AQ35" s="71">
        <v>2</v>
      </c>
      <c r="AR35" s="72">
        <v>5</v>
      </c>
      <c r="AS35" s="73">
        <v>7</v>
      </c>
      <c r="AT35" s="70">
        <v>0</v>
      </c>
      <c r="AU35" s="71">
        <v>0</v>
      </c>
      <c r="AV35" s="72">
        <v>0</v>
      </c>
      <c r="AW35" s="276"/>
      <c r="AX35" s="71">
        <v>1</v>
      </c>
      <c r="AY35" s="71">
        <v>0</v>
      </c>
      <c r="AZ35" s="71">
        <v>0</v>
      </c>
      <c r="BA35" s="71">
        <v>1</v>
      </c>
      <c r="BB35" s="71">
        <v>0</v>
      </c>
      <c r="BC35" s="72">
        <v>2</v>
      </c>
      <c r="BD35" s="73">
        <v>2</v>
      </c>
      <c r="BE35" s="70">
        <v>0</v>
      </c>
      <c r="BF35" s="71">
        <v>1</v>
      </c>
      <c r="BG35" s="72">
        <v>1</v>
      </c>
      <c r="BH35" s="276"/>
      <c r="BI35" s="71">
        <v>3</v>
      </c>
      <c r="BJ35" s="71">
        <v>4</v>
      </c>
      <c r="BK35" s="71">
        <v>0</v>
      </c>
      <c r="BL35" s="71">
        <v>1</v>
      </c>
      <c r="BM35" s="71">
        <v>0</v>
      </c>
      <c r="BN35" s="72">
        <v>8</v>
      </c>
      <c r="BO35" s="73">
        <v>9</v>
      </c>
      <c r="BP35" s="70">
        <v>0</v>
      </c>
      <c r="BQ35" s="71">
        <v>0</v>
      </c>
      <c r="BR35" s="72">
        <v>0</v>
      </c>
      <c r="BS35" s="276"/>
      <c r="BT35" s="71">
        <v>2</v>
      </c>
      <c r="BU35" s="71">
        <v>1</v>
      </c>
      <c r="BV35" s="71">
        <v>1</v>
      </c>
      <c r="BW35" s="71">
        <v>1</v>
      </c>
      <c r="BX35" s="71">
        <v>1</v>
      </c>
      <c r="BY35" s="72">
        <v>6</v>
      </c>
      <c r="BZ35" s="73">
        <v>6</v>
      </c>
      <c r="CA35" s="70">
        <v>0</v>
      </c>
      <c r="CB35" s="71">
        <v>0</v>
      </c>
      <c r="CC35" s="72">
        <v>0</v>
      </c>
      <c r="CD35" s="276"/>
      <c r="CE35" s="71">
        <v>0</v>
      </c>
      <c r="CF35" s="71">
        <v>0</v>
      </c>
      <c r="CG35" s="71">
        <v>0</v>
      </c>
      <c r="CH35" s="71">
        <v>0</v>
      </c>
      <c r="CI35" s="71">
        <v>0</v>
      </c>
      <c r="CJ35" s="72">
        <v>0</v>
      </c>
      <c r="CK35" s="73">
        <v>0</v>
      </c>
      <c r="CL35" s="70">
        <v>3</v>
      </c>
      <c r="CM35" s="71">
        <v>1</v>
      </c>
      <c r="CN35" s="72">
        <v>4</v>
      </c>
      <c r="CO35" s="276"/>
      <c r="CP35" s="71">
        <v>8</v>
      </c>
      <c r="CQ35" s="71">
        <v>7</v>
      </c>
      <c r="CR35" s="71">
        <v>3</v>
      </c>
      <c r="CS35" s="71">
        <v>3</v>
      </c>
      <c r="CT35" s="71">
        <v>3</v>
      </c>
      <c r="CU35" s="72">
        <v>24</v>
      </c>
      <c r="CV35" s="73">
        <v>28</v>
      </c>
      <c r="CW35" s="126">
        <v>0</v>
      </c>
      <c r="CX35" s="82">
        <v>2</v>
      </c>
      <c r="CY35" s="83">
        <v>2</v>
      </c>
      <c r="CZ35" s="273"/>
      <c r="DA35" s="82">
        <v>3</v>
      </c>
      <c r="DB35" s="82">
        <v>4</v>
      </c>
      <c r="DC35" s="82">
        <v>1</v>
      </c>
      <c r="DD35" s="82">
        <v>0</v>
      </c>
      <c r="DE35" s="82">
        <v>0</v>
      </c>
      <c r="DF35" s="84">
        <v>8</v>
      </c>
      <c r="DG35" s="85">
        <v>10</v>
      </c>
      <c r="DH35" s="70">
        <v>0</v>
      </c>
      <c r="DI35" s="71">
        <v>0</v>
      </c>
      <c r="DJ35" s="72">
        <v>0</v>
      </c>
      <c r="DK35" s="276"/>
      <c r="DL35" s="71">
        <v>1</v>
      </c>
      <c r="DM35" s="71">
        <v>0</v>
      </c>
      <c r="DN35" s="71">
        <v>0</v>
      </c>
      <c r="DO35" s="71">
        <v>0</v>
      </c>
      <c r="DP35" s="71">
        <v>0</v>
      </c>
      <c r="DQ35" s="72">
        <v>1</v>
      </c>
      <c r="DR35" s="73">
        <v>1</v>
      </c>
      <c r="DS35" s="70">
        <v>0</v>
      </c>
      <c r="DT35" s="71">
        <v>0</v>
      </c>
      <c r="DU35" s="72">
        <v>0</v>
      </c>
      <c r="DV35" s="276"/>
      <c r="DW35" s="71">
        <v>0</v>
      </c>
      <c r="DX35" s="71">
        <v>0</v>
      </c>
      <c r="DY35" s="71">
        <v>0</v>
      </c>
      <c r="DZ35" s="71">
        <v>0</v>
      </c>
      <c r="EA35" s="71">
        <v>0</v>
      </c>
      <c r="EB35" s="72">
        <v>0</v>
      </c>
      <c r="EC35" s="73">
        <v>0</v>
      </c>
      <c r="ED35" s="70">
        <v>0</v>
      </c>
      <c r="EE35" s="71">
        <v>1</v>
      </c>
      <c r="EF35" s="72">
        <v>1</v>
      </c>
      <c r="EG35" s="276"/>
      <c r="EH35" s="71">
        <v>0</v>
      </c>
      <c r="EI35" s="71">
        <v>1</v>
      </c>
      <c r="EJ35" s="71">
        <v>0</v>
      </c>
      <c r="EK35" s="71">
        <v>0</v>
      </c>
      <c r="EL35" s="71">
        <v>0</v>
      </c>
      <c r="EM35" s="72">
        <v>1</v>
      </c>
      <c r="EN35" s="73">
        <v>2</v>
      </c>
      <c r="EO35" s="70">
        <v>0</v>
      </c>
      <c r="EP35" s="71">
        <v>0</v>
      </c>
      <c r="EQ35" s="72">
        <v>0</v>
      </c>
      <c r="ER35" s="276"/>
      <c r="ES35" s="71">
        <v>1</v>
      </c>
      <c r="ET35" s="71">
        <v>0</v>
      </c>
      <c r="EU35" s="71">
        <v>0</v>
      </c>
      <c r="EV35" s="71">
        <v>0</v>
      </c>
      <c r="EW35" s="71">
        <v>0</v>
      </c>
      <c r="EX35" s="72">
        <v>1</v>
      </c>
      <c r="EY35" s="73">
        <v>1</v>
      </c>
      <c r="EZ35" s="70">
        <v>0</v>
      </c>
      <c r="FA35" s="71">
        <v>0</v>
      </c>
      <c r="FB35" s="72">
        <v>0</v>
      </c>
      <c r="FC35" s="276"/>
      <c r="FD35" s="71">
        <v>1</v>
      </c>
      <c r="FE35" s="71">
        <v>2</v>
      </c>
      <c r="FF35" s="71">
        <v>0</v>
      </c>
      <c r="FG35" s="71">
        <v>0</v>
      </c>
      <c r="FH35" s="71">
        <v>0</v>
      </c>
      <c r="FI35" s="72">
        <v>3</v>
      </c>
      <c r="FJ35" s="73">
        <v>3</v>
      </c>
      <c r="FK35" s="70">
        <v>0</v>
      </c>
      <c r="FL35" s="71">
        <v>1</v>
      </c>
      <c r="FM35" s="72">
        <v>1</v>
      </c>
      <c r="FN35" s="276"/>
      <c r="FO35" s="71">
        <v>0</v>
      </c>
      <c r="FP35" s="71">
        <v>1</v>
      </c>
      <c r="FQ35" s="71">
        <v>1</v>
      </c>
      <c r="FR35" s="71">
        <v>0</v>
      </c>
      <c r="FS35" s="71">
        <v>0</v>
      </c>
      <c r="FT35" s="72">
        <v>2</v>
      </c>
      <c r="FU35" s="73">
        <v>3</v>
      </c>
      <c r="FV35" s="70">
        <v>0</v>
      </c>
      <c r="FW35" s="71">
        <v>0</v>
      </c>
      <c r="FX35" s="72">
        <v>0</v>
      </c>
      <c r="FY35" s="276"/>
      <c r="FZ35" s="71">
        <v>0</v>
      </c>
      <c r="GA35" s="71">
        <v>0</v>
      </c>
      <c r="GB35" s="71">
        <v>0</v>
      </c>
      <c r="GC35" s="71">
        <v>0</v>
      </c>
      <c r="GD35" s="71">
        <v>0</v>
      </c>
      <c r="GE35" s="72">
        <v>0</v>
      </c>
      <c r="GF35" s="73">
        <v>0</v>
      </c>
      <c r="GG35" s="70">
        <v>0</v>
      </c>
      <c r="GH35" s="71">
        <v>2</v>
      </c>
      <c r="GI35" s="72">
        <v>2</v>
      </c>
      <c r="GJ35" s="276"/>
      <c r="GK35" s="71">
        <v>3</v>
      </c>
      <c r="GL35" s="71">
        <v>4</v>
      </c>
      <c r="GM35" s="71">
        <v>1</v>
      </c>
      <c r="GN35" s="71">
        <v>0</v>
      </c>
      <c r="GO35" s="71">
        <v>0</v>
      </c>
      <c r="GP35" s="72">
        <v>8</v>
      </c>
      <c r="GQ35" s="73">
        <v>10</v>
      </c>
      <c r="GR35" s="126">
        <v>3</v>
      </c>
      <c r="GS35" s="82">
        <v>3</v>
      </c>
      <c r="GT35" s="83">
        <v>6</v>
      </c>
      <c r="GU35" s="273"/>
      <c r="GV35" s="82">
        <v>11</v>
      </c>
      <c r="GW35" s="82">
        <v>11</v>
      </c>
      <c r="GX35" s="82">
        <v>4</v>
      </c>
      <c r="GY35" s="82">
        <v>3</v>
      </c>
      <c r="GZ35" s="82">
        <v>3</v>
      </c>
      <c r="HA35" s="84">
        <v>32</v>
      </c>
      <c r="HB35" s="85">
        <v>38</v>
      </c>
      <c r="HC35" s="70">
        <v>0</v>
      </c>
      <c r="HD35" s="71">
        <v>0</v>
      </c>
      <c r="HE35" s="72">
        <v>0</v>
      </c>
      <c r="HF35" s="276"/>
      <c r="HG35" s="71">
        <v>1</v>
      </c>
      <c r="HH35" s="71">
        <v>0</v>
      </c>
      <c r="HI35" s="71">
        <v>1</v>
      </c>
      <c r="HJ35" s="71">
        <v>0</v>
      </c>
      <c r="HK35" s="71">
        <v>0</v>
      </c>
      <c r="HL35" s="72">
        <v>2</v>
      </c>
      <c r="HM35" s="73">
        <v>2</v>
      </c>
      <c r="HN35" s="70">
        <v>1</v>
      </c>
      <c r="HO35" s="71">
        <v>0</v>
      </c>
      <c r="HP35" s="72">
        <v>1</v>
      </c>
      <c r="HQ35" s="276"/>
      <c r="HR35" s="71">
        <v>1</v>
      </c>
      <c r="HS35" s="71">
        <v>0</v>
      </c>
      <c r="HT35" s="71">
        <v>1</v>
      </c>
      <c r="HU35" s="71">
        <v>0</v>
      </c>
      <c r="HV35" s="71">
        <v>0</v>
      </c>
      <c r="HW35" s="72">
        <v>2</v>
      </c>
      <c r="HX35" s="73">
        <v>3</v>
      </c>
      <c r="HY35" s="70">
        <v>2</v>
      </c>
      <c r="HZ35" s="71">
        <v>1</v>
      </c>
      <c r="IA35" s="72">
        <v>3</v>
      </c>
      <c r="IB35" s="276"/>
      <c r="IC35" s="71">
        <v>1</v>
      </c>
      <c r="ID35" s="71">
        <v>3</v>
      </c>
      <c r="IE35" s="71">
        <v>0</v>
      </c>
      <c r="IF35" s="71">
        <v>0</v>
      </c>
      <c r="IG35" s="71">
        <v>2</v>
      </c>
      <c r="IH35" s="72">
        <v>6</v>
      </c>
      <c r="II35" s="73">
        <v>9</v>
      </c>
      <c r="IJ35" s="70">
        <v>0</v>
      </c>
      <c r="IK35" s="71">
        <v>0</v>
      </c>
      <c r="IL35" s="72">
        <v>0</v>
      </c>
      <c r="IM35" s="276"/>
      <c r="IN35" s="71">
        <v>2</v>
      </c>
      <c r="IO35" s="71">
        <v>0</v>
      </c>
      <c r="IP35" s="71">
        <v>0</v>
      </c>
      <c r="IQ35" s="71">
        <v>1</v>
      </c>
      <c r="IR35" s="71">
        <v>0</v>
      </c>
      <c r="IS35" s="72">
        <v>3</v>
      </c>
      <c r="IT35" s="73">
        <v>3</v>
      </c>
      <c r="IU35" s="70">
        <v>0</v>
      </c>
      <c r="IV35" s="71">
        <v>1</v>
      </c>
      <c r="IW35" s="72">
        <v>1</v>
      </c>
      <c r="IX35" s="276"/>
      <c r="IY35" s="71">
        <v>4</v>
      </c>
      <c r="IZ35" s="71">
        <v>6</v>
      </c>
      <c r="JA35" s="71">
        <v>0</v>
      </c>
      <c r="JB35" s="71">
        <v>1</v>
      </c>
      <c r="JC35" s="71">
        <v>0</v>
      </c>
      <c r="JD35" s="72">
        <v>11</v>
      </c>
      <c r="JE35" s="73">
        <v>12</v>
      </c>
      <c r="JF35" s="70">
        <v>0</v>
      </c>
      <c r="JG35" s="71">
        <v>1</v>
      </c>
      <c r="JH35" s="72">
        <v>1</v>
      </c>
      <c r="JI35" s="276"/>
      <c r="JJ35" s="71">
        <v>2</v>
      </c>
      <c r="JK35" s="71">
        <v>2</v>
      </c>
      <c r="JL35" s="71">
        <v>2</v>
      </c>
      <c r="JM35" s="71">
        <v>1</v>
      </c>
      <c r="JN35" s="71">
        <v>1</v>
      </c>
      <c r="JO35" s="72">
        <v>8</v>
      </c>
      <c r="JP35" s="73">
        <v>9</v>
      </c>
      <c r="JQ35" s="70">
        <v>0</v>
      </c>
      <c r="JR35" s="71">
        <v>0</v>
      </c>
      <c r="JS35" s="72">
        <v>0</v>
      </c>
      <c r="JT35" s="276"/>
      <c r="JU35" s="71">
        <v>0</v>
      </c>
      <c r="JV35" s="71">
        <v>0</v>
      </c>
      <c r="JW35" s="71">
        <v>0</v>
      </c>
      <c r="JX35" s="71">
        <v>0</v>
      </c>
      <c r="JY35" s="71">
        <v>0</v>
      </c>
      <c r="JZ35" s="72">
        <v>0</v>
      </c>
      <c r="KA35" s="73">
        <v>0</v>
      </c>
      <c r="KB35" s="70">
        <v>3</v>
      </c>
      <c r="KC35" s="71">
        <v>3</v>
      </c>
      <c r="KD35" s="72">
        <v>6</v>
      </c>
      <c r="KE35" s="276"/>
      <c r="KF35" s="71">
        <v>11</v>
      </c>
      <c r="KG35" s="71">
        <v>11</v>
      </c>
      <c r="KH35" s="71">
        <v>4</v>
      </c>
      <c r="KI35" s="71">
        <v>3</v>
      </c>
      <c r="KJ35" s="71">
        <v>3</v>
      </c>
      <c r="KK35" s="72">
        <v>32</v>
      </c>
      <c r="KL35" s="73">
        <v>38</v>
      </c>
    </row>
    <row r="36" spans="1:298" ht="19.5" customHeight="1" x14ac:dyDescent="0.2">
      <c r="A36" s="129" t="s">
        <v>33</v>
      </c>
      <c r="B36" s="350">
        <v>5</v>
      </c>
      <c r="C36" s="82">
        <v>0</v>
      </c>
      <c r="D36" s="83">
        <v>5</v>
      </c>
      <c r="E36" s="273"/>
      <c r="F36" s="82">
        <v>7</v>
      </c>
      <c r="G36" s="82">
        <v>3</v>
      </c>
      <c r="H36" s="82">
        <v>3</v>
      </c>
      <c r="I36" s="82">
        <v>2</v>
      </c>
      <c r="J36" s="82">
        <v>2</v>
      </c>
      <c r="K36" s="84">
        <v>17</v>
      </c>
      <c r="L36" s="85">
        <v>22</v>
      </c>
      <c r="M36" s="70">
        <v>0</v>
      </c>
      <c r="N36" s="71">
        <v>0</v>
      </c>
      <c r="O36" s="72">
        <v>0</v>
      </c>
      <c r="P36" s="276"/>
      <c r="Q36" s="71">
        <v>1</v>
      </c>
      <c r="R36" s="71">
        <v>2</v>
      </c>
      <c r="S36" s="71">
        <v>0</v>
      </c>
      <c r="T36" s="71">
        <v>0</v>
      </c>
      <c r="U36" s="71">
        <v>0</v>
      </c>
      <c r="V36" s="72">
        <v>3</v>
      </c>
      <c r="W36" s="73">
        <v>3</v>
      </c>
      <c r="X36" s="70">
        <v>0</v>
      </c>
      <c r="Y36" s="71">
        <v>0</v>
      </c>
      <c r="Z36" s="72">
        <v>0</v>
      </c>
      <c r="AA36" s="276"/>
      <c r="AB36" s="71">
        <v>0</v>
      </c>
      <c r="AC36" s="71">
        <v>0</v>
      </c>
      <c r="AD36" s="71">
        <v>1</v>
      </c>
      <c r="AE36" s="71">
        <v>1</v>
      </c>
      <c r="AF36" s="71">
        <v>0</v>
      </c>
      <c r="AG36" s="72">
        <v>2</v>
      </c>
      <c r="AH36" s="73">
        <v>2</v>
      </c>
      <c r="AI36" s="70">
        <v>1</v>
      </c>
      <c r="AJ36" s="71">
        <v>0</v>
      </c>
      <c r="AK36" s="72">
        <v>1</v>
      </c>
      <c r="AL36" s="276"/>
      <c r="AM36" s="71">
        <v>1</v>
      </c>
      <c r="AN36" s="71">
        <v>0</v>
      </c>
      <c r="AO36" s="71">
        <v>0</v>
      </c>
      <c r="AP36" s="71">
        <v>1</v>
      </c>
      <c r="AQ36" s="71">
        <v>1</v>
      </c>
      <c r="AR36" s="72">
        <v>3</v>
      </c>
      <c r="AS36" s="73">
        <v>4</v>
      </c>
      <c r="AT36" s="70">
        <v>1</v>
      </c>
      <c r="AU36" s="71">
        <v>0</v>
      </c>
      <c r="AV36" s="72">
        <v>1</v>
      </c>
      <c r="AW36" s="276"/>
      <c r="AX36" s="71">
        <v>0</v>
      </c>
      <c r="AY36" s="71">
        <v>0</v>
      </c>
      <c r="AZ36" s="71">
        <v>0</v>
      </c>
      <c r="BA36" s="71">
        <v>0</v>
      </c>
      <c r="BB36" s="71">
        <v>1</v>
      </c>
      <c r="BC36" s="72">
        <v>1</v>
      </c>
      <c r="BD36" s="73">
        <v>2</v>
      </c>
      <c r="BE36" s="70">
        <v>2</v>
      </c>
      <c r="BF36" s="71">
        <v>0</v>
      </c>
      <c r="BG36" s="72">
        <v>2</v>
      </c>
      <c r="BH36" s="276"/>
      <c r="BI36" s="71">
        <v>3</v>
      </c>
      <c r="BJ36" s="71">
        <v>1</v>
      </c>
      <c r="BK36" s="71">
        <v>2</v>
      </c>
      <c r="BL36" s="71">
        <v>0</v>
      </c>
      <c r="BM36" s="71">
        <v>0</v>
      </c>
      <c r="BN36" s="72">
        <v>6</v>
      </c>
      <c r="BO36" s="73">
        <v>8</v>
      </c>
      <c r="BP36" s="70">
        <v>1</v>
      </c>
      <c r="BQ36" s="71">
        <v>0</v>
      </c>
      <c r="BR36" s="72">
        <v>1</v>
      </c>
      <c r="BS36" s="276"/>
      <c r="BT36" s="71">
        <v>2</v>
      </c>
      <c r="BU36" s="71">
        <v>0</v>
      </c>
      <c r="BV36" s="71">
        <v>0</v>
      </c>
      <c r="BW36" s="71">
        <v>0</v>
      </c>
      <c r="BX36" s="71">
        <v>0</v>
      </c>
      <c r="BY36" s="72">
        <v>2</v>
      </c>
      <c r="BZ36" s="73">
        <v>3</v>
      </c>
      <c r="CA36" s="70">
        <v>0</v>
      </c>
      <c r="CB36" s="71">
        <v>0</v>
      </c>
      <c r="CC36" s="72">
        <v>0</v>
      </c>
      <c r="CD36" s="276"/>
      <c r="CE36" s="71">
        <v>0</v>
      </c>
      <c r="CF36" s="71">
        <v>0</v>
      </c>
      <c r="CG36" s="71">
        <v>0</v>
      </c>
      <c r="CH36" s="71">
        <v>0</v>
      </c>
      <c r="CI36" s="71">
        <v>0</v>
      </c>
      <c r="CJ36" s="72">
        <v>0</v>
      </c>
      <c r="CK36" s="73">
        <v>0</v>
      </c>
      <c r="CL36" s="70">
        <v>5</v>
      </c>
      <c r="CM36" s="71">
        <v>0</v>
      </c>
      <c r="CN36" s="72">
        <v>5</v>
      </c>
      <c r="CO36" s="276"/>
      <c r="CP36" s="71">
        <v>7</v>
      </c>
      <c r="CQ36" s="71">
        <v>3</v>
      </c>
      <c r="CR36" s="71">
        <v>3</v>
      </c>
      <c r="CS36" s="71">
        <v>2</v>
      </c>
      <c r="CT36" s="71">
        <v>2</v>
      </c>
      <c r="CU36" s="72">
        <v>17</v>
      </c>
      <c r="CV36" s="73">
        <v>22</v>
      </c>
      <c r="CW36" s="126">
        <v>2</v>
      </c>
      <c r="CX36" s="82">
        <v>3</v>
      </c>
      <c r="CY36" s="83">
        <v>5</v>
      </c>
      <c r="CZ36" s="273"/>
      <c r="DA36" s="82">
        <v>2</v>
      </c>
      <c r="DB36" s="82">
        <v>4</v>
      </c>
      <c r="DC36" s="82">
        <v>3</v>
      </c>
      <c r="DD36" s="82">
        <v>3</v>
      </c>
      <c r="DE36" s="82">
        <v>2</v>
      </c>
      <c r="DF36" s="84">
        <v>14</v>
      </c>
      <c r="DG36" s="85">
        <v>19</v>
      </c>
      <c r="DH36" s="70">
        <v>0</v>
      </c>
      <c r="DI36" s="71">
        <v>0</v>
      </c>
      <c r="DJ36" s="72">
        <v>0</v>
      </c>
      <c r="DK36" s="276"/>
      <c r="DL36" s="71">
        <v>0</v>
      </c>
      <c r="DM36" s="71">
        <v>0</v>
      </c>
      <c r="DN36" s="71">
        <v>0</v>
      </c>
      <c r="DO36" s="71">
        <v>0</v>
      </c>
      <c r="DP36" s="71">
        <v>0</v>
      </c>
      <c r="DQ36" s="72">
        <v>0</v>
      </c>
      <c r="DR36" s="73">
        <v>0</v>
      </c>
      <c r="DS36" s="70">
        <v>0</v>
      </c>
      <c r="DT36" s="71">
        <v>0</v>
      </c>
      <c r="DU36" s="72">
        <v>0</v>
      </c>
      <c r="DV36" s="276"/>
      <c r="DW36" s="71">
        <v>0</v>
      </c>
      <c r="DX36" s="71">
        <v>0</v>
      </c>
      <c r="DY36" s="71">
        <v>0</v>
      </c>
      <c r="DZ36" s="71">
        <v>1</v>
      </c>
      <c r="EA36" s="71">
        <v>0</v>
      </c>
      <c r="EB36" s="72">
        <v>1</v>
      </c>
      <c r="EC36" s="73">
        <v>1</v>
      </c>
      <c r="ED36" s="70">
        <v>0</v>
      </c>
      <c r="EE36" s="71">
        <v>1</v>
      </c>
      <c r="EF36" s="72">
        <v>1</v>
      </c>
      <c r="EG36" s="276"/>
      <c r="EH36" s="71">
        <v>1</v>
      </c>
      <c r="EI36" s="71">
        <v>0</v>
      </c>
      <c r="EJ36" s="71">
        <v>0</v>
      </c>
      <c r="EK36" s="71">
        <v>0</v>
      </c>
      <c r="EL36" s="71">
        <v>0</v>
      </c>
      <c r="EM36" s="72">
        <v>1</v>
      </c>
      <c r="EN36" s="73">
        <v>2</v>
      </c>
      <c r="EO36" s="70">
        <v>1</v>
      </c>
      <c r="EP36" s="71">
        <v>0</v>
      </c>
      <c r="EQ36" s="72">
        <v>1</v>
      </c>
      <c r="ER36" s="276"/>
      <c r="ES36" s="71">
        <v>1</v>
      </c>
      <c r="ET36" s="71">
        <v>0</v>
      </c>
      <c r="EU36" s="71">
        <v>0</v>
      </c>
      <c r="EV36" s="71">
        <v>0</v>
      </c>
      <c r="EW36" s="71">
        <v>0</v>
      </c>
      <c r="EX36" s="72">
        <v>1</v>
      </c>
      <c r="EY36" s="73">
        <v>2</v>
      </c>
      <c r="EZ36" s="70">
        <v>0</v>
      </c>
      <c r="FA36" s="71">
        <v>2</v>
      </c>
      <c r="FB36" s="72">
        <v>2</v>
      </c>
      <c r="FC36" s="276"/>
      <c r="FD36" s="71">
        <v>0</v>
      </c>
      <c r="FE36" s="71">
        <v>1</v>
      </c>
      <c r="FF36" s="71">
        <v>0</v>
      </c>
      <c r="FG36" s="71">
        <v>0</v>
      </c>
      <c r="FH36" s="71">
        <v>2</v>
      </c>
      <c r="FI36" s="72">
        <v>3</v>
      </c>
      <c r="FJ36" s="73">
        <v>5</v>
      </c>
      <c r="FK36" s="70">
        <v>1</v>
      </c>
      <c r="FL36" s="71">
        <v>0</v>
      </c>
      <c r="FM36" s="72">
        <v>1</v>
      </c>
      <c r="FN36" s="276"/>
      <c r="FO36" s="71">
        <v>0</v>
      </c>
      <c r="FP36" s="71">
        <v>3</v>
      </c>
      <c r="FQ36" s="71">
        <v>3</v>
      </c>
      <c r="FR36" s="71">
        <v>2</v>
      </c>
      <c r="FS36" s="71">
        <v>0</v>
      </c>
      <c r="FT36" s="72">
        <v>8</v>
      </c>
      <c r="FU36" s="73">
        <v>9</v>
      </c>
      <c r="FV36" s="70">
        <v>0</v>
      </c>
      <c r="FW36" s="71">
        <v>0</v>
      </c>
      <c r="FX36" s="72">
        <v>0</v>
      </c>
      <c r="FY36" s="276"/>
      <c r="FZ36" s="71">
        <v>0</v>
      </c>
      <c r="GA36" s="71">
        <v>0</v>
      </c>
      <c r="GB36" s="71">
        <v>0</v>
      </c>
      <c r="GC36" s="71">
        <v>0</v>
      </c>
      <c r="GD36" s="71">
        <v>0</v>
      </c>
      <c r="GE36" s="72">
        <v>0</v>
      </c>
      <c r="GF36" s="73">
        <v>0</v>
      </c>
      <c r="GG36" s="70">
        <v>2</v>
      </c>
      <c r="GH36" s="71">
        <v>3</v>
      </c>
      <c r="GI36" s="72">
        <v>5</v>
      </c>
      <c r="GJ36" s="276"/>
      <c r="GK36" s="71">
        <v>2</v>
      </c>
      <c r="GL36" s="71">
        <v>4</v>
      </c>
      <c r="GM36" s="71">
        <v>3</v>
      </c>
      <c r="GN36" s="71">
        <v>3</v>
      </c>
      <c r="GO36" s="71">
        <v>2</v>
      </c>
      <c r="GP36" s="72">
        <v>14</v>
      </c>
      <c r="GQ36" s="73">
        <v>19</v>
      </c>
      <c r="GR36" s="126">
        <v>7</v>
      </c>
      <c r="GS36" s="82">
        <v>3</v>
      </c>
      <c r="GT36" s="83">
        <v>10</v>
      </c>
      <c r="GU36" s="273"/>
      <c r="GV36" s="82">
        <v>9</v>
      </c>
      <c r="GW36" s="82">
        <v>7</v>
      </c>
      <c r="GX36" s="82">
        <v>6</v>
      </c>
      <c r="GY36" s="82">
        <v>5</v>
      </c>
      <c r="GZ36" s="82">
        <v>4</v>
      </c>
      <c r="HA36" s="84">
        <v>31</v>
      </c>
      <c r="HB36" s="85">
        <v>41</v>
      </c>
      <c r="HC36" s="70">
        <v>0</v>
      </c>
      <c r="HD36" s="71">
        <v>0</v>
      </c>
      <c r="HE36" s="72">
        <v>0</v>
      </c>
      <c r="HF36" s="276"/>
      <c r="HG36" s="71">
        <v>1</v>
      </c>
      <c r="HH36" s="71">
        <v>2</v>
      </c>
      <c r="HI36" s="71">
        <v>0</v>
      </c>
      <c r="HJ36" s="71">
        <v>0</v>
      </c>
      <c r="HK36" s="71">
        <v>0</v>
      </c>
      <c r="HL36" s="72">
        <v>3</v>
      </c>
      <c r="HM36" s="73">
        <v>3</v>
      </c>
      <c r="HN36" s="70">
        <v>0</v>
      </c>
      <c r="HO36" s="71">
        <v>0</v>
      </c>
      <c r="HP36" s="72">
        <v>0</v>
      </c>
      <c r="HQ36" s="276"/>
      <c r="HR36" s="71">
        <v>0</v>
      </c>
      <c r="HS36" s="71">
        <v>0</v>
      </c>
      <c r="HT36" s="71">
        <v>1</v>
      </c>
      <c r="HU36" s="71">
        <v>2</v>
      </c>
      <c r="HV36" s="71">
        <v>0</v>
      </c>
      <c r="HW36" s="72">
        <v>3</v>
      </c>
      <c r="HX36" s="73">
        <v>3</v>
      </c>
      <c r="HY36" s="70">
        <v>1</v>
      </c>
      <c r="HZ36" s="71">
        <v>1</v>
      </c>
      <c r="IA36" s="72">
        <v>2</v>
      </c>
      <c r="IB36" s="276"/>
      <c r="IC36" s="71">
        <v>2</v>
      </c>
      <c r="ID36" s="71">
        <v>0</v>
      </c>
      <c r="IE36" s="71">
        <v>0</v>
      </c>
      <c r="IF36" s="71">
        <v>1</v>
      </c>
      <c r="IG36" s="71">
        <v>1</v>
      </c>
      <c r="IH36" s="72">
        <v>4</v>
      </c>
      <c r="II36" s="73">
        <v>6</v>
      </c>
      <c r="IJ36" s="70">
        <v>2</v>
      </c>
      <c r="IK36" s="71">
        <v>0</v>
      </c>
      <c r="IL36" s="72">
        <v>2</v>
      </c>
      <c r="IM36" s="276"/>
      <c r="IN36" s="71">
        <v>1</v>
      </c>
      <c r="IO36" s="71">
        <v>0</v>
      </c>
      <c r="IP36" s="71">
        <v>0</v>
      </c>
      <c r="IQ36" s="71">
        <v>0</v>
      </c>
      <c r="IR36" s="71">
        <v>1</v>
      </c>
      <c r="IS36" s="72">
        <v>2</v>
      </c>
      <c r="IT36" s="73">
        <v>4</v>
      </c>
      <c r="IU36" s="70">
        <v>2</v>
      </c>
      <c r="IV36" s="71">
        <v>2</v>
      </c>
      <c r="IW36" s="72">
        <v>4</v>
      </c>
      <c r="IX36" s="276"/>
      <c r="IY36" s="71">
        <v>3</v>
      </c>
      <c r="IZ36" s="71">
        <v>2</v>
      </c>
      <c r="JA36" s="71">
        <v>2</v>
      </c>
      <c r="JB36" s="71">
        <v>0</v>
      </c>
      <c r="JC36" s="71">
        <v>2</v>
      </c>
      <c r="JD36" s="72">
        <v>9</v>
      </c>
      <c r="JE36" s="73">
        <v>13</v>
      </c>
      <c r="JF36" s="70">
        <v>2</v>
      </c>
      <c r="JG36" s="71">
        <v>0</v>
      </c>
      <c r="JH36" s="72">
        <v>2</v>
      </c>
      <c r="JI36" s="276"/>
      <c r="JJ36" s="71">
        <v>2</v>
      </c>
      <c r="JK36" s="71">
        <v>3</v>
      </c>
      <c r="JL36" s="71">
        <v>3</v>
      </c>
      <c r="JM36" s="71">
        <v>2</v>
      </c>
      <c r="JN36" s="71">
        <v>0</v>
      </c>
      <c r="JO36" s="72">
        <v>10</v>
      </c>
      <c r="JP36" s="73">
        <v>12</v>
      </c>
      <c r="JQ36" s="70">
        <v>0</v>
      </c>
      <c r="JR36" s="71">
        <v>0</v>
      </c>
      <c r="JS36" s="72">
        <v>0</v>
      </c>
      <c r="JT36" s="276"/>
      <c r="JU36" s="71">
        <v>0</v>
      </c>
      <c r="JV36" s="71">
        <v>0</v>
      </c>
      <c r="JW36" s="71">
        <v>0</v>
      </c>
      <c r="JX36" s="71">
        <v>0</v>
      </c>
      <c r="JY36" s="71">
        <v>0</v>
      </c>
      <c r="JZ36" s="72">
        <v>0</v>
      </c>
      <c r="KA36" s="73">
        <v>0</v>
      </c>
      <c r="KB36" s="70">
        <v>7</v>
      </c>
      <c r="KC36" s="71">
        <v>3</v>
      </c>
      <c r="KD36" s="72">
        <v>10</v>
      </c>
      <c r="KE36" s="276"/>
      <c r="KF36" s="71">
        <v>9</v>
      </c>
      <c r="KG36" s="71">
        <v>7</v>
      </c>
      <c r="KH36" s="71">
        <v>6</v>
      </c>
      <c r="KI36" s="71">
        <v>5</v>
      </c>
      <c r="KJ36" s="71">
        <v>4</v>
      </c>
      <c r="KK36" s="72">
        <v>31</v>
      </c>
      <c r="KL36" s="73">
        <v>41</v>
      </c>
    </row>
    <row r="37" spans="1:298" ht="19.5" customHeight="1" x14ac:dyDescent="0.2">
      <c r="A37" s="129" t="s">
        <v>34</v>
      </c>
      <c r="B37" s="350">
        <v>0</v>
      </c>
      <c r="C37" s="82">
        <v>1</v>
      </c>
      <c r="D37" s="83">
        <v>1</v>
      </c>
      <c r="E37" s="273"/>
      <c r="F37" s="82">
        <v>2</v>
      </c>
      <c r="G37" s="82">
        <v>3</v>
      </c>
      <c r="H37" s="82">
        <v>2</v>
      </c>
      <c r="I37" s="82">
        <v>2</v>
      </c>
      <c r="J37" s="82">
        <v>0</v>
      </c>
      <c r="K37" s="84">
        <v>9</v>
      </c>
      <c r="L37" s="85">
        <v>10</v>
      </c>
      <c r="M37" s="70">
        <v>0</v>
      </c>
      <c r="N37" s="71">
        <v>0</v>
      </c>
      <c r="O37" s="72">
        <v>0</v>
      </c>
      <c r="P37" s="276"/>
      <c r="Q37" s="71">
        <v>0</v>
      </c>
      <c r="R37" s="71">
        <v>0</v>
      </c>
      <c r="S37" s="71">
        <v>0</v>
      </c>
      <c r="T37" s="71">
        <v>0</v>
      </c>
      <c r="U37" s="71">
        <v>0</v>
      </c>
      <c r="V37" s="72">
        <v>0</v>
      </c>
      <c r="W37" s="73">
        <v>0</v>
      </c>
      <c r="X37" s="70">
        <v>0</v>
      </c>
      <c r="Y37" s="71">
        <v>0</v>
      </c>
      <c r="Z37" s="72">
        <v>0</v>
      </c>
      <c r="AA37" s="276"/>
      <c r="AB37" s="71">
        <v>0</v>
      </c>
      <c r="AC37" s="71">
        <v>0</v>
      </c>
      <c r="AD37" s="71">
        <v>0</v>
      </c>
      <c r="AE37" s="71">
        <v>0</v>
      </c>
      <c r="AF37" s="71">
        <v>0</v>
      </c>
      <c r="AG37" s="72">
        <v>0</v>
      </c>
      <c r="AH37" s="73">
        <v>0</v>
      </c>
      <c r="AI37" s="70">
        <v>0</v>
      </c>
      <c r="AJ37" s="71">
        <v>1</v>
      </c>
      <c r="AK37" s="72">
        <v>1</v>
      </c>
      <c r="AL37" s="276"/>
      <c r="AM37" s="71">
        <v>0</v>
      </c>
      <c r="AN37" s="71">
        <v>0</v>
      </c>
      <c r="AO37" s="71">
        <v>1</v>
      </c>
      <c r="AP37" s="71">
        <v>1</v>
      </c>
      <c r="AQ37" s="71">
        <v>0</v>
      </c>
      <c r="AR37" s="72">
        <v>2</v>
      </c>
      <c r="AS37" s="73">
        <v>3</v>
      </c>
      <c r="AT37" s="70">
        <v>0</v>
      </c>
      <c r="AU37" s="71">
        <v>0</v>
      </c>
      <c r="AV37" s="72">
        <v>0</v>
      </c>
      <c r="AW37" s="276"/>
      <c r="AX37" s="71">
        <v>0</v>
      </c>
      <c r="AY37" s="71">
        <v>0</v>
      </c>
      <c r="AZ37" s="71">
        <v>0</v>
      </c>
      <c r="BA37" s="71">
        <v>0</v>
      </c>
      <c r="BB37" s="71">
        <v>0</v>
      </c>
      <c r="BC37" s="72">
        <v>0</v>
      </c>
      <c r="BD37" s="73">
        <v>0</v>
      </c>
      <c r="BE37" s="70">
        <v>0</v>
      </c>
      <c r="BF37" s="71">
        <v>0</v>
      </c>
      <c r="BG37" s="72">
        <v>0</v>
      </c>
      <c r="BH37" s="276"/>
      <c r="BI37" s="71">
        <v>1</v>
      </c>
      <c r="BJ37" s="71">
        <v>1</v>
      </c>
      <c r="BK37" s="71">
        <v>0</v>
      </c>
      <c r="BL37" s="71">
        <v>0</v>
      </c>
      <c r="BM37" s="71">
        <v>0</v>
      </c>
      <c r="BN37" s="72">
        <v>2</v>
      </c>
      <c r="BO37" s="73">
        <v>2</v>
      </c>
      <c r="BP37" s="70">
        <v>0</v>
      </c>
      <c r="BQ37" s="71">
        <v>0</v>
      </c>
      <c r="BR37" s="72">
        <v>0</v>
      </c>
      <c r="BS37" s="276"/>
      <c r="BT37" s="71">
        <v>1</v>
      </c>
      <c r="BU37" s="71">
        <v>2</v>
      </c>
      <c r="BV37" s="71">
        <v>1</v>
      </c>
      <c r="BW37" s="71">
        <v>1</v>
      </c>
      <c r="BX37" s="71">
        <v>0</v>
      </c>
      <c r="BY37" s="72">
        <v>5</v>
      </c>
      <c r="BZ37" s="73">
        <v>5</v>
      </c>
      <c r="CA37" s="70">
        <v>0</v>
      </c>
      <c r="CB37" s="71">
        <v>0</v>
      </c>
      <c r="CC37" s="72">
        <v>0</v>
      </c>
      <c r="CD37" s="276"/>
      <c r="CE37" s="71">
        <v>0</v>
      </c>
      <c r="CF37" s="71">
        <v>0</v>
      </c>
      <c r="CG37" s="71">
        <v>0</v>
      </c>
      <c r="CH37" s="71">
        <v>0</v>
      </c>
      <c r="CI37" s="71">
        <v>0</v>
      </c>
      <c r="CJ37" s="72">
        <v>0</v>
      </c>
      <c r="CK37" s="73">
        <v>0</v>
      </c>
      <c r="CL37" s="70">
        <v>0</v>
      </c>
      <c r="CM37" s="71">
        <v>1</v>
      </c>
      <c r="CN37" s="72">
        <v>1</v>
      </c>
      <c r="CO37" s="276"/>
      <c r="CP37" s="71">
        <v>2</v>
      </c>
      <c r="CQ37" s="71">
        <v>3</v>
      </c>
      <c r="CR37" s="71">
        <v>2</v>
      </c>
      <c r="CS37" s="71">
        <v>2</v>
      </c>
      <c r="CT37" s="71">
        <v>0</v>
      </c>
      <c r="CU37" s="72">
        <v>9</v>
      </c>
      <c r="CV37" s="73">
        <v>10</v>
      </c>
      <c r="CW37" s="126">
        <v>1</v>
      </c>
      <c r="CX37" s="82">
        <v>1</v>
      </c>
      <c r="CY37" s="83">
        <v>2</v>
      </c>
      <c r="CZ37" s="273"/>
      <c r="DA37" s="82">
        <v>1</v>
      </c>
      <c r="DB37" s="82">
        <v>0</v>
      </c>
      <c r="DC37" s="82">
        <v>2</v>
      </c>
      <c r="DD37" s="82">
        <v>0</v>
      </c>
      <c r="DE37" s="82">
        <v>0</v>
      </c>
      <c r="DF37" s="84">
        <v>3</v>
      </c>
      <c r="DG37" s="85">
        <v>5</v>
      </c>
      <c r="DH37" s="70">
        <v>0</v>
      </c>
      <c r="DI37" s="71">
        <v>0</v>
      </c>
      <c r="DJ37" s="72">
        <v>0</v>
      </c>
      <c r="DK37" s="276"/>
      <c r="DL37" s="71">
        <v>0</v>
      </c>
      <c r="DM37" s="71">
        <v>0</v>
      </c>
      <c r="DN37" s="71">
        <v>1</v>
      </c>
      <c r="DO37" s="71">
        <v>0</v>
      </c>
      <c r="DP37" s="71">
        <v>0</v>
      </c>
      <c r="DQ37" s="72">
        <v>1</v>
      </c>
      <c r="DR37" s="73">
        <v>1</v>
      </c>
      <c r="DS37" s="70">
        <v>0</v>
      </c>
      <c r="DT37" s="71">
        <v>0</v>
      </c>
      <c r="DU37" s="72">
        <v>0</v>
      </c>
      <c r="DV37" s="276"/>
      <c r="DW37" s="71">
        <v>0</v>
      </c>
      <c r="DX37" s="71">
        <v>0</v>
      </c>
      <c r="DY37" s="71">
        <v>0</v>
      </c>
      <c r="DZ37" s="71">
        <v>0</v>
      </c>
      <c r="EA37" s="71">
        <v>0</v>
      </c>
      <c r="EB37" s="72">
        <v>0</v>
      </c>
      <c r="EC37" s="73">
        <v>0</v>
      </c>
      <c r="ED37" s="70">
        <v>0</v>
      </c>
      <c r="EE37" s="71">
        <v>0</v>
      </c>
      <c r="EF37" s="72">
        <v>0</v>
      </c>
      <c r="EG37" s="276"/>
      <c r="EH37" s="71">
        <v>0</v>
      </c>
      <c r="EI37" s="71">
        <v>0</v>
      </c>
      <c r="EJ37" s="71">
        <v>1</v>
      </c>
      <c r="EK37" s="71">
        <v>0</v>
      </c>
      <c r="EL37" s="71">
        <v>0</v>
      </c>
      <c r="EM37" s="72">
        <v>1</v>
      </c>
      <c r="EN37" s="73">
        <v>1</v>
      </c>
      <c r="EO37" s="70">
        <v>1</v>
      </c>
      <c r="EP37" s="71">
        <v>0</v>
      </c>
      <c r="EQ37" s="72">
        <v>1</v>
      </c>
      <c r="ER37" s="276"/>
      <c r="ES37" s="71">
        <v>0</v>
      </c>
      <c r="ET37" s="71">
        <v>0</v>
      </c>
      <c r="EU37" s="71">
        <v>0</v>
      </c>
      <c r="EV37" s="71">
        <v>0</v>
      </c>
      <c r="EW37" s="71">
        <v>0</v>
      </c>
      <c r="EX37" s="72">
        <v>0</v>
      </c>
      <c r="EY37" s="73">
        <v>1</v>
      </c>
      <c r="EZ37" s="70">
        <v>0</v>
      </c>
      <c r="FA37" s="71">
        <v>0</v>
      </c>
      <c r="FB37" s="72">
        <v>0</v>
      </c>
      <c r="FC37" s="276"/>
      <c r="FD37" s="71">
        <v>1</v>
      </c>
      <c r="FE37" s="71">
        <v>0</v>
      </c>
      <c r="FF37" s="71">
        <v>0</v>
      </c>
      <c r="FG37" s="71">
        <v>0</v>
      </c>
      <c r="FH37" s="71">
        <v>0</v>
      </c>
      <c r="FI37" s="72">
        <v>1</v>
      </c>
      <c r="FJ37" s="73">
        <v>1</v>
      </c>
      <c r="FK37" s="70">
        <v>0</v>
      </c>
      <c r="FL37" s="71">
        <v>1</v>
      </c>
      <c r="FM37" s="72">
        <v>1</v>
      </c>
      <c r="FN37" s="276"/>
      <c r="FO37" s="71">
        <v>0</v>
      </c>
      <c r="FP37" s="71">
        <v>0</v>
      </c>
      <c r="FQ37" s="71">
        <v>0</v>
      </c>
      <c r="FR37" s="71">
        <v>0</v>
      </c>
      <c r="FS37" s="71">
        <v>0</v>
      </c>
      <c r="FT37" s="72">
        <v>0</v>
      </c>
      <c r="FU37" s="73">
        <v>1</v>
      </c>
      <c r="FV37" s="70">
        <v>0</v>
      </c>
      <c r="FW37" s="71">
        <v>0</v>
      </c>
      <c r="FX37" s="72">
        <v>0</v>
      </c>
      <c r="FY37" s="276"/>
      <c r="FZ37" s="71">
        <v>0</v>
      </c>
      <c r="GA37" s="71">
        <v>0</v>
      </c>
      <c r="GB37" s="71">
        <v>0</v>
      </c>
      <c r="GC37" s="71">
        <v>0</v>
      </c>
      <c r="GD37" s="71">
        <v>0</v>
      </c>
      <c r="GE37" s="72">
        <v>0</v>
      </c>
      <c r="GF37" s="73">
        <v>0</v>
      </c>
      <c r="GG37" s="70">
        <v>1</v>
      </c>
      <c r="GH37" s="71">
        <v>1</v>
      </c>
      <c r="GI37" s="72">
        <v>2</v>
      </c>
      <c r="GJ37" s="276"/>
      <c r="GK37" s="71">
        <v>1</v>
      </c>
      <c r="GL37" s="71">
        <v>0</v>
      </c>
      <c r="GM37" s="71">
        <v>2</v>
      </c>
      <c r="GN37" s="71">
        <v>0</v>
      </c>
      <c r="GO37" s="71">
        <v>0</v>
      </c>
      <c r="GP37" s="72">
        <v>3</v>
      </c>
      <c r="GQ37" s="73">
        <v>5</v>
      </c>
      <c r="GR37" s="126">
        <v>1</v>
      </c>
      <c r="GS37" s="82">
        <v>2</v>
      </c>
      <c r="GT37" s="83">
        <v>3</v>
      </c>
      <c r="GU37" s="273"/>
      <c r="GV37" s="82">
        <v>3</v>
      </c>
      <c r="GW37" s="82">
        <v>3</v>
      </c>
      <c r="GX37" s="82">
        <v>4</v>
      </c>
      <c r="GY37" s="82">
        <v>2</v>
      </c>
      <c r="GZ37" s="82">
        <v>0</v>
      </c>
      <c r="HA37" s="84">
        <v>12</v>
      </c>
      <c r="HB37" s="85">
        <v>15</v>
      </c>
      <c r="HC37" s="70">
        <v>0</v>
      </c>
      <c r="HD37" s="71">
        <v>0</v>
      </c>
      <c r="HE37" s="72">
        <v>0</v>
      </c>
      <c r="HF37" s="276"/>
      <c r="HG37" s="71">
        <v>0</v>
      </c>
      <c r="HH37" s="71">
        <v>0</v>
      </c>
      <c r="HI37" s="71">
        <v>1</v>
      </c>
      <c r="HJ37" s="71">
        <v>0</v>
      </c>
      <c r="HK37" s="71">
        <v>0</v>
      </c>
      <c r="HL37" s="72">
        <v>1</v>
      </c>
      <c r="HM37" s="73">
        <v>1</v>
      </c>
      <c r="HN37" s="70">
        <v>0</v>
      </c>
      <c r="HO37" s="71">
        <v>0</v>
      </c>
      <c r="HP37" s="72">
        <v>0</v>
      </c>
      <c r="HQ37" s="276"/>
      <c r="HR37" s="71">
        <v>0</v>
      </c>
      <c r="HS37" s="71">
        <v>0</v>
      </c>
      <c r="HT37" s="71">
        <v>0</v>
      </c>
      <c r="HU37" s="71">
        <v>0</v>
      </c>
      <c r="HV37" s="71">
        <v>0</v>
      </c>
      <c r="HW37" s="72">
        <v>0</v>
      </c>
      <c r="HX37" s="73">
        <v>0</v>
      </c>
      <c r="HY37" s="70">
        <v>0</v>
      </c>
      <c r="HZ37" s="71">
        <v>1</v>
      </c>
      <c r="IA37" s="72">
        <v>1</v>
      </c>
      <c r="IB37" s="276"/>
      <c r="IC37" s="71">
        <v>0</v>
      </c>
      <c r="ID37" s="71">
        <v>0</v>
      </c>
      <c r="IE37" s="71">
        <v>2</v>
      </c>
      <c r="IF37" s="71">
        <v>1</v>
      </c>
      <c r="IG37" s="71">
        <v>0</v>
      </c>
      <c r="IH37" s="72">
        <v>3</v>
      </c>
      <c r="II37" s="73">
        <v>4</v>
      </c>
      <c r="IJ37" s="70">
        <v>1</v>
      </c>
      <c r="IK37" s="71">
        <v>0</v>
      </c>
      <c r="IL37" s="72">
        <v>1</v>
      </c>
      <c r="IM37" s="276"/>
      <c r="IN37" s="71">
        <v>0</v>
      </c>
      <c r="IO37" s="71">
        <v>0</v>
      </c>
      <c r="IP37" s="71">
        <v>0</v>
      </c>
      <c r="IQ37" s="71">
        <v>0</v>
      </c>
      <c r="IR37" s="71">
        <v>0</v>
      </c>
      <c r="IS37" s="72">
        <v>0</v>
      </c>
      <c r="IT37" s="73">
        <v>1</v>
      </c>
      <c r="IU37" s="70">
        <v>0</v>
      </c>
      <c r="IV37" s="71">
        <v>0</v>
      </c>
      <c r="IW37" s="72">
        <v>0</v>
      </c>
      <c r="IX37" s="276"/>
      <c r="IY37" s="71">
        <v>2</v>
      </c>
      <c r="IZ37" s="71">
        <v>1</v>
      </c>
      <c r="JA37" s="71">
        <v>0</v>
      </c>
      <c r="JB37" s="71">
        <v>0</v>
      </c>
      <c r="JC37" s="71">
        <v>0</v>
      </c>
      <c r="JD37" s="72">
        <v>3</v>
      </c>
      <c r="JE37" s="73">
        <v>3</v>
      </c>
      <c r="JF37" s="70">
        <v>0</v>
      </c>
      <c r="JG37" s="71">
        <v>1</v>
      </c>
      <c r="JH37" s="72">
        <v>1</v>
      </c>
      <c r="JI37" s="276"/>
      <c r="JJ37" s="71">
        <v>1</v>
      </c>
      <c r="JK37" s="71">
        <v>2</v>
      </c>
      <c r="JL37" s="71">
        <v>1</v>
      </c>
      <c r="JM37" s="71">
        <v>1</v>
      </c>
      <c r="JN37" s="71">
        <v>0</v>
      </c>
      <c r="JO37" s="72">
        <v>5</v>
      </c>
      <c r="JP37" s="73">
        <v>6</v>
      </c>
      <c r="JQ37" s="70">
        <v>0</v>
      </c>
      <c r="JR37" s="71">
        <v>0</v>
      </c>
      <c r="JS37" s="72">
        <v>0</v>
      </c>
      <c r="JT37" s="276"/>
      <c r="JU37" s="71">
        <v>0</v>
      </c>
      <c r="JV37" s="71">
        <v>0</v>
      </c>
      <c r="JW37" s="71">
        <v>0</v>
      </c>
      <c r="JX37" s="71">
        <v>0</v>
      </c>
      <c r="JY37" s="71">
        <v>0</v>
      </c>
      <c r="JZ37" s="72">
        <v>0</v>
      </c>
      <c r="KA37" s="73">
        <v>0</v>
      </c>
      <c r="KB37" s="70">
        <v>1</v>
      </c>
      <c r="KC37" s="71">
        <v>2</v>
      </c>
      <c r="KD37" s="72">
        <v>3</v>
      </c>
      <c r="KE37" s="276"/>
      <c r="KF37" s="71">
        <v>3</v>
      </c>
      <c r="KG37" s="71">
        <v>3</v>
      </c>
      <c r="KH37" s="71">
        <v>4</v>
      </c>
      <c r="KI37" s="71">
        <v>2</v>
      </c>
      <c r="KJ37" s="71">
        <v>0</v>
      </c>
      <c r="KK37" s="72">
        <v>12</v>
      </c>
      <c r="KL37" s="73">
        <v>15</v>
      </c>
    </row>
    <row r="38" spans="1:298" ht="19.5" customHeight="1" x14ac:dyDescent="0.2">
      <c r="A38" s="129" t="s">
        <v>35</v>
      </c>
      <c r="B38" s="350">
        <v>8</v>
      </c>
      <c r="C38" s="82">
        <v>5</v>
      </c>
      <c r="D38" s="83">
        <v>13</v>
      </c>
      <c r="E38" s="273"/>
      <c r="F38" s="82">
        <v>15</v>
      </c>
      <c r="G38" s="82">
        <v>8</v>
      </c>
      <c r="H38" s="82">
        <v>2</v>
      </c>
      <c r="I38" s="82">
        <v>5</v>
      </c>
      <c r="J38" s="82">
        <v>0</v>
      </c>
      <c r="K38" s="84">
        <v>30</v>
      </c>
      <c r="L38" s="85">
        <v>43</v>
      </c>
      <c r="M38" s="70">
        <v>0</v>
      </c>
      <c r="N38" s="71">
        <v>0</v>
      </c>
      <c r="O38" s="72">
        <v>0</v>
      </c>
      <c r="P38" s="276"/>
      <c r="Q38" s="71">
        <v>0</v>
      </c>
      <c r="R38" s="71">
        <v>0</v>
      </c>
      <c r="S38" s="71">
        <v>0</v>
      </c>
      <c r="T38" s="71">
        <v>0</v>
      </c>
      <c r="U38" s="71">
        <v>0</v>
      </c>
      <c r="V38" s="72">
        <v>0</v>
      </c>
      <c r="W38" s="73">
        <v>0</v>
      </c>
      <c r="X38" s="70">
        <v>0</v>
      </c>
      <c r="Y38" s="71">
        <v>0</v>
      </c>
      <c r="Z38" s="72">
        <v>0</v>
      </c>
      <c r="AA38" s="276"/>
      <c r="AB38" s="71">
        <v>1</v>
      </c>
      <c r="AC38" s="71">
        <v>1</v>
      </c>
      <c r="AD38" s="71">
        <v>0</v>
      </c>
      <c r="AE38" s="71">
        <v>0</v>
      </c>
      <c r="AF38" s="71">
        <v>0</v>
      </c>
      <c r="AG38" s="72">
        <v>2</v>
      </c>
      <c r="AH38" s="73">
        <v>2</v>
      </c>
      <c r="AI38" s="70">
        <v>2</v>
      </c>
      <c r="AJ38" s="71">
        <v>1</v>
      </c>
      <c r="AK38" s="72">
        <v>3</v>
      </c>
      <c r="AL38" s="276"/>
      <c r="AM38" s="71">
        <v>2</v>
      </c>
      <c r="AN38" s="71">
        <v>1</v>
      </c>
      <c r="AO38" s="71">
        <v>1</v>
      </c>
      <c r="AP38" s="71">
        <v>2</v>
      </c>
      <c r="AQ38" s="71">
        <v>0</v>
      </c>
      <c r="AR38" s="72">
        <v>6</v>
      </c>
      <c r="AS38" s="73">
        <v>9</v>
      </c>
      <c r="AT38" s="70">
        <v>3</v>
      </c>
      <c r="AU38" s="71">
        <v>2</v>
      </c>
      <c r="AV38" s="72">
        <v>5</v>
      </c>
      <c r="AW38" s="276"/>
      <c r="AX38" s="71">
        <v>2</v>
      </c>
      <c r="AY38" s="71">
        <v>3</v>
      </c>
      <c r="AZ38" s="71">
        <v>0</v>
      </c>
      <c r="BA38" s="71">
        <v>1</v>
      </c>
      <c r="BB38" s="71">
        <v>0</v>
      </c>
      <c r="BC38" s="72">
        <v>6</v>
      </c>
      <c r="BD38" s="73">
        <v>11</v>
      </c>
      <c r="BE38" s="70">
        <v>0</v>
      </c>
      <c r="BF38" s="71">
        <v>2</v>
      </c>
      <c r="BG38" s="72">
        <v>2</v>
      </c>
      <c r="BH38" s="276"/>
      <c r="BI38" s="71">
        <v>6</v>
      </c>
      <c r="BJ38" s="71">
        <v>1</v>
      </c>
      <c r="BK38" s="71">
        <v>1</v>
      </c>
      <c r="BL38" s="71">
        <v>0</v>
      </c>
      <c r="BM38" s="71">
        <v>0</v>
      </c>
      <c r="BN38" s="72">
        <v>8</v>
      </c>
      <c r="BO38" s="73">
        <v>10</v>
      </c>
      <c r="BP38" s="70">
        <v>3</v>
      </c>
      <c r="BQ38" s="71">
        <v>0</v>
      </c>
      <c r="BR38" s="72">
        <v>3</v>
      </c>
      <c r="BS38" s="276"/>
      <c r="BT38" s="71">
        <v>4</v>
      </c>
      <c r="BU38" s="71">
        <v>2</v>
      </c>
      <c r="BV38" s="71">
        <v>0</v>
      </c>
      <c r="BW38" s="71">
        <v>2</v>
      </c>
      <c r="BX38" s="71">
        <v>0</v>
      </c>
      <c r="BY38" s="72">
        <v>8</v>
      </c>
      <c r="BZ38" s="73">
        <v>11</v>
      </c>
      <c r="CA38" s="70">
        <v>0</v>
      </c>
      <c r="CB38" s="71">
        <v>0</v>
      </c>
      <c r="CC38" s="72">
        <v>0</v>
      </c>
      <c r="CD38" s="276"/>
      <c r="CE38" s="71">
        <v>0</v>
      </c>
      <c r="CF38" s="71">
        <v>0</v>
      </c>
      <c r="CG38" s="71">
        <v>0</v>
      </c>
      <c r="CH38" s="71">
        <v>0</v>
      </c>
      <c r="CI38" s="71">
        <v>0</v>
      </c>
      <c r="CJ38" s="72">
        <v>0</v>
      </c>
      <c r="CK38" s="73">
        <v>0</v>
      </c>
      <c r="CL38" s="70">
        <v>8</v>
      </c>
      <c r="CM38" s="71">
        <v>5</v>
      </c>
      <c r="CN38" s="72">
        <v>13</v>
      </c>
      <c r="CO38" s="276"/>
      <c r="CP38" s="71">
        <v>15</v>
      </c>
      <c r="CQ38" s="71">
        <v>8</v>
      </c>
      <c r="CR38" s="71">
        <v>2</v>
      </c>
      <c r="CS38" s="71">
        <v>5</v>
      </c>
      <c r="CT38" s="71">
        <v>0</v>
      </c>
      <c r="CU38" s="72">
        <v>30</v>
      </c>
      <c r="CV38" s="73">
        <v>43</v>
      </c>
      <c r="CW38" s="126">
        <v>1</v>
      </c>
      <c r="CX38" s="82">
        <v>3</v>
      </c>
      <c r="CY38" s="83">
        <v>4</v>
      </c>
      <c r="CZ38" s="273"/>
      <c r="DA38" s="82">
        <v>5</v>
      </c>
      <c r="DB38" s="82">
        <v>2</v>
      </c>
      <c r="DC38" s="82">
        <v>8</v>
      </c>
      <c r="DD38" s="82">
        <v>3</v>
      </c>
      <c r="DE38" s="82">
        <v>1</v>
      </c>
      <c r="DF38" s="84">
        <v>19</v>
      </c>
      <c r="DG38" s="85">
        <v>23</v>
      </c>
      <c r="DH38" s="70">
        <v>0</v>
      </c>
      <c r="DI38" s="71">
        <v>0</v>
      </c>
      <c r="DJ38" s="72">
        <v>0</v>
      </c>
      <c r="DK38" s="276"/>
      <c r="DL38" s="71">
        <v>0</v>
      </c>
      <c r="DM38" s="71">
        <v>0</v>
      </c>
      <c r="DN38" s="71">
        <v>0</v>
      </c>
      <c r="DO38" s="71">
        <v>0</v>
      </c>
      <c r="DP38" s="71">
        <v>0</v>
      </c>
      <c r="DQ38" s="72">
        <v>0</v>
      </c>
      <c r="DR38" s="73">
        <v>0</v>
      </c>
      <c r="DS38" s="70">
        <v>0</v>
      </c>
      <c r="DT38" s="71">
        <v>0</v>
      </c>
      <c r="DU38" s="72">
        <v>0</v>
      </c>
      <c r="DV38" s="276"/>
      <c r="DW38" s="71">
        <v>1</v>
      </c>
      <c r="DX38" s="71">
        <v>0</v>
      </c>
      <c r="DY38" s="71">
        <v>1</v>
      </c>
      <c r="DZ38" s="71">
        <v>0</v>
      </c>
      <c r="EA38" s="71">
        <v>0</v>
      </c>
      <c r="EB38" s="72">
        <v>2</v>
      </c>
      <c r="EC38" s="73">
        <v>2</v>
      </c>
      <c r="ED38" s="70">
        <v>0</v>
      </c>
      <c r="EE38" s="71">
        <v>0</v>
      </c>
      <c r="EF38" s="72">
        <v>0</v>
      </c>
      <c r="EG38" s="276"/>
      <c r="EH38" s="71">
        <v>0</v>
      </c>
      <c r="EI38" s="71">
        <v>0</v>
      </c>
      <c r="EJ38" s="71">
        <v>0</v>
      </c>
      <c r="EK38" s="71">
        <v>0</v>
      </c>
      <c r="EL38" s="71">
        <v>0</v>
      </c>
      <c r="EM38" s="72">
        <v>0</v>
      </c>
      <c r="EN38" s="73">
        <v>0</v>
      </c>
      <c r="EO38" s="70">
        <v>0</v>
      </c>
      <c r="EP38" s="71">
        <v>1</v>
      </c>
      <c r="EQ38" s="72">
        <v>1</v>
      </c>
      <c r="ER38" s="276"/>
      <c r="ES38" s="71">
        <v>1</v>
      </c>
      <c r="ET38" s="71">
        <v>1</v>
      </c>
      <c r="EU38" s="71">
        <v>1</v>
      </c>
      <c r="EV38" s="71">
        <v>1</v>
      </c>
      <c r="EW38" s="71">
        <v>0</v>
      </c>
      <c r="EX38" s="72">
        <v>4</v>
      </c>
      <c r="EY38" s="73">
        <v>5</v>
      </c>
      <c r="EZ38" s="70">
        <v>0</v>
      </c>
      <c r="FA38" s="71">
        <v>1</v>
      </c>
      <c r="FB38" s="72">
        <v>1</v>
      </c>
      <c r="FC38" s="276"/>
      <c r="FD38" s="71">
        <v>3</v>
      </c>
      <c r="FE38" s="71">
        <v>1</v>
      </c>
      <c r="FF38" s="71">
        <v>1</v>
      </c>
      <c r="FG38" s="71">
        <v>0</v>
      </c>
      <c r="FH38" s="71">
        <v>0</v>
      </c>
      <c r="FI38" s="72">
        <v>5</v>
      </c>
      <c r="FJ38" s="73">
        <v>6</v>
      </c>
      <c r="FK38" s="70">
        <v>1</v>
      </c>
      <c r="FL38" s="71">
        <v>1</v>
      </c>
      <c r="FM38" s="72">
        <v>2</v>
      </c>
      <c r="FN38" s="276"/>
      <c r="FO38" s="71">
        <v>0</v>
      </c>
      <c r="FP38" s="71">
        <v>0</v>
      </c>
      <c r="FQ38" s="71">
        <v>5</v>
      </c>
      <c r="FR38" s="71">
        <v>2</v>
      </c>
      <c r="FS38" s="71">
        <v>1</v>
      </c>
      <c r="FT38" s="72">
        <v>8</v>
      </c>
      <c r="FU38" s="73">
        <v>10</v>
      </c>
      <c r="FV38" s="70">
        <v>0</v>
      </c>
      <c r="FW38" s="71">
        <v>0</v>
      </c>
      <c r="FX38" s="72">
        <v>0</v>
      </c>
      <c r="FY38" s="276"/>
      <c r="FZ38" s="71">
        <v>0</v>
      </c>
      <c r="GA38" s="71">
        <v>0</v>
      </c>
      <c r="GB38" s="71">
        <v>0</v>
      </c>
      <c r="GC38" s="71">
        <v>0</v>
      </c>
      <c r="GD38" s="71">
        <v>0</v>
      </c>
      <c r="GE38" s="72">
        <v>0</v>
      </c>
      <c r="GF38" s="73">
        <v>0</v>
      </c>
      <c r="GG38" s="70">
        <v>1</v>
      </c>
      <c r="GH38" s="71">
        <v>3</v>
      </c>
      <c r="GI38" s="72">
        <v>4</v>
      </c>
      <c r="GJ38" s="276"/>
      <c r="GK38" s="71">
        <v>5</v>
      </c>
      <c r="GL38" s="71">
        <v>2</v>
      </c>
      <c r="GM38" s="71">
        <v>8</v>
      </c>
      <c r="GN38" s="71">
        <v>3</v>
      </c>
      <c r="GO38" s="71">
        <v>1</v>
      </c>
      <c r="GP38" s="72">
        <v>19</v>
      </c>
      <c r="GQ38" s="73">
        <v>23</v>
      </c>
      <c r="GR38" s="126">
        <v>9</v>
      </c>
      <c r="GS38" s="82">
        <v>8</v>
      </c>
      <c r="GT38" s="83">
        <v>17</v>
      </c>
      <c r="GU38" s="273"/>
      <c r="GV38" s="82">
        <v>20</v>
      </c>
      <c r="GW38" s="82">
        <v>10</v>
      </c>
      <c r="GX38" s="82">
        <v>10</v>
      </c>
      <c r="GY38" s="82">
        <v>8</v>
      </c>
      <c r="GZ38" s="82">
        <v>1</v>
      </c>
      <c r="HA38" s="84">
        <v>49</v>
      </c>
      <c r="HB38" s="85">
        <v>66</v>
      </c>
      <c r="HC38" s="70">
        <v>0</v>
      </c>
      <c r="HD38" s="71">
        <v>0</v>
      </c>
      <c r="HE38" s="72">
        <v>0</v>
      </c>
      <c r="HF38" s="276"/>
      <c r="HG38" s="71">
        <v>0</v>
      </c>
      <c r="HH38" s="71">
        <v>0</v>
      </c>
      <c r="HI38" s="71">
        <v>0</v>
      </c>
      <c r="HJ38" s="71">
        <v>0</v>
      </c>
      <c r="HK38" s="71">
        <v>0</v>
      </c>
      <c r="HL38" s="72">
        <v>0</v>
      </c>
      <c r="HM38" s="73">
        <v>0</v>
      </c>
      <c r="HN38" s="70">
        <v>0</v>
      </c>
      <c r="HO38" s="71">
        <v>0</v>
      </c>
      <c r="HP38" s="72">
        <v>0</v>
      </c>
      <c r="HQ38" s="276"/>
      <c r="HR38" s="71">
        <v>2</v>
      </c>
      <c r="HS38" s="71">
        <v>1</v>
      </c>
      <c r="HT38" s="71">
        <v>1</v>
      </c>
      <c r="HU38" s="71">
        <v>0</v>
      </c>
      <c r="HV38" s="71">
        <v>0</v>
      </c>
      <c r="HW38" s="72">
        <v>4</v>
      </c>
      <c r="HX38" s="73">
        <v>4</v>
      </c>
      <c r="HY38" s="70">
        <v>2</v>
      </c>
      <c r="HZ38" s="71">
        <v>1</v>
      </c>
      <c r="IA38" s="72">
        <v>3</v>
      </c>
      <c r="IB38" s="276"/>
      <c r="IC38" s="71">
        <v>2</v>
      </c>
      <c r="ID38" s="71">
        <v>1</v>
      </c>
      <c r="IE38" s="71">
        <v>1</v>
      </c>
      <c r="IF38" s="71">
        <v>2</v>
      </c>
      <c r="IG38" s="71">
        <v>0</v>
      </c>
      <c r="IH38" s="72">
        <v>6</v>
      </c>
      <c r="II38" s="73">
        <v>9</v>
      </c>
      <c r="IJ38" s="70">
        <v>3</v>
      </c>
      <c r="IK38" s="71">
        <v>3</v>
      </c>
      <c r="IL38" s="72">
        <v>6</v>
      </c>
      <c r="IM38" s="276"/>
      <c r="IN38" s="71">
        <v>3</v>
      </c>
      <c r="IO38" s="71">
        <v>4</v>
      </c>
      <c r="IP38" s="71">
        <v>1</v>
      </c>
      <c r="IQ38" s="71">
        <v>2</v>
      </c>
      <c r="IR38" s="71">
        <v>0</v>
      </c>
      <c r="IS38" s="72">
        <v>10</v>
      </c>
      <c r="IT38" s="73">
        <v>16</v>
      </c>
      <c r="IU38" s="70">
        <v>0</v>
      </c>
      <c r="IV38" s="71">
        <v>3</v>
      </c>
      <c r="IW38" s="72">
        <v>3</v>
      </c>
      <c r="IX38" s="276"/>
      <c r="IY38" s="71">
        <v>9</v>
      </c>
      <c r="IZ38" s="71">
        <v>2</v>
      </c>
      <c r="JA38" s="71">
        <v>2</v>
      </c>
      <c r="JB38" s="71">
        <v>0</v>
      </c>
      <c r="JC38" s="71">
        <v>0</v>
      </c>
      <c r="JD38" s="72">
        <v>13</v>
      </c>
      <c r="JE38" s="73">
        <v>16</v>
      </c>
      <c r="JF38" s="70">
        <v>4</v>
      </c>
      <c r="JG38" s="71">
        <v>1</v>
      </c>
      <c r="JH38" s="72">
        <v>5</v>
      </c>
      <c r="JI38" s="276"/>
      <c r="JJ38" s="71">
        <v>4</v>
      </c>
      <c r="JK38" s="71">
        <v>2</v>
      </c>
      <c r="JL38" s="71">
        <v>5</v>
      </c>
      <c r="JM38" s="71">
        <v>4</v>
      </c>
      <c r="JN38" s="71">
        <v>1</v>
      </c>
      <c r="JO38" s="72">
        <v>16</v>
      </c>
      <c r="JP38" s="73">
        <v>21</v>
      </c>
      <c r="JQ38" s="70">
        <v>0</v>
      </c>
      <c r="JR38" s="71">
        <v>0</v>
      </c>
      <c r="JS38" s="72">
        <v>0</v>
      </c>
      <c r="JT38" s="276"/>
      <c r="JU38" s="71">
        <v>0</v>
      </c>
      <c r="JV38" s="71">
        <v>0</v>
      </c>
      <c r="JW38" s="71">
        <v>0</v>
      </c>
      <c r="JX38" s="71">
        <v>0</v>
      </c>
      <c r="JY38" s="71">
        <v>0</v>
      </c>
      <c r="JZ38" s="72">
        <v>0</v>
      </c>
      <c r="KA38" s="73">
        <v>0</v>
      </c>
      <c r="KB38" s="70">
        <v>9</v>
      </c>
      <c r="KC38" s="71">
        <v>8</v>
      </c>
      <c r="KD38" s="72">
        <v>17</v>
      </c>
      <c r="KE38" s="276"/>
      <c r="KF38" s="71">
        <v>20</v>
      </c>
      <c r="KG38" s="71">
        <v>10</v>
      </c>
      <c r="KH38" s="71">
        <v>10</v>
      </c>
      <c r="KI38" s="71">
        <v>8</v>
      </c>
      <c r="KJ38" s="71">
        <v>1</v>
      </c>
      <c r="KK38" s="72">
        <v>49</v>
      </c>
      <c r="KL38" s="73">
        <v>66</v>
      </c>
    </row>
    <row r="39" spans="1:298" ht="19.5" customHeight="1" x14ac:dyDescent="0.2">
      <c r="A39" s="129" t="s">
        <v>36</v>
      </c>
      <c r="B39" s="350">
        <v>1</v>
      </c>
      <c r="C39" s="82">
        <v>6</v>
      </c>
      <c r="D39" s="83">
        <v>7</v>
      </c>
      <c r="E39" s="273"/>
      <c r="F39" s="82">
        <v>9</v>
      </c>
      <c r="G39" s="82">
        <v>5</v>
      </c>
      <c r="H39" s="82">
        <v>4</v>
      </c>
      <c r="I39" s="82">
        <v>5</v>
      </c>
      <c r="J39" s="82">
        <v>3</v>
      </c>
      <c r="K39" s="84">
        <v>26</v>
      </c>
      <c r="L39" s="85">
        <v>33</v>
      </c>
      <c r="M39" s="70">
        <v>0</v>
      </c>
      <c r="N39" s="71">
        <v>0</v>
      </c>
      <c r="O39" s="72">
        <v>0</v>
      </c>
      <c r="P39" s="276"/>
      <c r="Q39" s="71">
        <v>1</v>
      </c>
      <c r="R39" s="71">
        <v>0</v>
      </c>
      <c r="S39" s="71">
        <v>0</v>
      </c>
      <c r="T39" s="71">
        <v>0</v>
      </c>
      <c r="U39" s="71">
        <v>0</v>
      </c>
      <c r="V39" s="72">
        <v>1</v>
      </c>
      <c r="W39" s="73">
        <v>1</v>
      </c>
      <c r="X39" s="70">
        <v>1</v>
      </c>
      <c r="Y39" s="71">
        <v>0</v>
      </c>
      <c r="Z39" s="72">
        <v>1</v>
      </c>
      <c r="AA39" s="276"/>
      <c r="AB39" s="71">
        <v>0</v>
      </c>
      <c r="AC39" s="71">
        <v>2</v>
      </c>
      <c r="AD39" s="71">
        <v>0</v>
      </c>
      <c r="AE39" s="71">
        <v>1</v>
      </c>
      <c r="AF39" s="71">
        <v>0</v>
      </c>
      <c r="AG39" s="72">
        <v>3</v>
      </c>
      <c r="AH39" s="73">
        <v>4</v>
      </c>
      <c r="AI39" s="70">
        <v>0</v>
      </c>
      <c r="AJ39" s="71">
        <v>0</v>
      </c>
      <c r="AK39" s="72">
        <v>0</v>
      </c>
      <c r="AL39" s="276"/>
      <c r="AM39" s="71">
        <v>2</v>
      </c>
      <c r="AN39" s="71">
        <v>0</v>
      </c>
      <c r="AO39" s="71">
        <v>0</v>
      </c>
      <c r="AP39" s="71">
        <v>0</v>
      </c>
      <c r="AQ39" s="71">
        <v>1</v>
      </c>
      <c r="AR39" s="72">
        <v>3</v>
      </c>
      <c r="AS39" s="73">
        <v>3</v>
      </c>
      <c r="AT39" s="70">
        <v>0</v>
      </c>
      <c r="AU39" s="71">
        <v>3</v>
      </c>
      <c r="AV39" s="72">
        <v>3</v>
      </c>
      <c r="AW39" s="276"/>
      <c r="AX39" s="71">
        <v>3</v>
      </c>
      <c r="AY39" s="71">
        <v>2</v>
      </c>
      <c r="AZ39" s="71">
        <v>1</v>
      </c>
      <c r="BA39" s="71">
        <v>1</v>
      </c>
      <c r="BB39" s="71">
        <v>1</v>
      </c>
      <c r="BC39" s="72">
        <v>8</v>
      </c>
      <c r="BD39" s="73">
        <v>11</v>
      </c>
      <c r="BE39" s="70">
        <v>0</v>
      </c>
      <c r="BF39" s="71">
        <v>3</v>
      </c>
      <c r="BG39" s="72">
        <v>3</v>
      </c>
      <c r="BH39" s="276"/>
      <c r="BI39" s="71">
        <v>0</v>
      </c>
      <c r="BJ39" s="71">
        <v>0</v>
      </c>
      <c r="BK39" s="71">
        <v>2</v>
      </c>
      <c r="BL39" s="71">
        <v>2</v>
      </c>
      <c r="BM39" s="71">
        <v>1</v>
      </c>
      <c r="BN39" s="72">
        <v>5</v>
      </c>
      <c r="BO39" s="73">
        <v>8</v>
      </c>
      <c r="BP39" s="70">
        <v>0</v>
      </c>
      <c r="BQ39" s="71">
        <v>0</v>
      </c>
      <c r="BR39" s="72">
        <v>0</v>
      </c>
      <c r="BS39" s="276"/>
      <c r="BT39" s="71">
        <v>3</v>
      </c>
      <c r="BU39" s="71">
        <v>1</v>
      </c>
      <c r="BV39" s="71">
        <v>1</v>
      </c>
      <c r="BW39" s="71">
        <v>1</v>
      </c>
      <c r="BX39" s="71">
        <v>0</v>
      </c>
      <c r="BY39" s="72">
        <v>6</v>
      </c>
      <c r="BZ39" s="73">
        <v>6</v>
      </c>
      <c r="CA39" s="70">
        <v>0</v>
      </c>
      <c r="CB39" s="71">
        <v>0</v>
      </c>
      <c r="CC39" s="72">
        <v>0</v>
      </c>
      <c r="CD39" s="276"/>
      <c r="CE39" s="71">
        <v>0</v>
      </c>
      <c r="CF39" s="71">
        <v>0</v>
      </c>
      <c r="CG39" s="71">
        <v>0</v>
      </c>
      <c r="CH39" s="71">
        <v>0</v>
      </c>
      <c r="CI39" s="71">
        <v>0</v>
      </c>
      <c r="CJ39" s="72">
        <v>0</v>
      </c>
      <c r="CK39" s="73">
        <v>0</v>
      </c>
      <c r="CL39" s="70">
        <v>1</v>
      </c>
      <c r="CM39" s="71">
        <v>6</v>
      </c>
      <c r="CN39" s="72">
        <v>7</v>
      </c>
      <c r="CO39" s="276"/>
      <c r="CP39" s="71">
        <v>9</v>
      </c>
      <c r="CQ39" s="71">
        <v>5</v>
      </c>
      <c r="CR39" s="71">
        <v>4</v>
      </c>
      <c r="CS39" s="71">
        <v>5</v>
      </c>
      <c r="CT39" s="71">
        <v>3</v>
      </c>
      <c r="CU39" s="72">
        <v>26</v>
      </c>
      <c r="CV39" s="73">
        <v>33</v>
      </c>
      <c r="CW39" s="126">
        <v>2</v>
      </c>
      <c r="CX39" s="82">
        <v>3</v>
      </c>
      <c r="CY39" s="83">
        <v>5</v>
      </c>
      <c r="CZ39" s="273"/>
      <c r="DA39" s="82">
        <v>6</v>
      </c>
      <c r="DB39" s="82">
        <v>7</v>
      </c>
      <c r="DC39" s="82">
        <v>1</v>
      </c>
      <c r="DD39" s="82">
        <v>5</v>
      </c>
      <c r="DE39" s="82">
        <v>1</v>
      </c>
      <c r="DF39" s="84">
        <v>20</v>
      </c>
      <c r="DG39" s="85">
        <v>25</v>
      </c>
      <c r="DH39" s="70">
        <v>0</v>
      </c>
      <c r="DI39" s="71">
        <v>0</v>
      </c>
      <c r="DJ39" s="72">
        <v>0</v>
      </c>
      <c r="DK39" s="276"/>
      <c r="DL39" s="71">
        <v>0</v>
      </c>
      <c r="DM39" s="71">
        <v>0</v>
      </c>
      <c r="DN39" s="71">
        <v>0</v>
      </c>
      <c r="DO39" s="71">
        <v>0</v>
      </c>
      <c r="DP39" s="71">
        <v>0</v>
      </c>
      <c r="DQ39" s="72">
        <v>0</v>
      </c>
      <c r="DR39" s="73">
        <v>0</v>
      </c>
      <c r="DS39" s="70">
        <v>0</v>
      </c>
      <c r="DT39" s="71">
        <v>0</v>
      </c>
      <c r="DU39" s="72">
        <v>0</v>
      </c>
      <c r="DV39" s="276"/>
      <c r="DW39" s="71">
        <v>0</v>
      </c>
      <c r="DX39" s="71">
        <v>0</v>
      </c>
      <c r="DY39" s="71">
        <v>0</v>
      </c>
      <c r="DZ39" s="71">
        <v>0</v>
      </c>
      <c r="EA39" s="71">
        <v>0</v>
      </c>
      <c r="EB39" s="72">
        <v>0</v>
      </c>
      <c r="EC39" s="73">
        <v>0</v>
      </c>
      <c r="ED39" s="70">
        <v>0</v>
      </c>
      <c r="EE39" s="71">
        <v>0</v>
      </c>
      <c r="EF39" s="72">
        <v>0</v>
      </c>
      <c r="EG39" s="276"/>
      <c r="EH39" s="71">
        <v>1</v>
      </c>
      <c r="EI39" s="71">
        <v>1</v>
      </c>
      <c r="EJ39" s="71">
        <v>0</v>
      </c>
      <c r="EK39" s="71">
        <v>0</v>
      </c>
      <c r="EL39" s="71">
        <v>0</v>
      </c>
      <c r="EM39" s="72">
        <v>2</v>
      </c>
      <c r="EN39" s="73">
        <v>2</v>
      </c>
      <c r="EO39" s="70">
        <v>0</v>
      </c>
      <c r="EP39" s="71">
        <v>2</v>
      </c>
      <c r="EQ39" s="72">
        <v>2</v>
      </c>
      <c r="ER39" s="276"/>
      <c r="ES39" s="71">
        <v>1</v>
      </c>
      <c r="ET39" s="71">
        <v>1</v>
      </c>
      <c r="EU39" s="71">
        <v>1</v>
      </c>
      <c r="EV39" s="71">
        <v>0</v>
      </c>
      <c r="EW39" s="71">
        <v>0</v>
      </c>
      <c r="EX39" s="72">
        <v>3</v>
      </c>
      <c r="EY39" s="73">
        <v>5</v>
      </c>
      <c r="EZ39" s="70">
        <v>2</v>
      </c>
      <c r="FA39" s="71">
        <v>1</v>
      </c>
      <c r="FB39" s="72">
        <v>3</v>
      </c>
      <c r="FC39" s="276"/>
      <c r="FD39" s="71">
        <v>3</v>
      </c>
      <c r="FE39" s="71">
        <v>3</v>
      </c>
      <c r="FF39" s="71">
        <v>0</v>
      </c>
      <c r="FG39" s="71">
        <v>1</v>
      </c>
      <c r="FH39" s="71">
        <v>0</v>
      </c>
      <c r="FI39" s="72">
        <v>7</v>
      </c>
      <c r="FJ39" s="73">
        <v>10</v>
      </c>
      <c r="FK39" s="70">
        <v>0</v>
      </c>
      <c r="FL39" s="71">
        <v>0</v>
      </c>
      <c r="FM39" s="72">
        <v>0</v>
      </c>
      <c r="FN39" s="276"/>
      <c r="FO39" s="71">
        <v>1</v>
      </c>
      <c r="FP39" s="71">
        <v>2</v>
      </c>
      <c r="FQ39" s="71">
        <v>0</v>
      </c>
      <c r="FR39" s="71">
        <v>4</v>
      </c>
      <c r="FS39" s="71">
        <v>1</v>
      </c>
      <c r="FT39" s="72">
        <v>8</v>
      </c>
      <c r="FU39" s="73">
        <v>8</v>
      </c>
      <c r="FV39" s="70">
        <v>0</v>
      </c>
      <c r="FW39" s="71">
        <v>0</v>
      </c>
      <c r="FX39" s="72">
        <v>0</v>
      </c>
      <c r="FY39" s="276"/>
      <c r="FZ39" s="71">
        <v>0</v>
      </c>
      <c r="GA39" s="71">
        <v>0</v>
      </c>
      <c r="GB39" s="71">
        <v>0</v>
      </c>
      <c r="GC39" s="71">
        <v>0</v>
      </c>
      <c r="GD39" s="71">
        <v>0</v>
      </c>
      <c r="GE39" s="72">
        <v>0</v>
      </c>
      <c r="GF39" s="73">
        <v>0</v>
      </c>
      <c r="GG39" s="70">
        <v>2</v>
      </c>
      <c r="GH39" s="71">
        <v>3</v>
      </c>
      <c r="GI39" s="72">
        <v>5</v>
      </c>
      <c r="GJ39" s="276"/>
      <c r="GK39" s="71">
        <v>6</v>
      </c>
      <c r="GL39" s="71">
        <v>7</v>
      </c>
      <c r="GM39" s="71">
        <v>1</v>
      </c>
      <c r="GN39" s="71">
        <v>5</v>
      </c>
      <c r="GO39" s="71">
        <v>1</v>
      </c>
      <c r="GP39" s="72">
        <v>20</v>
      </c>
      <c r="GQ39" s="73">
        <v>25</v>
      </c>
      <c r="GR39" s="126">
        <v>3</v>
      </c>
      <c r="GS39" s="82">
        <v>9</v>
      </c>
      <c r="GT39" s="83">
        <v>12</v>
      </c>
      <c r="GU39" s="273"/>
      <c r="GV39" s="82">
        <v>15</v>
      </c>
      <c r="GW39" s="82">
        <v>12</v>
      </c>
      <c r="GX39" s="82">
        <v>5</v>
      </c>
      <c r="GY39" s="82">
        <v>10</v>
      </c>
      <c r="GZ39" s="82">
        <v>4</v>
      </c>
      <c r="HA39" s="84">
        <v>46</v>
      </c>
      <c r="HB39" s="85">
        <v>58</v>
      </c>
      <c r="HC39" s="70">
        <v>0</v>
      </c>
      <c r="HD39" s="71">
        <v>0</v>
      </c>
      <c r="HE39" s="72">
        <v>0</v>
      </c>
      <c r="HF39" s="276"/>
      <c r="HG39" s="71">
        <v>1</v>
      </c>
      <c r="HH39" s="71">
        <v>0</v>
      </c>
      <c r="HI39" s="71">
        <v>0</v>
      </c>
      <c r="HJ39" s="71">
        <v>0</v>
      </c>
      <c r="HK39" s="71">
        <v>0</v>
      </c>
      <c r="HL39" s="72">
        <v>1</v>
      </c>
      <c r="HM39" s="73">
        <v>1</v>
      </c>
      <c r="HN39" s="70">
        <v>1</v>
      </c>
      <c r="HO39" s="71">
        <v>0</v>
      </c>
      <c r="HP39" s="72">
        <v>1</v>
      </c>
      <c r="HQ39" s="276"/>
      <c r="HR39" s="71">
        <v>0</v>
      </c>
      <c r="HS39" s="71">
        <v>2</v>
      </c>
      <c r="HT39" s="71">
        <v>0</v>
      </c>
      <c r="HU39" s="71">
        <v>1</v>
      </c>
      <c r="HV39" s="71">
        <v>0</v>
      </c>
      <c r="HW39" s="72">
        <v>3</v>
      </c>
      <c r="HX39" s="73">
        <v>4</v>
      </c>
      <c r="HY39" s="70">
        <v>0</v>
      </c>
      <c r="HZ39" s="71">
        <v>0</v>
      </c>
      <c r="IA39" s="72">
        <v>0</v>
      </c>
      <c r="IB39" s="276"/>
      <c r="IC39" s="71">
        <v>3</v>
      </c>
      <c r="ID39" s="71">
        <v>1</v>
      </c>
      <c r="IE39" s="71">
        <v>0</v>
      </c>
      <c r="IF39" s="71">
        <v>0</v>
      </c>
      <c r="IG39" s="71">
        <v>1</v>
      </c>
      <c r="IH39" s="72">
        <v>5</v>
      </c>
      <c r="II39" s="73">
        <v>5</v>
      </c>
      <c r="IJ39" s="70">
        <v>0</v>
      </c>
      <c r="IK39" s="71">
        <v>5</v>
      </c>
      <c r="IL39" s="72">
        <v>5</v>
      </c>
      <c r="IM39" s="276"/>
      <c r="IN39" s="71">
        <v>4</v>
      </c>
      <c r="IO39" s="71">
        <v>3</v>
      </c>
      <c r="IP39" s="71">
        <v>2</v>
      </c>
      <c r="IQ39" s="71">
        <v>1</v>
      </c>
      <c r="IR39" s="71">
        <v>1</v>
      </c>
      <c r="IS39" s="72">
        <v>11</v>
      </c>
      <c r="IT39" s="73">
        <v>16</v>
      </c>
      <c r="IU39" s="70">
        <v>2</v>
      </c>
      <c r="IV39" s="71">
        <v>4</v>
      </c>
      <c r="IW39" s="72">
        <v>6</v>
      </c>
      <c r="IX39" s="276"/>
      <c r="IY39" s="71">
        <v>3</v>
      </c>
      <c r="IZ39" s="71">
        <v>3</v>
      </c>
      <c r="JA39" s="71">
        <v>2</v>
      </c>
      <c r="JB39" s="71">
        <v>3</v>
      </c>
      <c r="JC39" s="71">
        <v>1</v>
      </c>
      <c r="JD39" s="72">
        <v>12</v>
      </c>
      <c r="JE39" s="73">
        <v>18</v>
      </c>
      <c r="JF39" s="70">
        <v>0</v>
      </c>
      <c r="JG39" s="71">
        <v>0</v>
      </c>
      <c r="JH39" s="72">
        <v>0</v>
      </c>
      <c r="JI39" s="276"/>
      <c r="JJ39" s="71">
        <v>4</v>
      </c>
      <c r="JK39" s="71">
        <v>3</v>
      </c>
      <c r="JL39" s="71">
        <v>1</v>
      </c>
      <c r="JM39" s="71">
        <v>5</v>
      </c>
      <c r="JN39" s="71">
        <v>1</v>
      </c>
      <c r="JO39" s="72">
        <v>14</v>
      </c>
      <c r="JP39" s="73">
        <v>14</v>
      </c>
      <c r="JQ39" s="70">
        <v>0</v>
      </c>
      <c r="JR39" s="71">
        <v>0</v>
      </c>
      <c r="JS39" s="72">
        <v>0</v>
      </c>
      <c r="JT39" s="276"/>
      <c r="JU39" s="71">
        <v>0</v>
      </c>
      <c r="JV39" s="71">
        <v>0</v>
      </c>
      <c r="JW39" s="71">
        <v>0</v>
      </c>
      <c r="JX39" s="71">
        <v>0</v>
      </c>
      <c r="JY39" s="71">
        <v>0</v>
      </c>
      <c r="JZ39" s="72">
        <v>0</v>
      </c>
      <c r="KA39" s="73">
        <v>0</v>
      </c>
      <c r="KB39" s="70">
        <v>3</v>
      </c>
      <c r="KC39" s="71">
        <v>9</v>
      </c>
      <c r="KD39" s="72">
        <v>12</v>
      </c>
      <c r="KE39" s="276"/>
      <c r="KF39" s="71">
        <v>15</v>
      </c>
      <c r="KG39" s="71">
        <v>12</v>
      </c>
      <c r="KH39" s="71">
        <v>5</v>
      </c>
      <c r="KI39" s="71">
        <v>10</v>
      </c>
      <c r="KJ39" s="71">
        <v>4</v>
      </c>
      <c r="KK39" s="72">
        <v>46</v>
      </c>
      <c r="KL39" s="73">
        <v>58</v>
      </c>
    </row>
    <row r="40" spans="1:298" ht="19.5" customHeight="1" thickBot="1" x14ac:dyDescent="0.25">
      <c r="A40" s="130" t="s">
        <v>37</v>
      </c>
      <c r="B40" s="351">
        <v>0</v>
      </c>
      <c r="C40" s="87">
        <v>0</v>
      </c>
      <c r="D40" s="88">
        <v>0</v>
      </c>
      <c r="E40" s="274"/>
      <c r="F40" s="87">
        <v>0</v>
      </c>
      <c r="G40" s="87">
        <v>0</v>
      </c>
      <c r="H40" s="87">
        <v>0</v>
      </c>
      <c r="I40" s="87">
        <v>2</v>
      </c>
      <c r="J40" s="87">
        <v>1</v>
      </c>
      <c r="K40" s="89">
        <v>3</v>
      </c>
      <c r="L40" s="90">
        <v>3</v>
      </c>
      <c r="M40" s="74">
        <v>0</v>
      </c>
      <c r="N40" s="75">
        <v>0</v>
      </c>
      <c r="O40" s="76">
        <v>0</v>
      </c>
      <c r="P40" s="277"/>
      <c r="Q40" s="75">
        <v>0</v>
      </c>
      <c r="R40" s="75">
        <v>0</v>
      </c>
      <c r="S40" s="75">
        <v>0</v>
      </c>
      <c r="T40" s="75">
        <v>0</v>
      </c>
      <c r="U40" s="75">
        <v>0</v>
      </c>
      <c r="V40" s="76">
        <v>0</v>
      </c>
      <c r="W40" s="77">
        <v>0</v>
      </c>
      <c r="X40" s="74">
        <v>0</v>
      </c>
      <c r="Y40" s="75">
        <v>0</v>
      </c>
      <c r="Z40" s="76">
        <v>0</v>
      </c>
      <c r="AA40" s="277"/>
      <c r="AB40" s="75">
        <v>0</v>
      </c>
      <c r="AC40" s="75">
        <v>0</v>
      </c>
      <c r="AD40" s="75">
        <v>0</v>
      </c>
      <c r="AE40" s="75">
        <v>0</v>
      </c>
      <c r="AF40" s="75">
        <v>0</v>
      </c>
      <c r="AG40" s="76">
        <v>0</v>
      </c>
      <c r="AH40" s="77">
        <v>0</v>
      </c>
      <c r="AI40" s="74">
        <v>0</v>
      </c>
      <c r="AJ40" s="75">
        <v>0</v>
      </c>
      <c r="AK40" s="76">
        <v>0</v>
      </c>
      <c r="AL40" s="277"/>
      <c r="AM40" s="75">
        <v>0</v>
      </c>
      <c r="AN40" s="75">
        <v>0</v>
      </c>
      <c r="AO40" s="75">
        <v>0</v>
      </c>
      <c r="AP40" s="75">
        <v>0</v>
      </c>
      <c r="AQ40" s="75">
        <v>0</v>
      </c>
      <c r="AR40" s="76">
        <v>0</v>
      </c>
      <c r="AS40" s="77">
        <v>0</v>
      </c>
      <c r="AT40" s="74">
        <v>0</v>
      </c>
      <c r="AU40" s="75">
        <v>0</v>
      </c>
      <c r="AV40" s="76">
        <v>0</v>
      </c>
      <c r="AW40" s="277"/>
      <c r="AX40" s="75">
        <v>0</v>
      </c>
      <c r="AY40" s="75">
        <v>0</v>
      </c>
      <c r="AZ40" s="75">
        <v>0</v>
      </c>
      <c r="BA40" s="75">
        <v>1</v>
      </c>
      <c r="BB40" s="75">
        <v>1</v>
      </c>
      <c r="BC40" s="76">
        <v>2</v>
      </c>
      <c r="BD40" s="77">
        <v>2</v>
      </c>
      <c r="BE40" s="74">
        <v>0</v>
      </c>
      <c r="BF40" s="75">
        <v>0</v>
      </c>
      <c r="BG40" s="76">
        <v>0</v>
      </c>
      <c r="BH40" s="277"/>
      <c r="BI40" s="75">
        <v>0</v>
      </c>
      <c r="BJ40" s="75">
        <v>0</v>
      </c>
      <c r="BK40" s="75">
        <v>0</v>
      </c>
      <c r="BL40" s="75">
        <v>0</v>
      </c>
      <c r="BM40" s="75">
        <v>0</v>
      </c>
      <c r="BN40" s="76">
        <v>0</v>
      </c>
      <c r="BO40" s="77">
        <v>0</v>
      </c>
      <c r="BP40" s="74">
        <v>0</v>
      </c>
      <c r="BQ40" s="75">
        <v>0</v>
      </c>
      <c r="BR40" s="76">
        <v>0</v>
      </c>
      <c r="BS40" s="277"/>
      <c r="BT40" s="75">
        <v>0</v>
      </c>
      <c r="BU40" s="75">
        <v>0</v>
      </c>
      <c r="BV40" s="75">
        <v>0</v>
      </c>
      <c r="BW40" s="75">
        <v>1</v>
      </c>
      <c r="BX40" s="75">
        <v>0</v>
      </c>
      <c r="BY40" s="76">
        <v>1</v>
      </c>
      <c r="BZ40" s="77">
        <v>1</v>
      </c>
      <c r="CA40" s="74">
        <v>0</v>
      </c>
      <c r="CB40" s="75">
        <v>0</v>
      </c>
      <c r="CC40" s="76">
        <v>0</v>
      </c>
      <c r="CD40" s="277"/>
      <c r="CE40" s="75">
        <v>0</v>
      </c>
      <c r="CF40" s="75">
        <v>0</v>
      </c>
      <c r="CG40" s="75">
        <v>0</v>
      </c>
      <c r="CH40" s="75">
        <v>0</v>
      </c>
      <c r="CI40" s="75">
        <v>0</v>
      </c>
      <c r="CJ40" s="76">
        <v>0</v>
      </c>
      <c r="CK40" s="77">
        <v>0</v>
      </c>
      <c r="CL40" s="74">
        <v>0</v>
      </c>
      <c r="CM40" s="75">
        <v>0</v>
      </c>
      <c r="CN40" s="76">
        <v>0</v>
      </c>
      <c r="CO40" s="277"/>
      <c r="CP40" s="75">
        <v>0</v>
      </c>
      <c r="CQ40" s="75">
        <v>0</v>
      </c>
      <c r="CR40" s="75">
        <v>0</v>
      </c>
      <c r="CS40" s="75">
        <v>2</v>
      </c>
      <c r="CT40" s="75">
        <v>1</v>
      </c>
      <c r="CU40" s="76">
        <v>3</v>
      </c>
      <c r="CV40" s="77">
        <v>3</v>
      </c>
      <c r="CW40" s="127">
        <v>0</v>
      </c>
      <c r="CX40" s="87">
        <v>0</v>
      </c>
      <c r="CY40" s="88">
        <v>0</v>
      </c>
      <c r="CZ40" s="274"/>
      <c r="DA40" s="87">
        <v>0</v>
      </c>
      <c r="DB40" s="87">
        <v>0</v>
      </c>
      <c r="DC40" s="87">
        <v>0</v>
      </c>
      <c r="DD40" s="87">
        <v>0</v>
      </c>
      <c r="DE40" s="87">
        <v>1</v>
      </c>
      <c r="DF40" s="89">
        <v>1</v>
      </c>
      <c r="DG40" s="90">
        <v>1</v>
      </c>
      <c r="DH40" s="74">
        <v>0</v>
      </c>
      <c r="DI40" s="75">
        <v>0</v>
      </c>
      <c r="DJ40" s="76">
        <v>0</v>
      </c>
      <c r="DK40" s="277"/>
      <c r="DL40" s="75">
        <v>0</v>
      </c>
      <c r="DM40" s="75">
        <v>0</v>
      </c>
      <c r="DN40" s="75">
        <v>0</v>
      </c>
      <c r="DO40" s="75">
        <v>0</v>
      </c>
      <c r="DP40" s="75">
        <v>0</v>
      </c>
      <c r="DQ40" s="76">
        <v>0</v>
      </c>
      <c r="DR40" s="77">
        <v>0</v>
      </c>
      <c r="DS40" s="74">
        <v>0</v>
      </c>
      <c r="DT40" s="75">
        <v>0</v>
      </c>
      <c r="DU40" s="76">
        <v>0</v>
      </c>
      <c r="DV40" s="277"/>
      <c r="DW40" s="75">
        <v>0</v>
      </c>
      <c r="DX40" s="75">
        <v>0</v>
      </c>
      <c r="DY40" s="75">
        <v>0</v>
      </c>
      <c r="DZ40" s="75">
        <v>0</v>
      </c>
      <c r="EA40" s="75">
        <v>0</v>
      </c>
      <c r="EB40" s="76">
        <v>0</v>
      </c>
      <c r="EC40" s="77">
        <v>0</v>
      </c>
      <c r="ED40" s="74">
        <v>0</v>
      </c>
      <c r="EE40" s="75">
        <v>0</v>
      </c>
      <c r="EF40" s="76">
        <v>0</v>
      </c>
      <c r="EG40" s="277"/>
      <c r="EH40" s="75">
        <v>0</v>
      </c>
      <c r="EI40" s="75">
        <v>0</v>
      </c>
      <c r="EJ40" s="75">
        <v>0</v>
      </c>
      <c r="EK40" s="75">
        <v>0</v>
      </c>
      <c r="EL40" s="75">
        <v>0</v>
      </c>
      <c r="EM40" s="76">
        <v>0</v>
      </c>
      <c r="EN40" s="77">
        <v>0</v>
      </c>
      <c r="EO40" s="74">
        <v>0</v>
      </c>
      <c r="EP40" s="75">
        <v>0</v>
      </c>
      <c r="EQ40" s="76">
        <v>0</v>
      </c>
      <c r="ER40" s="277"/>
      <c r="ES40" s="75">
        <v>0</v>
      </c>
      <c r="ET40" s="75">
        <v>0</v>
      </c>
      <c r="EU40" s="75">
        <v>0</v>
      </c>
      <c r="EV40" s="75">
        <v>0</v>
      </c>
      <c r="EW40" s="75">
        <v>0</v>
      </c>
      <c r="EX40" s="76">
        <v>0</v>
      </c>
      <c r="EY40" s="77">
        <v>0</v>
      </c>
      <c r="EZ40" s="74">
        <v>0</v>
      </c>
      <c r="FA40" s="75">
        <v>0</v>
      </c>
      <c r="FB40" s="76">
        <v>0</v>
      </c>
      <c r="FC40" s="277"/>
      <c r="FD40" s="75">
        <v>0</v>
      </c>
      <c r="FE40" s="75">
        <v>0</v>
      </c>
      <c r="FF40" s="75">
        <v>0</v>
      </c>
      <c r="FG40" s="75">
        <v>0</v>
      </c>
      <c r="FH40" s="75">
        <v>0</v>
      </c>
      <c r="FI40" s="76">
        <v>0</v>
      </c>
      <c r="FJ40" s="77">
        <v>0</v>
      </c>
      <c r="FK40" s="74">
        <v>0</v>
      </c>
      <c r="FL40" s="75">
        <v>0</v>
      </c>
      <c r="FM40" s="76">
        <v>0</v>
      </c>
      <c r="FN40" s="277"/>
      <c r="FO40" s="75">
        <v>0</v>
      </c>
      <c r="FP40" s="75">
        <v>0</v>
      </c>
      <c r="FQ40" s="75">
        <v>0</v>
      </c>
      <c r="FR40" s="75">
        <v>0</v>
      </c>
      <c r="FS40" s="75">
        <v>1</v>
      </c>
      <c r="FT40" s="76">
        <v>1</v>
      </c>
      <c r="FU40" s="77">
        <v>1</v>
      </c>
      <c r="FV40" s="74">
        <v>0</v>
      </c>
      <c r="FW40" s="75">
        <v>0</v>
      </c>
      <c r="FX40" s="76">
        <v>0</v>
      </c>
      <c r="FY40" s="277"/>
      <c r="FZ40" s="75">
        <v>0</v>
      </c>
      <c r="GA40" s="75">
        <v>0</v>
      </c>
      <c r="GB40" s="75">
        <v>0</v>
      </c>
      <c r="GC40" s="75">
        <v>0</v>
      </c>
      <c r="GD40" s="75">
        <v>0</v>
      </c>
      <c r="GE40" s="76">
        <v>0</v>
      </c>
      <c r="GF40" s="77">
        <v>0</v>
      </c>
      <c r="GG40" s="74">
        <v>0</v>
      </c>
      <c r="GH40" s="75">
        <v>0</v>
      </c>
      <c r="GI40" s="76">
        <v>0</v>
      </c>
      <c r="GJ40" s="277"/>
      <c r="GK40" s="75">
        <v>0</v>
      </c>
      <c r="GL40" s="75">
        <v>0</v>
      </c>
      <c r="GM40" s="75">
        <v>0</v>
      </c>
      <c r="GN40" s="75">
        <v>0</v>
      </c>
      <c r="GO40" s="75">
        <v>1</v>
      </c>
      <c r="GP40" s="76">
        <v>1</v>
      </c>
      <c r="GQ40" s="77">
        <v>1</v>
      </c>
      <c r="GR40" s="127">
        <v>0</v>
      </c>
      <c r="GS40" s="87">
        <v>0</v>
      </c>
      <c r="GT40" s="88">
        <v>0</v>
      </c>
      <c r="GU40" s="274"/>
      <c r="GV40" s="87">
        <v>0</v>
      </c>
      <c r="GW40" s="87">
        <v>0</v>
      </c>
      <c r="GX40" s="87">
        <v>0</v>
      </c>
      <c r="GY40" s="87">
        <v>2</v>
      </c>
      <c r="GZ40" s="87">
        <v>2</v>
      </c>
      <c r="HA40" s="89">
        <v>4</v>
      </c>
      <c r="HB40" s="90">
        <v>4</v>
      </c>
      <c r="HC40" s="74">
        <v>0</v>
      </c>
      <c r="HD40" s="75">
        <v>0</v>
      </c>
      <c r="HE40" s="76">
        <v>0</v>
      </c>
      <c r="HF40" s="277"/>
      <c r="HG40" s="75">
        <v>0</v>
      </c>
      <c r="HH40" s="75">
        <v>0</v>
      </c>
      <c r="HI40" s="75">
        <v>0</v>
      </c>
      <c r="HJ40" s="75">
        <v>0</v>
      </c>
      <c r="HK40" s="75">
        <v>0</v>
      </c>
      <c r="HL40" s="76">
        <v>0</v>
      </c>
      <c r="HM40" s="77">
        <v>0</v>
      </c>
      <c r="HN40" s="74">
        <v>0</v>
      </c>
      <c r="HO40" s="75">
        <v>0</v>
      </c>
      <c r="HP40" s="76">
        <v>0</v>
      </c>
      <c r="HQ40" s="277"/>
      <c r="HR40" s="75">
        <v>0</v>
      </c>
      <c r="HS40" s="75">
        <v>0</v>
      </c>
      <c r="HT40" s="75">
        <v>0</v>
      </c>
      <c r="HU40" s="75">
        <v>0</v>
      </c>
      <c r="HV40" s="75">
        <v>0</v>
      </c>
      <c r="HW40" s="76">
        <v>0</v>
      </c>
      <c r="HX40" s="77">
        <v>0</v>
      </c>
      <c r="HY40" s="74">
        <v>0</v>
      </c>
      <c r="HZ40" s="75">
        <v>0</v>
      </c>
      <c r="IA40" s="76">
        <v>0</v>
      </c>
      <c r="IB40" s="277"/>
      <c r="IC40" s="75">
        <v>0</v>
      </c>
      <c r="ID40" s="75">
        <v>0</v>
      </c>
      <c r="IE40" s="75">
        <v>0</v>
      </c>
      <c r="IF40" s="75">
        <v>0</v>
      </c>
      <c r="IG40" s="75">
        <v>0</v>
      </c>
      <c r="IH40" s="76">
        <v>0</v>
      </c>
      <c r="II40" s="77">
        <v>0</v>
      </c>
      <c r="IJ40" s="74">
        <v>0</v>
      </c>
      <c r="IK40" s="75">
        <v>0</v>
      </c>
      <c r="IL40" s="76">
        <v>0</v>
      </c>
      <c r="IM40" s="277"/>
      <c r="IN40" s="75">
        <v>0</v>
      </c>
      <c r="IO40" s="75">
        <v>0</v>
      </c>
      <c r="IP40" s="75">
        <v>0</v>
      </c>
      <c r="IQ40" s="75">
        <v>1</v>
      </c>
      <c r="IR40" s="75">
        <v>1</v>
      </c>
      <c r="IS40" s="76">
        <v>2</v>
      </c>
      <c r="IT40" s="77">
        <v>2</v>
      </c>
      <c r="IU40" s="74">
        <v>0</v>
      </c>
      <c r="IV40" s="75">
        <v>0</v>
      </c>
      <c r="IW40" s="76">
        <v>0</v>
      </c>
      <c r="IX40" s="277"/>
      <c r="IY40" s="75">
        <v>0</v>
      </c>
      <c r="IZ40" s="75">
        <v>0</v>
      </c>
      <c r="JA40" s="75">
        <v>0</v>
      </c>
      <c r="JB40" s="75">
        <v>0</v>
      </c>
      <c r="JC40" s="75">
        <v>0</v>
      </c>
      <c r="JD40" s="76">
        <v>0</v>
      </c>
      <c r="JE40" s="77">
        <v>0</v>
      </c>
      <c r="JF40" s="74">
        <v>0</v>
      </c>
      <c r="JG40" s="75">
        <v>0</v>
      </c>
      <c r="JH40" s="76">
        <v>0</v>
      </c>
      <c r="JI40" s="277"/>
      <c r="JJ40" s="75">
        <v>0</v>
      </c>
      <c r="JK40" s="75">
        <v>0</v>
      </c>
      <c r="JL40" s="75">
        <v>0</v>
      </c>
      <c r="JM40" s="75">
        <v>1</v>
      </c>
      <c r="JN40" s="75">
        <v>1</v>
      </c>
      <c r="JO40" s="76">
        <v>2</v>
      </c>
      <c r="JP40" s="77">
        <v>2</v>
      </c>
      <c r="JQ40" s="74">
        <v>0</v>
      </c>
      <c r="JR40" s="75">
        <v>0</v>
      </c>
      <c r="JS40" s="76">
        <v>0</v>
      </c>
      <c r="JT40" s="277"/>
      <c r="JU40" s="75">
        <v>0</v>
      </c>
      <c r="JV40" s="75">
        <v>0</v>
      </c>
      <c r="JW40" s="75">
        <v>0</v>
      </c>
      <c r="JX40" s="75">
        <v>0</v>
      </c>
      <c r="JY40" s="75">
        <v>0</v>
      </c>
      <c r="JZ40" s="76">
        <v>0</v>
      </c>
      <c r="KA40" s="77">
        <v>0</v>
      </c>
      <c r="KB40" s="74">
        <v>0</v>
      </c>
      <c r="KC40" s="75">
        <v>0</v>
      </c>
      <c r="KD40" s="76">
        <v>0</v>
      </c>
      <c r="KE40" s="277"/>
      <c r="KF40" s="75">
        <v>0</v>
      </c>
      <c r="KG40" s="75">
        <v>0</v>
      </c>
      <c r="KH40" s="75">
        <v>0</v>
      </c>
      <c r="KI40" s="75">
        <v>2</v>
      </c>
      <c r="KJ40" s="75">
        <v>2</v>
      </c>
      <c r="KK40" s="76">
        <v>4</v>
      </c>
      <c r="KL40" s="77">
        <v>4</v>
      </c>
    </row>
    <row r="41" spans="1:298" ht="32.25" customHeight="1" x14ac:dyDescent="0.2">
      <c r="B41" s="345" t="s">
        <v>126</v>
      </c>
    </row>
  </sheetData>
  <mergeCells count="36">
    <mergeCell ref="EO5:EY5"/>
    <mergeCell ref="EZ5:FJ5"/>
    <mergeCell ref="A3:A5"/>
    <mergeCell ref="B3:CV3"/>
    <mergeCell ref="CW3:GQ3"/>
    <mergeCell ref="B5:L5"/>
    <mergeCell ref="M5:W5"/>
    <mergeCell ref="X5:AH5"/>
    <mergeCell ref="AI5:AS5"/>
    <mergeCell ref="AT5:BD5"/>
    <mergeCell ref="ED5:EN5"/>
    <mergeCell ref="FV4:GF5"/>
    <mergeCell ref="GG4:GQ5"/>
    <mergeCell ref="BE5:BO5"/>
    <mergeCell ref="CW5:DG5"/>
    <mergeCell ref="IU5:JE5"/>
    <mergeCell ref="GR5:HB5"/>
    <mergeCell ref="HC5:HM5"/>
    <mergeCell ref="HN5:HX5"/>
    <mergeCell ref="JF5:JP5"/>
    <mergeCell ref="E1:F1"/>
    <mergeCell ref="H1:I1"/>
    <mergeCell ref="GR3:KL3"/>
    <mergeCell ref="CL4:CV5"/>
    <mergeCell ref="CW4:FU4"/>
    <mergeCell ref="KB4:KL5"/>
    <mergeCell ref="GR4:JP4"/>
    <mergeCell ref="JQ4:KA5"/>
    <mergeCell ref="DH5:DR5"/>
    <mergeCell ref="DS5:EC5"/>
    <mergeCell ref="HY5:II5"/>
    <mergeCell ref="IJ5:IT5"/>
    <mergeCell ref="BP5:BZ5"/>
    <mergeCell ref="B4:BZ4"/>
    <mergeCell ref="CA4:CK5"/>
    <mergeCell ref="FK5:FU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4" max="40" man="1"/>
    <brk id="67" max="1048575" man="1"/>
    <brk id="100" max="1048575" man="1"/>
    <brk id="133"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H39"/>
  <sheetViews>
    <sheetView zoomScaleNormal="100" zoomScaleSheetLayoutView="75" workbookViewId="0">
      <pane xSplit="1" ySplit="5" topLeftCell="B6" activePane="bottomRight" state="frozen"/>
      <selection activeCell="F37" sqref="F37"/>
      <selection pane="topRight" activeCell="F37" sqref="F37"/>
      <selection pane="bottomLeft" activeCell="F37" sqref="F37"/>
      <selection pane="bottomRight"/>
    </sheetView>
  </sheetViews>
  <sheetFormatPr defaultColWidth="9" defaultRowHeight="9.6" x14ac:dyDescent="0.2"/>
  <cols>
    <col min="1" max="1" width="8.77734375" style="23" customWidth="1"/>
    <col min="2" max="5" width="7.77734375" style="21" customWidth="1"/>
    <col min="6" max="6" width="8.109375" style="21" customWidth="1"/>
    <col min="7" max="7" width="7.44140625" style="21" customWidth="1"/>
    <col min="8" max="8" width="9.109375" style="21" customWidth="1"/>
    <col min="9" max="9" width="7.77734375" style="21" customWidth="1"/>
    <col min="10" max="10" width="8.6640625" style="21" customWidth="1"/>
    <col min="11" max="11" width="9.33203125" style="21" customWidth="1"/>
    <col min="12" max="12" width="8.33203125" style="21" customWidth="1"/>
    <col min="13" max="25" width="7.77734375" style="21" customWidth="1"/>
    <col min="26" max="32" width="7.77734375" style="23" customWidth="1"/>
    <col min="33" max="33" width="9" style="23"/>
    <col min="34" max="34" width="8.6640625" style="23" customWidth="1"/>
    <col min="35" max="16384" width="9" style="23"/>
  </cols>
  <sheetData>
    <row r="1" spans="1:34" ht="20.25" customHeight="1" x14ac:dyDescent="0.2">
      <c r="A1" s="20" t="s">
        <v>134</v>
      </c>
      <c r="E1" s="22"/>
      <c r="F1" s="522">
        <f>第１表!F2</f>
        <v>4</v>
      </c>
      <c r="G1" s="522"/>
      <c r="H1" s="282">
        <f>第１表!G2</f>
        <v>3</v>
      </c>
      <c r="I1" s="523">
        <f>IF(H1&lt;3,H1+12-2,H1-2)</f>
        <v>1</v>
      </c>
      <c r="J1" s="523"/>
    </row>
    <row r="2" spans="1:34" ht="17.25" customHeight="1" thickBot="1" x14ac:dyDescent="0.25">
      <c r="A2" s="326"/>
      <c r="I2" s="24"/>
      <c r="J2" s="24"/>
      <c r="K2" s="24"/>
      <c r="L2" s="24"/>
      <c r="M2" s="24"/>
      <c r="N2" s="24"/>
      <c r="O2" s="25"/>
      <c r="P2" s="25"/>
      <c r="Q2" s="25"/>
    </row>
    <row r="3" spans="1:34" s="44" customFormat="1" ht="19.5" customHeight="1" thickBot="1" x14ac:dyDescent="0.25">
      <c r="A3" s="54"/>
      <c r="B3" s="519" t="s">
        <v>53</v>
      </c>
      <c r="C3" s="520"/>
      <c r="D3" s="520"/>
      <c r="E3" s="520"/>
      <c r="F3" s="520"/>
      <c r="G3" s="520"/>
      <c r="H3" s="520"/>
      <c r="I3" s="520"/>
      <c r="J3" s="520"/>
      <c r="K3" s="520"/>
      <c r="L3" s="521"/>
      <c r="M3" s="519" t="s">
        <v>54</v>
      </c>
      <c r="N3" s="520"/>
      <c r="O3" s="520"/>
      <c r="P3" s="520"/>
      <c r="Q3" s="520"/>
      <c r="R3" s="520"/>
      <c r="S3" s="520"/>
      <c r="T3" s="520"/>
      <c r="U3" s="520"/>
      <c r="V3" s="520"/>
      <c r="W3" s="521"/>
      <c r="X3" s="519" t="s">
        <v>55</v>
      </c>
      <c r="Y3" s="520"/>
      <c r="Z3" s="520"/>
      <c r="AA3" s="520"/>
      <c r="AB3" s="520"/>
      <c r="AC3" s="520"/>
      <c r="AD3" s="520"/>
      <c r="AE3" s="520"/>
      <c r="AF3" s="520"/>
      <c r="AG3" s="520"/>
      <c r="AH3" s="521"/>
    </row>
    <row r="4" spans="1:34" s="44" customFormat="1" ht="29.25" customHeight="1" thickBot="1" x14ac:dyDescent="0.25">
      <c r="A4" s="54" t="s">
        <v>42</v>
      </c>
      <c r="B4" s="55" t="s">
        <v>43</v>
      </c>
      <c r="C4" s="56" t="s">
        <v>44</v>
      </c>
      <c r="D4" s="57" t="s">
        <v>45</v>
      </c>
      <c r="E4" s="58" t="s">
        <v>46</v>
      </c>
      <c r="F4" s="56" t="s">
        <v>47</v>
      </c>
      <c r="G4" s="56" t="s">
        <v>48</v>
      </c>
      <c r="H4" s="56" t="s">
        <v>49</v>
      </c>
      <c r="I4" s="56" t="s">
        <v>50</v>
      </c>
      <c r="J4" s="56" t="s">
        <v>51</v>
      </c>
      <c r="K4" s="57" t="s">
        <v>45</v>
      </c>
      <c r="L4" s="45" t="s">
        <v>52</v>
      </c>
      <c r="M4" s="55" t="s">
        <v>43</v>
      </c>
      <c r="N4" s="56" t="s">
        <v>44</v>
      </c>
      <c r="O4" s="57" t="s">
        <v>45</v>
      </c>
      <c r="P4" s="58" t="s">
        <v>46</v>
      </c>
      <c r="Q4" s="56" t="s">
        <v>47</v>
      </c>
      <c r="R4" s="56" t="s">
        <v>48</v>
      </c>
      <c r="S4" s="56" t="s">
        <v>49</v>
      </c>
      <c r="T4" s="56" t="s">
        <v>50</v>
      </c>
      <c r="U4" s="56" t="s">
        <v>51</v>
      </c>
      <c r="V4" s="57" t="s">
        <v>45</v>
      </c>
      <c r="W4" s="45" t="s">
        <v>52</v>
      </c>
      <c r="X4" s="55" t="s">
        <v>43</v>
      </c>
      <c r="Y4" s="56" t="s">
        <v>44</v>
      </c>
      <c r="Z4" s="57" t="s">
        <v>45</v>
      </c>
      <c r="AA4" s="58" t="s">
        <v>46</v>
      </c>
      <c r="AB4" s="56" t="s">
        <v>47</v>
      </c>
      <c r="AC4" s="56" t="s">
        <v>48</v>
      </c>
      <c r="AD4" s="56" t="s">
        <v>49</v>
      </c>
      <c r="AE4" s="56" t="s">
        <v>50</v>
      </c>
      <c r="AF4" s="56" t="s">
        <v>51</v>
      </c>
      <c r="AG4" s="57" t="s">
        <v>45</v>
      </c>
      <c r="AH4" s="45" t="s">
        <v>52</v>
      </c>
    </row>
    <row r="5" spans="1:34" ht="19.5" customHeight="1" x14ac:dyDescent="0.2">
      <c r="A5" s="46" t="s">
        <v>4</v>
      </c>
      <c r="B5" s="242">
        <v>15672</v>
      </c>
      <c r="C5" s="243">
        <v>27870</v>
      </c>
      <c r="D5" s="244">
        <v>43542</v>
      </c>
      <c r="E5" s="239">
        <v>0</v>
      </c>
      <c r="F5" s="243">
        <v>58372</v>
      </c>
      <c r="G5" s="243">
        <v>58798</v>
      </c>
      <c r="H5" s="243">
        <v>33922</v>
      </c>
      <c r="I5" s="243">
        <v>26257</v>
      </c>
      <c r="J5" s="243">
        <v>15772</v>
      </c>
      <c r="K5" s="244">
        <v>193121</v>
      </c>
      <c r="L5" s="245">
        <v>236663</v>
      </c>
      <c r="M5" s="246">
        <v>261</v>
      </c>
      <c r="N5" s="243">
        <v>795</v>
      </c>
      <c r="O5" s="244">
        <v>1056</v>
      </c>
      <c r="P5" s="239">
        <v>0</v>
      </c>
      <c r="Q5" s="243">
        <v>1021</v>
      </c>
      <c r="R5" s="243">
        <v>1823</v>
      </c>
      <c r="S5" s="243">
        <v>956</v>
      </c>
      <c r="T5" s="243">
        <v>765</v>
      </c>
      <c r="U5" s="243">
        <v>735</v>
      </c>
      <c r="V5" s="244">
        <v>5300</v>
      </c>
      <c r="W5" s="245">
        <v>6356</v>
      </c>
      <c r="X5" s="242">
        <v>15933</v>
      </c>
      <c r="Y5" s="243">
        <v>28665</v>
      </c>
      <c r="Z5" s="244">
        <v>44598</v>
      </c>
      <c r="AA5" s="239">
        <v>0</v>
      </c>
      <c r="AB5" s="243">
        <v>59393</v>
      </c>
      <c r="AC5" s="243">
        <v>60621</v>
      </c>
      <c r="AD5" s="243">
        <v>34878</v>
      </c>
      <c r="AE5" s="243">
        <v>27022</v>
      </c>
      <c r="AF5" s="243">
        <v>16507</v>
      </c>
      <c r="AG5" s="244">
        <v>198421</v>
      </c>
      <c r="AH5" s="245">
        <v>243019</v>
      </c>
    </row>
    <row r="6" spans="1:34" ht="19.5" customHeight="1" x14ac:dyDescent="0.2">
      <c r="A6" s="49" t="s">
        <v>5</v>
      </c>
      <c r="B6" s="247">
        <v>5785</v>
      </c>
      <c r="C6" s="248">
        <v>12180</v>
      </c>
      <c r="D6" s="249">
        <v>17965</v>
      </c>
      <c r="E6" s="240">
        <v>0</v>
      </c>
      <c r="F6" s="248">
        <v>15665</v>
      </c>
      <c r="G6" s="248">
        <v>22519</v>
      </c>
      <c r="H6" s="248">
        <v>11230</v>
      </c>
      <c r="I6" s="248">
        <v>8749</v>
      </c>
      <c r="J6" s="248">
        <v>5277</v>
      </c>
      <c r="K6" s="249">
        <v>63440</v>
      </c>
      <c r="L6" s="250">
        <v>81405</v>
      </c>
      <c r="M6" s="251">
        <v>110</v>
      </c>
      <c r="N6" s="248">
        <v>317</v>
      </c>
      <c r="O6" s="249">
        <v>427</v>
      </c>
      <c r="P6" s="240">
        <v>0</v>
      </c>
      <c r="Q6" s="248">
        <v>232</v>
      </c>
      <c r="R6" s="248">
        <v>741</v>
      </c>
      <c r="S6" s="248">
        <v>363</v>
      </c>
      <c r="T6" s="248">
        <v>301</v>
      </c>
      <c r="U6" s="248">
        <v>295</v>
      </c>
      <c r="V6" s="249">
        <v>1932</v>
      </c>
      <c r="W6" s="250">
        <v>2359</v>
      </c>
      <c r="X6" s="247">
        <v>5895</v>
      </c>
      <c r="Y6" s="248">
        <v>12497</v>
      </c>
      <c r="Z6" s="249">
        <v>18392</v>
      </c>
      <c r="AA6" s="240">
        <v>0</v>
      </c>
      <c r="AB6" s="248">
        <v>15897</v>
      </c>
      <c r="AC6" s="248">
        <v>23260</v>
      </c>
      <c r="AD6" s="248">
        <v>11593</v>
      </c>
      <c r="AE6" s="248">
        <v>9050</v>
      </c>
      <c r="AF6" s="248">
        <v>5572</v>
      </c>
      <c r="AG6" s="249">
        <v>65372</v>
      </c>
      <c r="AH6" s="250">
        <v>83764</v>
      </c>
    </row>
    <row r="7" spans="1:34" ht="19.5" customHeight="1" x14ac:dyDescent="0.2">
      <c r="A7" s="49" t="s">
        <v>6</v>
      </c>
      <c r="B7" s="247">
        <v>2222</v>
      </c>
      <c r="C7" s="248">
        <v>3415</v>
      </c>
      <c r="D7" s="249">
        <v>5637</v>
      </c>
      <c r="E7" s="240">
        <v>0</v>
      </c>
      <c r="F7" s="248">
        <v>10492</v>
      </c>
      <c r="G7" s="248">
        <v>8393</v>
      </c>
      <c r="H7" s="248">
        <v>5475</v>
      </c>
      <c r="I7" s="248">
        <v>4596</v>
      </c>
      <c r="J7" s="248">
        <v>2793</v>
      </c>
      <c r="K7" s="249">
        <v>31749</v>
      </c>
      <c r="L7" s="250">
        <v>37386</v>
      </c>
      <c r="M7" s="251">
        <v>46</v>
      </c>
      <c r="N7" s="248">
        <v>119</v>
      </c>
      <c r="O7" s="249">
        <v>165</v>
      </c>
      <c r="P7" s="240">
        <v>0</v>
      </c>
      <c r="Q7" s="248">
        <v>220</v>
      </c>
      <c r="R7" s="248">
        <v>269</v>
      </c>
      <c r="S7" s="248">
        <v>161</v>
      </c>
      <c r="T7" s="248">
        <v>134</v>
      </c>
      <c r="U7" s="248">
        <v>125</v>
      </c>
      <c r="V7" s="249">
        <v>909</v>
      </c>
      <c r="W7" s="250">
        <v>1074</v>
      </c>
      <c r="X7" s="247">
        <v>2268</v>
      </c>
      <c r="Y7" s="248">
        <v>3534</v>
      </c>
      <c r="Z7" s="249">
        <v>5802</v>
      </c>
      <c r="AA7" s="240">
        <v>0</v>
      </c>
      <c r="AB7" s="248">
        <v>10712</v>
      </c>
      <c r="AC7" s="248">
        <v>8662</v>
      </c>
      <c r="AD7" s="248">
        <v>5636</v>
      </c>
      <c r="AE7" s="248">
        <v>4730</v>
      </c>
      <c r="AF7" s="248">
        <v>2918</v>
      </c>
      <c r="AG7" s="249">
        <v>32658</v>
      </c>
      <c r="AH7" s="250">
        <v>38460</v>
      </c>
    </row>
    <row r="8" spans="1:34" ht="19.5" customHeight="1" x14ac:dyDescent="0.2">
      <c r="A8" s="49" t="s">
        <v>14</v>
      </c>
      <c r="B8" s="247">
        <v>1107</v>
      </c>
      <c r="C8" s="248">
        <v>2590</v>
      </c>
      <c r="D8" s="249">
        <v>3697</v>
      </c>
      <c r="E8" s="240">
        <v>0</v>
      </c>
      <c r="F8" s="248">
        <v>4450</v>
      </c>
      <c r="G8" s="248">
        <v>5018</v>
      </c>
      <c r="H8" s="248">
        <v>3236</v>
      </c>
      <c r="I8" s="248">
        <v>2368</v>
      </c>
      <c r="J8" s="248">
        <v>1273</v>
      </c>
      <c r="K8" s="249">
        <v>16345</v>
      </c>
      <c r="L8" s="250">
        <v>20042</v>
      </c>
      <c r="M8" s="251">
        <v>18</v>
      </c>
      <c r="N8" s="248">
        <v>86</v>
      </c>
      <c r="O8" s="249">
        <v>104</v>
      </c>
      <c r="P8" s="240">
        <v>0</v>
      </c>
      <c r="Q8" s="248">
        <v>58</v>
      </c>
      <c r="R8" s="248">
        <v>151</v>
      </c>
      <c r="S8" s="248">
        <v>86</v>
      </c>
      <c r="T8" s="248">
        <v>70</v>
      </c>
      <c r="U8" s="248">
        <v>62</v>
      </c>
      <c r="V8" s="249">
        <v>427</v>
      </c>
      <c r="W8" s="250">
        <v>531</v>
      </c>
      <c r="X8" s="247">
        <v>1125</v>
      </c>
      <c r="Y8" s="248">
        <v>2676</v>
      </c>
      <c r="Z8" s="249">
        <v>3801</v>
      </c>
      <c r="AA8" s="240">
        <v>0</v>
      </c>
      <c r="AB8" s="248">
        <v>4508</v>
      </c>
      <c r="AC8" s="248">
        <v>5169</v>
      </c>
      <c r="AD8" s="248">
        <v>3322</v>
      </c>
      <c r="AE8" s="248">
        <v>2438</v>
      </c>
      <c r="AF8" s="248">
        <v>1335</v>
      </c>
      <c r="AG8" s="249">
        <v>16772</v>
      </c>
      <c r="AH8" s="250">
        <v>20573</v>
      </c>
    </row>
    <row r="9" spans="1:34" ht="19.5" customHeight="1" x14ac:dyDescent="0.2">
      <c r="A9" s="49" t="s">
        <v>7</v>
      </c>
      <c r="B9" s="247">
        <v>486</v>
      </c>
      <c r="C9" s="248">
        <v>786</v>
      </c>
      <c r="D9" s="249">
        <v>1272</v>
      </c>
      <c r="E9" s="240">
        <v>0</v>
      </c>
      <c r="F9" s="248">
        <v>4842</v>
      </c>
      <c r="G9" s="248">
        <v>3445</v>
      </c>
      <c r="H9" s="248">
        <v>1996</v>
      </c>
      <c r="I9" s="248">
        <v>1505</v>
      </c>
      <c r="J9" s="248">
        <v>847</v>
      </c>
      <c r="K9" s="249">
        <v>12635</v>
      </c>
      <c r="L9" s="250">
        <v>13907</v>
      </c>
      <c r="M9" s="251">
        <v>6</v>
      </c>
      <c r="N9" s="248">
        <v>9</v>
      </c>
      <c r="O9" s="249">
        <v>15</v>
      </c>
      <c r="P9" s="240">
        <v>0</v>
      </c>
      <c r="Q9" s="248">
        <v>90</v>
      </c>
      <c r="R9" s="248">
        <v>95</v>
      </c>
      <c r="S9" s="248">
        <v>49</v>
      </c>
      <c r="T9" s="248">
        <v>27</v>
      </c>
      <c r="U9" s="248">
        <v>31</v>
      </c>
      <c r="V9" s="249">
        <v>292</v>
      </c>
      <c r="W9" s="250">
        <v>307</v>
      </c>
      <c r="X9" s="247">
        <v>492</v>
      </c>
      <c r="Y9" s="248">
        <v>795</v>
      </c>
      <c r="Z9" s="249">
        <v>1287</v>
      </c>
      <c r="AA9" s="240">
        <v>0</v>
      </c>
      <c r="AB9" s="248">
        <v>4932</v>
      </c>
      <c r="AC9" s="248">
        <v>3540</v>
      </c>
      <c r="AD9" s="248">
        <v>2045</v>
      </c>
      <c r="AE9" s="248">
        <v>1532</v>
      </c>
      <c r="AF9" s="248">
        <v>878</v>
      </c>
      <c r="AG9" s="249">
        <v>12927</v>
      </c>
      <c r="AH9" s="250">
        <v>14214</v>
      </c>
    </row>
    <row r="10" spans="1:34" ht="19.5" customHeight="1" x14ac:dyDescent="0.2">
      <c r="A10" s="49" t="s">
        <v>8</v>
      </c>
      <c r="B10" s="247">
        <v>496</v>
      </c>
      <c r="C10" s="248">
        <v>586</v>
      </c>
      <c r="D10" s="249">
        <v>1082</v>
      </c>
      <c r="E10" s="240">
        <v>0</v>
      </c>
      <c r="F10" s="248">
        <v>1957</v>
      </c>
      <c r="G10" s="248">
        <v>2001</v>
      </c>
      <c r="H10" s="248">
        <v>1199</v>
      </c>
      <c r="I10" s="248">
        <v>812</v>
      </c>
      <c r="J10" s="248">
        <v>520</v>
      </c>
      <c r="K10" s="249">
        <v>6489</v>
      </c>
      <c r="L10" s="250">
        <v>7571</v>
      </c>
      <c r="M10" s="251">
        <v>4</v>
      </c>
      <c r="N10" s="248">
        <v>29</v>
      </c>
      <c r="O10" s="249">
        <v>33</v>
      </c>
      <c r="P10" s="240">
        <v>0</v>
      </c>
      <c r="Q10" s="248">
        <v>34</v>
      </c>
      <c r="R10" s="248">
        <v>59</v>
      </c>
      <c r="S10" s="248">
        <v>29</v>
      </c>
      <c r="T10" s="248">
        <v>19</v>
      </c>
      <c r="U10" s="248">
        <v>22</v>
      </c>
      <c r="V10" s="249">
        <v>163</v>
      </c>
      <c r="W10" s="250">
        <v>196</v>
      </c>
      <c r="X10" s="247">
        <v>500</v>
      </c>
      <c r="Y10" s="248">
        <v>615</v>
      </c>
      <c r="Z10" s="249">
        <v>1115</v>
      </c>
      <c r="AA10" s="240">
        <v>0</v>
      </c>
      <c r="AB10" s="248">
        <v>1991</v>
      </c>
      <c r="AC10" s="248">
        <v>2060</v>
      </c>
      <c r="AD10" s="248">
        <v>1228</v>
      </c>
      <c r="AE10" s="248">
        <v>831</v>
      </c>
      <c r="AF10" s="248">
        <v>542</v>
      </c>
      <c r="AG10" s="249">
        <v>6652</v>
      </c>
      <c r="AH10" s="250">
        <v>7767</v>
      </c>
    </row>
    <row r="11" spans="1:34" ht="19.5" customHeight="1" x14ac:dyDescent="0.2">
      <c r="A11" s="49" t="s">
        <v>9</v>
      </c>
      <c r="B11" s="247">
        <v>464</v>
      </c>
      <c r="C11" s="248">
        <v>580</v>
      </c>
      <c r="D11" s="249">
        <v>1044</v>
      </c>
      <c r="E11" s="240">
        <v>0</v>
      </c>
      <c r="F11" s="248">
        <v>1881</v>
      </c>
      <c r="G11" s="248">
        <v>1471</v>
      </c>
      <c r="H11" s="248">
        <v>1013</v>
      </c>
      <c r="I11" s="248">
        <v>824</v>
      </c>
      <c r="J11" s="248">
        <v>518</v>
      </c>
      <c r="K11" s="249">
        <v>5707</v>
      </c>
      <c r="L11" s="250">
        <v>6751</v>
      </c>
      <c r="M11" s="251">
        <v>2</v>
      </c>
      <c r="N11" s="248">
        <v>8</v>
      </c>
      <c r="O11" s="249">
        <v>10</v>
      </c>
      <c r="P11" s="240">
        <v>0</v>
      </c>
      <c r="Q11" s="248">
        <v>22</v>
      </c>
      <c r="R11" s="248">
        <v>33</v>
      </c>
      <c r="S11" s="248">
        <v>17</v>
      </c>
      <c r="T11" s="248">
        <v>17</v>
      </c>
      <c r="U11" s="248">
        <v>11</v>
      </c>
      <c r="V11" s="249">
        <v>100</v>
      </c>
      <c r="W11" s="250">
        <v>110</v>
      </c>
      <c r="X11" s="247">
        <v>466</v>
      </c>
      <c r="Y11" s="248">
        <v>588</v>
      </c>
      <c r="Z11" s="249">
        <v>1054</v>
      </c>
      <c r="AA11" s="240">
        <v>0</v>
      </c>
      <c r="AB11" s="248">
        <v>1903</v>
      </c>
      <c r="AC11" s="248">
        <v>1504</v>
      </c>
      <c r="AD11" s="248">
        <v>1030</v>
      </c>
      <c r="AE11" s="248">
        <v>841</v>
      </c>
      <c r="AF11" s="248">
        <v>529</v>
      </c>
      <c r="AG11" s="249">
        <v>5807</v>
      </c>
      <c r="AH11" s="250">
        <v>6861</v>
      </c>
    </row>
    <row r="12" spans="1:34" ht="19.5" customHeight="1" x14ac:dyDescent="0.2">
      <c r="A12" s="49" t="s">
        <v>10</v>
      </c>
      <c r="B12" s="247">
        <v>1245</v>
      </c>
      <c r="C12" s="248">
        <v>1607</v>
      </c>
      <c r="D12" s="249">
        <v>2852</v>
      </c>
      <c r="E12" s="240">
        <v>0</v>
      </c>
      <c r="F12" s="248">
        <v>3877</v>
      </c>
      <c r="G12" s="248">
        <v>2281</v>
      </c>
      <c r="H12" s="248">
        <v>1441</v>
      </c>
      <c r="I12" s="248">
        <v>1153</v>
      </c>
      <c r="J12" s="248">
        <v>819</v>
      </c>
      <c r="K12" s="249">
        <v>9571</v>
      </c>
      <c r="L12" s="250">
        <v>12423</v>
      </c>
      <c r="M12" s="251">
        <v>22</v>
      </c>
      <c r="N12" s="248">
        <v>49</v>
      </c>
      <c r="O12" s="249">
        <v>71</v>
      </c>
      <c r="P12" s="240">
        <v>0</v>
      </c>
      <c r="Q12" s="248">
        <v>84</v>
      </c>
      <c r="R12" s="248">
        <v>74</v>
      </c>
      <c r="S12" s="248">
        <v>45</v>
      </c>
      <c r="T12" s="248">
        <v>26</v>
      </c>
      <c r="U12" s="248">
        <v>34</v>
      </c>
      <c r="V12" s="249">
        <v>263</v>
      </c>
      <c r="W12" s="250">
        <v>334</v>
      </c>
      <c r="X12" s="247">
        <v>1267</v>
      </c>
      <c r="Y12" s="248">
        <v>1656</v>
      </c>
      <c r="Z12" s="249">
        <v>2923</v>
      </c>
      <c r="AA12" s="240">
        <v>0</v>
      </c>
      <c r="AB12" s="248">
        <v>3961</v>
      </c>
      <c r="AC12" s="248">
        <v>2355</v>
      </c>
      <c r="AD12" s="248">
        <v>1486</v>
      </c>
      <c r="AE12" s="248">
        <v>1179</v>
      </c>
      <c r="AF12" s="248">
        <v>853</v>
      </c>
      <c r="AG12" s="249">
        <v>9834</v>
      </c>
      <c r="AH12" s="250">
        <v>12757</v>
      </c>
    </row>
    <row r="13" spans="1:34" ht="19.5" customHeight="1" x14ac:dyDescent="0.2">
      <c r="A13" s="49" t="s">
        <v>11</v>
      </c>
      <c r="B13" s="247">
        <v>543</v>
      </c>
      <c r="C13" s="248">
        <v>570</v>
      </c>
      <c r="D13" s="249">
        <v>1113</v>
      </c>
      <c r="E13" s="240">
        <v>0</v>
      </c>
      <c r="F13" s="248">
        <v>2159</v>
      </c>
      <c r="G13" s="248">
        <v>1275</v>
      </c>
      <c r="H13" s="248">
        <v>860</v>
      </c>
      <c r="I13" s="248">
        <v>674</v>
      </c>
      <c r="J13" s="248">
        <v>400</v>
      </c>
      <c r="K13" s="249">
        <v>5368</v>
      </c>
      <c r="L13" s="250">
        <v>6481</v>
      </c>
      <c r="M13" s="251">
        <v>6</v>
      </c>
      <c r="N13" s="248">
        <v>7</v>
      </c>
      <c r="O13" s="249">
        <v>13</v>
      </c>
      <c r="P13" s="240">
        <v>0</v>
      </c>
      <c r="Q13" s="248">
        <v>37</v>
      </c>
      <c r="R13" s="248">
        <v>34</v>
      </c>
      <c r="S13" s="248">
        <v>17</v>
      </c>
      <c r="T13" s="248">
        <v>15</v>
      </c>
      <c r="U13" s="248">
        <v>13</v>
      </c>
      <c r="V13" s="249">
        <v>116</v>
      </c>
      <c r="W13" s="250">
        <v>129</v>
      </c>
      <c r="X13" s="247">
        <v>549</v>
      </c>
      <c r="Y13" s="248">
        <v>577</v>
      </c>
      <c r="Z13" s="249">
        <v>1126</v>
      </c>
      <c r="AA13" s="240">
        <v>0</v>
      </c>
      <c r="AB13" s="248">
        <v>2196</v>
      </c>
      <c r="AC13" s="248">
        <v>1309</v>
      </c>
      <c r="AD13" s="248">
        <v>877</v>
      </c>
      <c r="AE13" s="248">
        <v>689</v>
      </c>
      <c r="AF13" s="248">
        <v>413</v>
      </c>
      <c r="AG13" s="249">
        <v>5484</v>
      </c>
      <c r="AH13" s="250">
        <v>6610</v>
      </c>
    </row>
    <row r="14" spans="1:34" ht="19.5" customHeight="1" x14ac:dyDescent="0.2">
      <c r="A14" s="49" t="s">
        <v>12</v>
      </c>
      <c r="B14" s="247">
        <v>726</v>
      </c>
      <c r="C14" s="248">
        <v>995</v>
      </c>
      <c r="D14" s="249">
        <v>1721</v>
      </c>
      <c r="E14" s="240">
        <v>0</v>
      </c>
      <c r="F14" s="248">
        <v>1618</v>
      </c>
      <c r="G14" s="248">
        <v>1343</v>
      </c>
      <c r="H14" s="248">
        <v>927</v>
      </c>
      <c r="I14" s="248">
        <v>807</v>
      </c>
      <c r="J14" s="248">
        <v>498</v>
      </c>
      <c r="K14" s="249">
        <v>5193</v>
      </c>
      <c r="L14" s="250">
        <v>6914</v>
      </c>
      <c r="M14" s="251">
        <v>10</v>
      </c>
      <c r="N14" s="248">
        <v>28</v>
      </c>
      <c r="O14" s="249">
        <v>38</v>
      </c>
      <c r="P14" s="240">
        <v>0</v>
      </c>
      <c r="Q14" s="248">
        <v>16</v>
      </c>
      <c r="R14" s="248">
        <v>30</v>
      </c>
      <c r="S14" s="248">
        <v>16</v>
      </c>
      <c r="T14" s="248">
        <v>22</v>
      </c>
      <c r="U14" s="248">
        <v>16</v>
      </c>
      <c r="V14" s="249">
        <v>100</v>
      </c>
      <c r="W14" s="250">
        <v>138</v>
      </c>
      <c r="X14" s="247">
        <v>736</v>
      </c>
      <c r="Y14" s="248">
        <v>1023</v>
      </c>
      <c r="Z14" s="249">
        <v>1759</v>
      </c>
      <c r="AA14" s="240">
        <v>0</v>
      </c>
      <c r="AB14" s="248">
        <v>1634</v>
      </c>
      <c r="AC14" s="248">
        <v>1373</v>
      </c>
      <c r="AD14" s="248">
        <v>943</v>
      </c>
      <c r="AE14" s="248">
        <v>829</v>
      </c>
      <c r="AF14" s="248">
        <v>514</v>
      </c>
      <c r="AG14" s="249">
        <v>5293</v>
      </c>
      <c r="AH14" s="250">
        <v>7052</v>
      </c>
    </row>
    <row r="15" spans="1:34" ht="19.5" customHeight="1" x14ac:dyDescent="0.2">
      <c r="A15" s="49" t="s">
        <v>13</v>
      </c>
      <c r="B15" s="247">
        <v>118</v>
      </c>
      <c r="C15" s="248">
        <v>221</v>
      </c>
      <c r="D15" s="249">
        <v>339</v>
      </c>
      <c r="E15" s="240">
        <v>0</v>
      </c>
      <c r="F15" s="248">
        <v>625</v>
      </c>
      <c r="G15" s="248">
        <v>629</v>
      </c>
      <c r="H15" s="248">
        <v>399</v>
      </c>
      <c r="I15" s="248">
        <v>302</v>
      </c>
      <c r="J15" s="248">
        <v>206</v>
      </c>
      <c r="K15" s="249">
        <v>2161</v>
      </c>
      <c r="L15" s="250">
        <v>2500</v>
      </c>
      <c r="M15" s="251">
        <v>0</v>
      </c>
      <c r="N15" s="248">
        <v>1</v>
      </c>
      <c r="O15" s="249">
        <v>1</v>
      </c>
      <c r="P15" s="240">
        <v>0</v>
      </c>
      <c r="Q15" s="248">
        <v>11</v>
      </c>
      <c r="R15" s="248">
        <v>15</v>
      </c>
      <c r="S15" s="248">
        <v>7</v>
      </c>
      <c r="T15" s="248">
        <v>5</v>
      </c>
      <c r="U15" s="248">
        <v>9</v>
      </c>
      <c r="V15" s="249">
        <v>47</v>
      </c>
      <c r="W15" s="250">
        <v>48</v>
      </c>
      <c r="X15" s="247">
        <v>118</v>
      </c>
      <c r="Y15" s="248">
        <v>222</v>
      </c>
      <c r="Z15" s="249">
        <v>340</v>
      </c>
      <c r="AA15" s="240">
        <v>0</v>
      </c>
      <c r="AB15" s="248">
        <v>636</v>
      </c>
      <c r="AC15" s="248">
        <v>644</v>
      </c>
      <c r="AD15" s="248">
        <v>406</v>
      </c>
      <c r="AE15" s="248">
        <v>307</v>
      </c>
      <c r="AF15" s="248">
        <v>215</v>
      </c>
      <c r="AG15" s="249">
        <v>2208</v>
      </c>
      <c r="AH15" s="250">
        <v>2548</v>
      </c>
    </row>
    <row r="16" spans="1:34" ht="19.5" customHeight="1" x14ac:dyDescent="0.2">
      <c r="A16" s="49" t="s">
        <v>15</v>
      </c>
      <c r="B16" s="247">
        <v>80</v>
      </c>
      <c r="C16" s="248">
        <v>176</v>
      </c>
      <c r="D16" s="249">
        <v>256</v>
      </c>
      <c r="E16" s="240">
        <v>0</v>
      </c>
      <c r="F16" s="248">
        <v>477</v>
      </c>
      <c r="G16" s="248">
        <v>548</v>
      </c>
      <c r="H16" s="248">
        <v>290</v>
      </c>
      <c r="I16" s="248">
        <v>201</v>
      </c>
      <c r="J16" s="248">
        <v>110</v>
      </c>
      <c r="K16" s="249">
        <v>1626</v>
      </c>
      <c r="L16" s="250">
        <v>1882</v>
      </c>
      <c r="M16" s="251">
        <v>0</v>
      </c>
      <c r="N16" s="248">
        <v>6</v>
      </c>
      <c r="O16" s="249">
        <v>6</v>
      </c>
      <c r="P16" s="240">
        <v>0</v>
      </c>
      <c r="Q16" s="248">
        <v>5</v>
      </c>
      <c r="R16" s="248">
        <v>15</v>
      </c>
      <c r="S16" s="248">
        <v>4</v>
      </c>
      <c r="T16" s="248">
        <v>1</v>
      </c>
      <c r="U16" s="248">
        <v>8</v>
      </c>
      <c r="V16" s="249">
        <v>33</v>
      </c>
      <c r="W16" s="250">
        <v>39</v>
      </c>
      <c r="X16" s="247">
        <v>80</v>
      </c>
      <c r="Y16" s="248">
        <v>182</v>
      </c>
      <c r="Z16" s="249">
        <v>262</v>
      </c>
      <c r="AA16" s="240">
        <v>0</v>
      </c>
      <c r="AB16" s="248">
        <v>482</v>
      </c>
      <c r="AC16" s="248">
        <v>563</v>
      </c>
      <c r="AD16" s="248">
        <v>294</v>
      </c>
      <c r="AE16" s="248">
        <v>202</v>
      </c>
      <c r="AF16" s="248">
        <v>118</v>
      </c>
      <c r="AG16" s="249">
        <v>1659</v>
      </c>
      <c r="AH16" s="250">
        <v>1921</v>
      </c>
    </row>
    <row r="17" spans="1:34" ht="19.5" customHeight="1" x14ac:dyDescent="0.2">
      <c r="A17" s="49" t="s">
        <v>16</v>
      </c>
      <c r="B17" s="247">
        <v>245</v>
      </c>
      <c r="C17" s="248">
        <v>391</v>
      </c>
      <c r="D17" s="249">
        <v>636</v>
      </c>
      <c r="E17" s="240">
        <v>0</v>
      </c>
      <c r="F17" s="248">
        <v>963</v>
      </c>
      <c r="G17" s="248">
        <v>1248</v>
      </c>
      <c r="H17" s="248">
        <v>735</v>
      </c>
      <c r="I17" s="248">
        <v>504</v>
      </c>
      <c r="J17" s="248">
        <v>326</v>
      </c>
      <c r="K17" s="249">
        <v>3776</v>
      </c>
      <c r="L17" s="250">
        <v>4412</v>
      </c>
      <c r="M17" s="251">
        <v>4</v>
      </c>
      <c r="N17" s="248">
        <v>11</v>
      </c>
      <c r="O17" s="249">
        <v>15</v>
      </c>
      <c r="P17" s="240">
        <v>0</v>
      </c>
      <c r="Q17" s="248">
        <v>14</v>
      </c>
      <c r="R17" s="248">
        <v>36</v>
      </c>
      <c r="S17" s="248">
        <v>20</v>
      </c>
      <c r="T17" s="248">
        <v>15</v>
      </c>
      <c r="U17" s="248">
        <v>12</v>
      </c>
      <c r="V17" s="249">
        <v>97</v>
      </c>
      <c r="W17" s="250">
        <v>112</v>
      </c>
      <c r="X17" s="247">
        <v>249</v>
      </c>
      <c r="Y17" s="248">
        <v>402</v>
      </c>
      <c r="Z17" s="249">
        <v>651</v>
      </c>
      <c r="AA17" s="240">
        <v>0</v>
      </c>
      <c r="AB17" s="248">
        <v>977</v>
      </c>
      <c r="AC17" s="248">
        <v>1284</v>
      </c>
      <c r="AD17" s="248">
        <v>755</v>
      </c>
      <c r="AE17" s="248">
        <v>519</v>
      </c>
      <c r="AF17" s="248">
        <v>338</v>
      </c>
      <c r="AG17" s="249">
        <v>3873</v>
      </c>
      <c r="AH17" s="250">
        <v>4524</v>
      </c>
    </row>
    <row r="18" spans="1:34" ht="19.5" customHeight="1" x14ac:dyDescent="0.2">
      <c r="A18" s="49" t="s">
        <v>17</v>
      </c>
      <c r="B18" s="247">
        <v>285</v>
      </c>
      <c r="C18" s="248">
        <v>602</v>
      </c>
      <c r="D18" s="249">
        <v>887</v>
      </c>
      <c r="E18" s="240">
        <v>0</v>
      </c>
      <c r="F18" s="248">
        <v>1118</v>
      </c>
      <c r="G18" s="248">
        <v>1573</v>
      </c>
      <c r="H18" s="248">
        <v>903</v>
      </c>
      <c r="I18" s="248">
        <v>702</v>
      </c>
      <c r="J18" s="248">
        <v>414</v>
      </c>
      <c r="K18" s="249">
        <v>4710</v>
      </c>
      <c r="L18" s="250">
        <v>5597</v>
      </c>
      <c r="M18" s="251">
        <v>2</v>
      </c>
      <c r="N18" s="248">
        <v>29</v>
      </c>
      <c r="O18" s="249">
        <v>31</v>
      </c>
      <c r="P18" s="240">
        <v>0</v>
      </c>
      <c r="Q18" s="248">
        <v>13</v>
      </c>
      <c r="R18" s="248">
        <v>57</v>
      </c>
      <c r="S18" s="248">
        <v>38</v>
      </c>
      <c r="T18" s="248">
        <v>25</v>
      </c>
      <c r="U18" s="248">
        <v>18</v>
      </c>
      <c r="V18" s="249">
        <v>151</v>
      </c>
      <c r="W18" s="250">
        <v>182</v>
      </c>
      <c r="X18" s="247">
        <v>287</v>
      </c>
      <c r="Y18" s="248">
        <v>631</v>
      </c>
      <c r="Z18" s="249">
        <v>918</v>
      </c>
      <c r="AA18" s="240">
        <v>0</v>
      </c>
      <c r="AB18" s="248">
        <v>1131</v>
      </c>
      <c r="AC18" s="248">
        <v>1630</v>
      </c>
      <c r="AD18" s="248">
        <v>941</v>
      </c>
      <c r="AE18" s="248">
        <v>727</v>
      </c>
      <c r="AF18" s="248">
        <v>432</v>
      </c>
      <c r="AG18" s="249">
        <v>4861</v>
      </c>
      <c r="AH18" s="250">
        <v>5779</v>
      </c>
    </row>
    <row r="19" spans="1:34" ht="19.5" customHeight="1" x14ac:dyDescent="0.2">
      <c r="A19" s="49" t="s">
        <v>18</v>
      </c>
      <c r="B19" s="247">
        <v>330</v>
      </c>
      <c r="C19" s="248">
        <v>618</v>
      </c>
      <c r="D19" s="249">
        <v>948</v>
      </c>
      <c r="E19" s="240">
        <v>0</v>
      </c>
      <c r="F19" s="248">
        <v>1766</v>
      </c>
      <c r="G19" s="248">
        <v>1619</v>
      </c>
      <c r="H19" s="248">
        <v>989</v>
      </c>
      <c r="I19" s="248">
        <v>691</v>
      </c>
      <c r="J19" s="248">
        <v>392</v>
      </c>
      <c r="K19" s="249">
        <v>5457</v>
      </c>
      <c r="L19" s="250">
        <v>6405</v>
      </c>
      <c r="M19" s="251">
        <v>9</v>
      </c>
      <c r="N19" s="248">
        <v>19</v>
      </c>
      <c r="O19" s="249">
        <v>28</v>
      </c>
      <c r="P19" s="240">
        <v>0</v>
      </c>
      <c r="Q19" s="248">
        <v>50</v>
      </c>
      <c r="R19" s="248">
        <v>56</v>
      </c>
      <c r="S19" s="248">
        <v>37</v>
      </c>
      <c r="T19" s="248">
        <v>23</v>
      </c>
      <c r="U19" s="248">
        <v>22</v>
      </c>
      <c r="V19" s="249">
        <v>188</v>
      </c>
      <c r="W19" s="250">
        <v>216</v>
      </c>
      <c r="X19" s="247">
        <v>339</v>
      </c>
      <c r="Y19" s="248">
        <v>637</v>
      </c>
      <c r="Z19" s="249">
        <v>976</v>
      </c>
      <c r="AA19" s="240">
        <v>0</v>
      </c>
      <c r="AB19" s="248">
        <v>1816</v>
      </c>
      <c r="AC19" s="248">
        <v>1675</v>
      </c>
      <c r="AD19" s="248">
        <v>1026</v>
      </c>
      <c r="AE19" s="248">
        <v>714</v>
      </c>
      <c r="AF19" s="248">
        <v>414</v>
      </c>
      <c r="AG19" s="249">
        <v>5645</v>
      </c>
      <c r="AH19" s="250">
        <v>6621</v>
      </c>
    </row>
    <row r="20" spans="1:34" ht="19.5" customHeight="1" x14ac:dyDescent="0.2">
      <c r="A20" s="49" t="s">
        <v>19</v>
      </c>
      <c r="B20" s="247">
        <v>161</v>
      </c>
      <c r="C20" s="248">
        <v>290</v>
      </c>
      <c r="D20" s="249">
        <v>451</v>
      </c>
      <c r="E20" s="240">
        <v>0</v>
      </c>
      <c r="F20" s="248">
        <v>787</v>
      </c>
      <c r="G20" s="248">
        <v>699</v>
      </c>
      <c r="H20" s="248">
        <v>421</v>
      </c>
      <c r="I20" s="248">
        <v>284</v>
      </c>
      <c r="J20" s="248">
        <v>181</v>
      </c>
      <c r="K20" s="249">
        <v>2372</v>
      </c>
      <c r="L20" s="250">
        <v>2823</v>
      </c>
      <c r="M20" s="251">
        <v>2</v>
      </c>
      <c r="N20" s="248">
        <v>9</v>
      </c>
      <c r="O20" s="249">
        <v>11</v>
      </c>
      <c r="P20" s="240">
        <v>0</v>
      </c>
      <c r="Q20" s="248">
        <v>16</v>
      </c>
      <c r="R20" s="248">
        <v>21</v>
      </c>
      <c r="S20" s="248">
        <v>16</v>
      </c>
      <c r="T20" s="248">
        <v>6</v>
      </c>
      <c r="U20" s="248">
        <v>9</v>
      </c>
      <c r="V20" s="249">
        <v>68</v>
      </c>
      <c r="W20" s="250">
        <v>79</v>
      </c>
      <c r="X20" s="247">
        <v>163</v>
      </c>
      <c r="Y20" s="248">
        <v>299</v>
      </c>
      <c r="Z20" s="249">
        <v>462</v>
      </c>
      <c r="AA20" s="240">
        <v>0</v>
      </c>
      <c r="AB20" s="248">
        <v>803</v>
      </c>
      <c r="AC20" s="248">
        <v>720</v>
      </c>
      <c r="AD20" s="248">
        <v>437</v>
      </c>
      <c r="AE20" s="248">
        <v>290</v>
      </c>
      <c r="AF20" s="248">
        <v>190</v>
      </c>
      <c r="AG20" s="249">
        <v>2440</v>
      </c>
      <c r="AH20" s="250">
        <v>2902</v>
      </c>
    </row>
    <row r="21" spans="1:34" ht="19.5" customHeight="1" x14ac:dyDescent="0.2">
      <c r="A21" s="49" t="s">
        <v>20</v>
      </c>
      <c r="B21" s="247">
        <v>200</v>
      </c>
      <c r="C21" s="248">
        <v>441</v>
      </c>
      <c r="D21" s="249">
        <v>641</v>
      </c>
      <c r="E21" s="240">
        <v>0</v>
      </c>
      <c r="F21" s="248">
        <v>1092</v>
      </c>
      <c r="G21" s="248">
        <v>673</v>
      </c>
      <c r="H21" s="248">
        <v>458</v>
      </c>
      <c r="I21" s="248">
        <v>340</v>
      </c>
      <c r="J21" s="248">
        <v>156</v>
      </c>
      <c r="K21" s="249">
        <v>2719</v>
      </c>
      <c r="L21" s="250">
        <v>3360</v>
      </c>
      <c r="M21" s="251">
        <v>1</v>
      </c>
      <c r="N21" s="248">
        <v>18</v>
      </c>
      <c r="O21" s="249">
        <v>19</v>
      </c>
      <c r="P21" s="240">
        <v>0</v>
      </c>
      <c r="Q21" s="248">
        <v>34</v>
      </c>
      <c r="R21" s="248">
        <v>18</v>
      </c>
      <c r="S21" s="248">
        <v>15</v>
      </c>
      <c r="T21" s="248">
        <v>13</v>
      </c>
      <c r="U21" s="248">
        <v>8</v>
      </c>
      <c r="V21" s="249">
        <v>88</v>
      </c>
      <c r="W21" s="250">
        <v>107</v>
      </c>
      <c r="X21" s="247">
        <v>201</v>
      </c>
      <c r="Y21" s="248">
        <v>459</v>
      </c>
      <c r="Z21" s="249">
        <v>660</v>
      </c>
      <c r="AA21" s="240">
        <v>0</v>
      </c>
      <c r="AB21" s="248">
        <v>1126</v>
      </c>
      <c r="AC21" s="248">
        <v>691</v>
      </c>
      <c r="AD21" s="248">
        <v>473</v>
      </c>
      <c r="AE21" s="248">
        <v>353</v>
      </c>
      <c r="AF21" s="248">
        <v>164</v>
      </c>
      <c r="AG21" s="249">
        <v>2807</v>
      </c>
      <c r="AH21" s="250">
        <v>3467</v>
      </c>
    </row>
    <row r="22" spans="1:34" ht="19.5" customHeight="1" x14ac:dyDescent="0.2">
      <c r="A22" s="49" t="s">
        <v>21</v>
      </c>
      <c r="B22" s="247">
        <v>293</v>
      </c>
      <c r="C22" s="248">
        <v>432</v>
      </c>
      <c r="D22" s="249">
        <v>725</v>
      </c>
      <c r="E22" s="240">
        <v>0</v>
      </c>
      <c r="F22" s="248">
        <v>883</v>
      </c>
      <c r="G22" s="248">
        <v>1028</v>
      </c>
      <c r="H22" s="248">
        <v>593</v>
      </c>
      <c r="I22" s="248">
        <v>406</v>
      </c>
      <c r="J22" s="248">
        <v>242</v>
      </c>
      <c r="K22" s="249">
        <v>3152</v>
      </c>
      <c r="L22" s="250">
        <v>3877</v>
      </c>
      <c r="M22" s="251">
        <v>4</v>
      </c>
      <c r="N22" s="248">
        <v>15</v>
      </c>
      <c r="O22" s="249">
        <v>19</v>
      </c>
      <c r="P22" s="240">
        <v>0</v>
      </c>
      <c r="Q22" s="248">
        <v>12</v>
      </c>
      <c r="R22" s="248">
        <v>38</v>
      </c>
      <c r="S22" s="248">
        <v>9</v>
      </c>
      <c r="T22" s="248">
        <v>8</v>
      </c>
      <c r="U22" s="248">
        <v>12</v>
      </c>
      <c r="V22" s="249">
        <v>79</v>
      </c>
      <c r="W22" s="250">
        <v>98</v>
      </c>
      <c r="X22" s="247">
        <v>297</v>
      </c>
      <c r="Y22" s="248">
        <v>447</v>
      </c>
      <c r="Z22" s="249">
        <v>744</v>
      </c>
      <c r="AA22" s="240">
        <v>0</v>
      </c>
      <c r="AB22" s="248">
        <v>895</v>
      </c>
      <c r="AC22" s="248">
        <v>1066</v>
      </c>
      <c r="AD22" s="248">
        <v>602</v>
      </c>
      <c r="AE22" s="248">
        <v>414</v>
      </c>
      <c r="AF22" s="248">
        <v>254</v>
      </c>
      <c r="AG22" s="249">
        <v>3231</v>
      </c>
      <c r="AH22" s="250">
        <v>3975</v>
      </c>
    </row>
    <row r="23" spans="1:34" ht="19.5" customHeight="1" x14ac:dyDescent="0.2">
      <c r="A23" s="49" t="s">
        <v>22</v>
      </c>
      <c r="B23" s="247">
        <v>58</v>
      </c>
      <c r="C23" s="248">
        <v>154</v>
      </c>
      <c r="D23" s="249">
        <v>212</v>
      </c>
      <c r="E23" s="240">
        <v>0</v>
      </c>
      <c r="F23" s="248">
        <v>418</v>
      </c>
      <c r="G23" s="248">
        <v>370</v>
      </c>
      <c r="H23" s="248">
        <v>169</v>
      </c>
      <c r="I23" s="248">
        <v>133</v>
      </c>
      <c r="J23" s="248">
        <v>80</v>
      </c>
      <c r="K23" s="249">
        <v>1170</v>
      </c>
      <c r="L23" s="250">
        <v>1382</v>
      </c>
      <c r="M23" s="251">
        <v>0</v>
      </c>
      <c r="N23" s="248">
        <v>4</v>
      </c>
      <c r="O23" s="249">
        <v>4</v>
      </c>
      <c r="P23" s="240">
        <v>0</v>
      </c>
      <c r="Q23" s="248">
        <v>12</v>
      </c>
      <c r="R23" s="248">
        <v>6</v>
      </c>
      <c r="S23" s="248">
        <v>5</v>
      </c>
      <c r="T23" s="248">
        <v>4</v>
      </c>
      <c r="U23" s="248">
        <v>1</v>
      </c>
      <c r="V23" s="249">
        <v>28</v>
      </c>
      <c r="W23" s="250">
        <v>32</v>
      </c>
      <c r="X23" s="247">
        <v>58</v>
      </c>
      <c r="Y23" s="248">
        <v>158</v>
      </c>
      <c r="Z23" s="249">
        <v>216</v>
      </c>
      <c r="AA23" s="240">
        <v>0</v>
      </c>
      <c r="AB23" s="248">
        <v>430</v>
      </c>
      <c r="AC23" s="248">
        <v>376</v>
      </c>
      <c r="AD23" s="248">
        <v>174</v>
      </c>
      <c r="AE23" s="248">
        <v>137</v>
      </c>
      <c r="AF23" s="248">
        <v>81</v>
      </c>
      <c r="AG23" s="249">
        <v>1198</v>
      </c>
      <c r="AH23" s="250">
        <v>1414</v>
      </c>
    </row>
    <row r="24" spans="1:34" ht="19.5" customHeight="1" x14ac:dyDescent="0.2">
      <c r="A24" s="49" t="s">
        <v>23</v>
      </c>
      <c r="B24" s="247">
        <v>127</v>
      </c>
      <c r="C24" s="248">
        <v>235</v>
      </c>
      <c r="D24" s="249">
        <v>362</v>
      </c>
      <c r="E24" s="240">
        <v>0</v>
      </c>
      <c r="F24" s="248">
        <v>646</v>
      </c>
      <c r="G24" s="248">
        <v>557</v>
      </c>
      <c r="H24" s="248">
        <v>284</v>
      </c>
      <c r="I24" s="248">
        <v>252</v>
      </c>
      <c r="J24" s="248">
        <v>132</v>
      </c>
      <c r="K24" s="249">
        <v>1871</v>
      </c>
      <c r="L24" s="250">
        <v>2233</v>
      </c>
      <c r="M24" s="251">
        <v>5</v>
      </c>
      <c r="N24" s="248">
        <v>12</v>
      </c>
      <c r="O24" s="249">
        <v>17</v>
      </c>
      <c r="P24" s="240">
        <v>0</v>
      </c>
      <c r="Q24" s="248">
        <v>7</v>
      </c>
      <c r="R24" s="248">
        <v>14</v>
      </c>
      <c r="S24" s="248">
        <v>5</v>
      </c>
      <c r="T24" s="248">
        <v>8</v>
      </c>
      <c r="U24" s="248">
        <v>5</v>
      </c>
      <c r="V24" s="249">
        <v>39</v>
      </c>
      <c r="W24" s="250">
        <v>56</v>
      </c>
      <c r="X24" s="247">
        <v>132</v>
      </c>
      <c r="Y24" s="248">
        <v>247</v>
      </c>
      <c r="Z24" s="249">
        <v>379</v>
      </c>
      <c r="AA24" s="240">
        <v>0</v>
      </c>
      <c r="AB24" s="248">
        <v>653</v>
      </c>
      <c r="AC24" s="248">
        <v>571</v>
      </c>
      <c r="AD24" s="248">
        <v>289</v>
      </c>
      <c r="AE24" s="248">
        <v>260</v>
      </c>
      <c r="AF24" s="248">
        <v>137</v>
      </c>
      <c r="AG24" s="249">
        <v>1910</v>
      </c>
      <c r="AH24" s="250">
        <v>2289</v>
      </c>
    </row>
    <row r="25" spans="1:34" ht="19.5" customHeight="1" x14ac:dyDescent="0.2">
      <c r="A25" s="49" t="s">
        <v>24</v>
      </c>
      <c r="B25" s="247">
        <v>114</v>
      </c>
      <c r="C25" s="248">
        <v>93</v>
      </c>
      <c r="D25" s="249">
        <v>207</v>
      </c>
      <c r="E25" s="240">
        <v>0</v>
      </c>
      <c r="F25" s="248">
        <v>344</v>
      </c>
      <c r="G25" s="248">
        <v>222</v>
      </c>
      <c r="H25" s="248">
        <v>164</v>
      </c>
      <c r="I25" s="248">
        <v>107</v>
      </c>
      <c r="J25" s="248">
        <v>87</v>
      </c>
      <c r="K25" s="249">
        <v>924</v>
      </c>
      <c r="L25" s="250">
        <v>1131</v>
      </c>
      <c r="M25" s="251">
        <v>1</v>
      </c>
      <c r="N25" s="248">
        <v>5</v>
      </c>
      <c r="O25" s="249">
        <v>6</v>
      </c>
      <c r="P25" s="240">
        <v>0</v>
      </c>
      <c r="Q25" s="248">
        <v>4</v>
      </c>
      <c r="R25" s="248">
        <v>8</v>
      </c>
      <c r="S25" s="248">
        <v>0</v>
      </c>
      <c r="T25" s="248">
        <v>1</v>
      </c>
      <c r="U25" s="248">
        <v>2</v>
      </c>
      <c r="V25" s="249">
        <v>15</v>
      </c>
      <c r="W25" s="250">
        <v>21</v>
      </c>
      <c r="X25" s="247">
        <v>115</v>
      </c>
      <c r="Y25" s="248">
        <v>98</v>
      </c>
      <c r="Z25" s="249">
        <v>213</v>
      </c>
      <c r="AA25" s="240">
        <v>0</v>
      </c>
      <c r="AB25" s="248">
        <v>348</v>
      </c>
      <c r="AC25" s="248">
        <v>230</v>
      </c>
      <c r="AD25" s="248">
        <v>164</v>
      </c>
      <c r="AE25" s="248">
        <v>108</v>
      </c>
      <c r="AF25" s="248">
        <v>89</v>
      </c>
      <c r="AG25" s="249">
        <v>939</v>
      </c>
      <c r="AH25" s="250">
        <v>1152</v>
      </c>
    </row>
    <row r="26" spans="1:34" ht="19.5" customHeight="1" x14ac:dyDescent="0.2">
      <c r="A26" s="49" t="s">
        <v>25</v>
      </c>
      <c r="B26" s="247">
        <v>74</v>
      </c>
      <c r="C26" s="248">
        <v>138</v>
      </c>
      <c r="D26" s="249">
        <v>212</v>
      </c>
      <c r="E26" s="240">
        <v>0</v>
      </c>
      <c r="F26" s="248">
        <v>371</v>
      </c>
      <c r="G26" s="248">
        <v>250</v>
      </c>
      <c r="H26" s="248">
        <v>133</v>
      </c>
      <c r="I26" s="248">
        <v>154</v>
      </c>
      <c r="J26" s="248">
        <v>73</v>
      </c>
      <c r="K26" s="249">
        <v>981</v>
      </c>
      <c r="L26" s="250">
        <v>1193</v>
      </c>
      <c r="M26" s="251">
        <v>1</v>
      </c>
      <c r="N26" s="248">
        <v>6</v>
      </c>
      <c r="O26" s="249">
        <v>7</v>
      </c>
      <c r="P26" s="240">
        <v>0</v>
      </c>
      <c r="Q26" s="248">
        <v>7</v>
      </c>
      <c r="R26" s="248">
        <v>11</v>
      </c>
      <c r="S26" s="248">
        <v>2</v>
      </c>
      <c r="T26" s="248">
        <v>3</v>
      </c>
      <c r="U26" s="248">
        <v>5</v>
      </c>
      <c r="V26" s="249">
        <v>28</v>
      </c>
      <c r="W26" s="250">
        <v>35</v>
      </c>
      <c r="X26" s="247">
        <v>75</v>
      </c>
      <c r="Y26" s="248">
        <v>144</v>
      </c>
      <c r="Z26" s="249">
        <v>219</v>
      </c>
      <c r="AA26" s="240">
        <v>0</v>
      </c>
      <c r="AB26" s="248">
        <v>378</v>
      </c>
      <c r="AC26" s="248">
        <v>261</v>
      </c>
      <c r="AD26" s="248">
        <v>135</v>
      </c>
      <c r="AE26" s="248">
        <v>157</v>
      </c>
      <c r="AF26" s="248">
        <v>78</v>
      </c>
      <c r="AG26" s="249">
        <v>1009</v>
      </c>
      <c r="AH26" s="250">
        <v>1228</v>
      </c>
    </row>
    <row r="27" spans="1:34" ht="19.5" customHeight="1" x14ac:dyDescent="0.2">
      <c r="A27" s="49" t="s">
        <v>26</v>
      </c>
      <c r="B27" s="247">
        <v>83</v>
      </c>
      <c r="C27" s="248">
        <v>103</v>
      </c>
      <c r="D27" s="249">
        <v>186</v>
      </c>
      <c r="E27" s="240">
        <v>0</v>
      </c>
      <c r="F27" s="248">
        <v>318</v>
      </c>
      <c r="G27" s="248">
        <v>234</v>
      </c>
      <c r="H27" s="248">
        <v>154</v>
      </c>
      <c r="I27" s="248">
        <v>114</v>
      </c>
      <c r="J27" s="248">
        <v>88</v>
      </c>
      <c r="K27" s="249">
        <v>908</v>
      </c>
      <c r="L27" s="250">
        <v>1094</v>
      </c>
      <c r="M27" s="251">
        <v>3</v>
      </c>
      <c r="N27" s="248">
        <v>0</v>
      </c>
      <c r="O27" s="249">
        <v>3</v>
      </c>
      <c r="P27" s="240">
        <v>0</v>
      </c>
      <c r="Q27" s="248">
        <v>6</v>
      </c>
      <c r="R27" s="248">
        <v>7</v>
      </c>
      <c r="S27" s="248">
        <v>1</v>
      </c>
      <c r="T27" s="248">
        <v>3</v>
      </c>
      <c r="U27" s="248">
        <v>3</v>
      </c>
      <c r="V27" s="249">
        <v>20</v>
      </c>
      <c r="W27" s="250">
        <v>23</v>
      </c>
      <c r="X27" s="247">
        <v>86</v>
      </c>
      <c r="Y27" s="248">
        <v>103</v>
      </c>
      <c r="Z27" s="249">
        <v>189</v>
      </c>
      <c r="AA27" s="240">
        <v>0</v>
      </c>
      <c r="AB27" s="248">
        <v>324</v>
      </c>
      <c r="AC27" s="248">
        <v>241</v>
      </c>
      <c r="AD27" s="248">
        <v>155</v>
      </c>
      <c r="AE27" s="248">
        <v>117</v>
      </c>
      <c r="AF27" s="248">
        <v>91</v>
      </c>
      <c r="AG27" s="249">
        <v>928</v>
      </c>
      <c r="AH27" s="250">
        <v>1117</v>
      </c>
    </row>
    <row r="28" spans="1:34" ht="19.5" customHeight="1" x14ac:dyDescent="0.2">
      <c r="A28" s="49" t="s">
        <v>27</v>
      </c>
      <c r="B28" s="247">
        <v>115</v>
      </c>
      <c r="C28" s="248">
        <v>144</v>
      </c>
      <c r="D28" s="249">
        <v>259</v>
      </c>
      <c r="E28" s="240">
        <v>0</v>
      </c>
      <c r="F28" s="248">
        <v>235</v>
      </c>
      <c r="G28" s="248">
        <v>204</v>
      </c>
      <c r="H28" s="248">
        <v>156</v>
      </c>
      <c r="I28" s="248">
        <v>105</v>
      </c>
      <c r="J28" s="248">
        <v>63</v>
      </c>
      <c r="K28" s="249">
        <v>763</v>
      </c>
      <c r="L28" s="250">
        <v>1022</v>
      </c>
      <c r="M28" s="251">
        <v>1</v>
      </c>
      <c r="N28" s="248">
        <v>3</v>
      </c>
      <c r="O28" s="249">
        <v>4</v>
      </c>
      <c r="P28" s="240">
        <v>0</v>
      </c>
      <c r="Q28" s="248">
        <v>6</v>
      </c>
      <c r="R28" s="248">
        <v>4</v>
      </c>
      <c r="S28" s="248">
        <v>0</v>
      </c>
      <c r="T28" s="248">
        <v>2</v>
      </c>
      <c r="U28" s="248">
        <v>2</v>
      </c>
      <c r="V28" s="249">
        <v>14</v>
      </c>
      <c r="W28" s="250">
        <v>18</v>
      </c>
      <c r="X28" s="247">
        <v>116</v>
      </c>
      <c r="Y28" s="248">
        <v>147</v>
      </c>
      <c r="Z28" s="249">
        <v>263</v>
      </c>
      <c r="AA28" s="240">
        <v>0</v>
      </c>
      <c r="AB28" s="248">
        <v>241</v>
      </c>
      <c r="AC28" s="248">
        <v>208</v>
      </c>
      <c r="AD28" s="248">
        <v>156</v>
      </c>
      <c r="AE28" s="248">
        <v>107</v>
      </c>
      <c r="AF28" s="248">
        <v>65</v>
      </c>
      <c r="AG28" s="249">
        <v>777</v>
      </c>
      <c r="AH28" s="250">
        <v>1040</v>
      </c>
    </row>
    <row r="29" spans="1:34" ht="19.5" customHeight="1" x14ac:dyDescent="0.2">
      <c r="A29" s="49" t="s">
        <v>28</v>
      </c>
      <c r="B29" s="247">
        <v>10</v>
      </c>
      <c r="C29" s="248">
        <v>16</v>
      </c>
      <c r="D29" s="249">
        <v>26</v>
      </c>
      <c r="E29" s="240">
        <v>0</v>
      </c>
      <c r="F29" s="248">
        <v>75</v>
      </c>
      <c r="G29" s="248">
        <v>98</v>
      </c>
      <c r="H29" s="248">
        <v>42</v>
      </c>
      <c r="I29" s="248">
        <v>32</v>
      </c>
      <c r="J29" s="248">
        <v>25</v>
      </c>
      <c r="K29" s="249">
        <v>272</v>
      </c>
      <c r="L29" s="250">
        <v>298</v>
      </c>
      <c r="M29" s="251">
        <v>0</v>
      </c>
      <c r="N29" s="248">
        <v>0</v>
      </c>
      <c r="O29" s="249">
        <v>0</v>
      </c>
      <c r="P29" s="240">
        <v>0</v>
      </c>
      <c r="Q29" s="248">
        <v>0</v>
      </c>
      <c r="R29" s="248">
        <v>1</v>
      </c>
      <c r="S29" s="248">
        <v>0</v>
      </c>
      <c r="T29" s="248">
        <v>0</v>
      </c>
      <c r="U29" s="248">
        <v>4</v>
      </c>
      <c r="V29" s="249">
        <v>5</v>
      </c>
      <c r="W29" s="250">
        <v>5</v>
      </c>
      <c r="X29" s="247">
        <v>10</v>
      </c>
      <c r="Y29" s="248">
        <v>16</v>
      </c>
      <c r="Z29" s="249">
        <v>26</v>
      </c>
      <c r="AA29" s="240">
        <v>0</v>
      </c>
      <c r="AB29" s="248">
        <v>75</v>
      </c>
      <c r="AC29" s="248">
        <v>99</v>
      </c>
      <c r="AD29" s="248">
        <v>42</v>
      </c>
      <c r="AE29" s="248">
        <v>32</v>
      </c>
      <c r="AF29" s="248">
        <v>29</v>
      </c>
      <c r="AG29" s="249">
        <v>277</v>
      </c>
      <c r="AH29" s="250">
        <v>303</v>
      </c>
    </row>
    <row r="30" spans="1:34" ht="19.5" customHeight="1" x14ac:dyDescent="0.2">
      <c r="A30" s="49" t="s">
        <v>29</v>
      </c>
      <c r="B30" s="247">
        <v>24</v>
      </c>
      <c r="C30" s="248">
        <v>38</v>
      </c>
      <c r="D30" s="249">
        <v>62</v>
      </c>
      <c r="E30" s="240">
        <v>0</v>
      </c>
      <c r="F30" s="248">
        <v>93</v>
      </c>
      <c r="G30" s="248">
        <v>106</v>
      </c>
      <c r="H30" s="248">
        <v>53</v>
      </c>
      <c r="I30" s="248">
        <v>52</v>
      </c>
      <c r="J30" s="248">
        <v>29</v>
      </c>
      <c r="K30" s="249">
        <v>333</v>
      </c>
      <c r="L30" s="250">
        <v>395</v>
      </c>
      <c r="M30" s="251">
        <v>2</v>
      </c>
      <c r="N30" s="248">
        <v>2</v>
      </c>
      <c r="O30" s="249">
        <v>4</v>
      </c>
      <c r="P30" s="240">
        <v>0</v>
      </c>
      <c r="Q30" s="248">
        <v>3</v>
      </c>
      <c r="R30" s="248">
        <v>3</v>
      </c>
      <c r="S30" s="248">
        <v>2</v>
      </c>
      <c r="T30" s="248">
        <v>1</v>
      </c>
      <c r="U30" s="248">
        <v>0</v>
      </c>
      <c r="V30" s="249">
        <v>9</v>
      </c>
      <c r="W30" s="250">
        <v>13</v>
      </c>
      <c r="X30" s="247">
        <v>26</v>
      </c>
      <c r="Y30" s="248">
        <v>40</v>
      </c>
      <c r="Z30" s="249">
        <v>66</v>
      </c>
      <c r="AA30" s="240">
        <v>0</v>
      </c>
      <c r="AB30" s="248">
        <v>96</v>
      </c>
      <c r="AC30" s="248">
        <v>109</v>
      </c>
      <c r="AD30" s="248">
        <v>55</v>
      </c>
      <c r="AE30" s="248">
        <v>53</v>
      </c>
      <c r="AF30" s="248">
        <v>29</v>
      </c>
      <c r="AG30" s="249">
        <v>342</v>
      </c>
      <c r="AH30" s="250">
        <v>408</v>
      </c>
    </row>
    <row r="31" spans="1:34" ht="19.5" customHeight="1" x14ac:dyDescent="0.2">
      <c r="A31" s="49" t="s">
        <v>30</v>
      </c>
      <c r="B31" s="247">
        <v>29</v>
      </c>
      <c r="C31" s="248">
        <v>30</v>
      </c>
      <c r="D31" s="249">
        <v>59</v>
      </c>
      <c r="E31" s="240">
        <v>0</v>
      </c>
      <c r="F31" s="248">
        <v>99</v>
      </c>
      <c r="G31" s="248">
        <v>91</v>
      </c>
      <c r="H31" s="248">
        <v>71</v>
      </c>
      <c r="I31" s="248">
        <v>43</v>
      </c>
      <c r="J31" s="248">
        <v>21</v>
      </c>
      <c r="K31" s="249">
        <v>325</v>
      </c>
      <c r="L31" s="250">
        <v>384</v>
      </c>
      <c r="M31" s="251">
        <v>0</v>
      </c>
      <c r="N31" s="248">
        <v>0</v>
      </c>
      <c r="O31" s="249">
        <v>0</v>
      </c>
      <c r="P31" s="240">
        <v>0</v>
      </c>
      <c r="Q31" s="248">
        <v>1</v>
      </c>
      <c r="R31" s="248">
        <v>0</v>
      </c>
      <c r="S31" s="248">
        <v>2</v>
      </c>
      <c r="T31" s="248">
        <v>2</v>
      </c>
      <c r="U31" s="248">
        <v>0</v>
      </c>
      <c r="V31" s="249">
        <v>5</v>
      </c>
      <c r="W31" s="250">
        <v>5</v>
      </c>
      <c r="X31" s="247">
        <v>29</v>
      </c>
      <c r="Y31" s="248">
        <v>30</v>
      </c>
      <c r="Z31" s="249">
        <v>59</v>
      </c>
      <c r="AA31" s="240">
        <v>0</v>
      </c>
      <c r="AB31" s="248">
        <v>100</v>
      </c>
      <c r="AC31" s="248">
        <v>91</v>
      </c>
      <c r="AD31" s="248">
        <v>73</v>
      </c>
      <c r="AE31" s="248">
        <v>45</v>
      </c>
      <c r="AF31" s="248">
        <v>21</v>
      </c>
      <c r="AG31" s="249">
        <v>330</v>
      </c>
      <c r="AH31" s="250">
        <v>389</v>
      </c>
    </row>
    <row r="32" spans="1:34" ht="19.5" customHeight="1" x14ac:dyDescent="0.2">
      <c r="A32" s="49" t="s">
        <v>31</v>
      </c>
      <c r="B32" s="247">
        <v>26</v>
      </c>
      <c r="C32" s="248">
        <v>43</v>
      </c>
      <c r="D32" s="249">
        <v>69</v>
      </c>
      <c r="E32" s="240">
        <v>0</v>
      </c>
      <c r="F32" s="248">
        <v>107</v>
      </c>
      <c r="G32" s="248">
        <v>115</v>
      </c>
      <c r="H32" s="248">
        <v>58</v>
      </c>
      <c r="I32" s="248">
        <v>25</v>
      </c>
      <c r="J32" s="248">
        <v>20</v>
      </c>
      <c r="K32" s="249">
        <v>325</v>
      </c>
      <c r="L32" s="250">
        <v>394</v>
      </c>
      <c r="M32" s="251">
        <v>0</v>
      </c>
      <c r="N32" s="248">
        <v>0</v>
      </c>
      <c r="O32" s="249">
        <v>0</v>
      </c>
      <c r="P32" s="240">
        <v>0</v>
      </c>
      <c r="Q32" s="248">
        <v>3</v>
      </c>
      <c r="R32" s="248">
        <v>1</v>
      </c>
      <c r="S32" s="248">
        <v>2</v>
      </c>
      <c r="T32" s="248">
        <v>2</v>
      </c>
      <c r="U32" s="248">
        <v>0</v>
      </c>
      <c r="V32" s="249">
        <v>8</v>
      </c>
      <c r="W32" s="250">
        <v>8</v>
      </c>
      <c r="X32" s="247">
        <v>26</v>
      </c>
      <c r="Y32" s="248">
        <v>43</v>
      </c>
      <c r="Z32" s="249">
        <v>69</v>
      </c>
      <c r="AA32" s="240">
        <v>0</v>
      </c>
      <c r="AB32" s="248">
        <v>110</v>
      </c>
      <c r="AC32" s="248">
        <v>116</v>
      </c>
      <c r="AD32" s="248">
        <v>60</v>
      </c>
      <c r="AE32" s="248">
        <v>27</v>
      </c>
      <c r="AF32" s="248">
        <v>20</v>
      </c>
      <c r="AG32" s="249">
        <v>333</v>
      </c>
      <c r="AH32" s="250">
        <v>402</v>
      </c>
    </row>
    <row r="33" spans="1:34" ht="19.5" customHeight="1" x14ac:dyDescent="0.2">
      <c r="A33" s="49" t="s">
        <v>32</v>
      </c>
      <c r="B33" s="247">
        <v>32</v>
      </c>
      <c r="C33" s="248">
        <v>51</v>
      </c>
      <c r="D33" s="249">
        <v>83</v>
      </c>
      <c r="E33" s="240">
        <v>0</v>
      </c>
      <c r="F33" s="248">
        <v>147</v>
      </c>
      <c r="G33" s="248">
        <v>113</v>
      </c>
      <c r="H33" s="248">
        <v>67</v>
      </c>
      <c r="I33" s="248">
        <v>47</v>
      </c>
      <c r="J33" s="248">
        <v>26</v>
      </c>
      <c r="K33" s="249">
        <v>400</v>
      </c>
      <c r="L33" s="250">
        <v>483</v>
      </c>
      <c r="M33" s="251">
        <v>1</v>
      </c>
      <c r="N33" s="248">
        <v>1</v>
      </c>
      <c r="O33" s="249">
        <v>2</v>
      </c>
      <c r="P33" s="240">
        <v>0</v>
      </c>
      <c r="Q33" s="248">
        <v>9</v>
      </c>
      <c r="R33" s="248">
        <v>7</v>
      </c>
      <c r="S33" s="248">
        <v>0</v>
      </c>
      <c r="T33" s="248">
        <v>3</v>
      </c>
      <c r="U33" s="248">
        <v>2</v>
      </c>
      <c r="V33" s="249">
        <v>21</v>
      </c>
      <c r="W33" s="250">
        <v>23</v>
      </c>
      <c r="X33" s="247">
        <v>33</v>
      </c>
      <c r="Y33" s="248">
        <v>52</v>
      </c>
      <c r="Z33" s="249">
        <v>85</v>
      </c>
      <c r="AA33" s="240">
        <v>0</v>
      </c>
      <c r="AB33" s="248">
        <v>156</v>
      </c>
      <c r="AC33" s="248">
        <v>120</v>
      </c>
      <c r="AD33" s="248">
        <v>67</v>
      </c>
      <c r="AE33" s="248">
        <v>50</v>
      </c>
      <c r="AF33" s="248">
        <v>28</v>
      </c>
      <c r="AG33" s="249">
        <v>421</v>
      </c>
      <c r="AH33" s="250">
        <v>506</v>
      </c>
    </row>
    <row r="34" spans="1:34" ht="19.5" customHeight="1" x14ac:dyDescent="0.2">
      <c r="A34" s="49" t="s">
        <v>33</v>
      </c>
      <c r="B34" s="247">
        <v>46</v>
      </c>
      <c r="C34" s="248">
        <v>65</v>
      </c>
      <c r="D34" s="249">
        <v>111</v>
      </c>
      <c r="E34" s="240">
        <v>0</v>
      </c>
      <c r="F34" s="248">
        <v>116</v>
      </c>
      <c r="G34" s="248">
        <v>87</v>
      </c>
      <c r="H34" s="248">
        <v>44</v>
      </c>
      <c r="I34" s="248">
        <v>27</v>
      </c>
      <c r="J34" s="248">
        <v>21</v>
      </c>
      <c r="K34" s="249">
        <v>295</v>
      </c>
      <c r="L34" s="250">
        <v>406</v>
      </c>
      <c r="M34" s="251">
        <v>0</v>
      </c>
      <c r="N34" s="248">
        <v>0</v>
      </c>
      <c r="O34" s="249">
        <v>0</v>
      </c>
      <c r="P34" s="240">
        <v>0</v>
      </c>
      <c r="Q34" s="248">
        <v>2</v>
      </c>
      <c r="R34" s="248">
        <v>1</v>
      </c>
      <c r="S34" s="248">
        <v>0</v>
      </c>
      <c r="T34" s="248">
        <v>1</v>
      </c>
      <c r="U34" s="248">
        <v>1</v>
      </c>
      <c r="V34" s="249">
        <v>5</v>
      </c>
      <c r="W34" s="250">
        <v>5</v>
      </c>
      <c r="X34" s="247">
        <v>46</v>
      </c>
      <c r="Y34" s="248">
        <v>65</v>
      </c>
      <c r="Z34" s="249">
        <v>111</v>
      </c>
      <c r="AA34" s="240">
        <v>0</v>
      </c>
      <c r="AB34" s="248">
        <v>118</v>
      </c>
      <c r="AC34" s="248">
        <v>88</v>
      </c>
      <c r="AD34" s="248">
        <v>44</v>
      </c>
      <c r="AE34" s="248">
        <v>28</v>
      </c>
      <c r="AF34" s="248">
        <v>22</v>
      </c>
      <c r="AG34" s="249">
        <v>300</v>
      </c>
      <c r="AH34" s="250">
        <v>411</v>
      </c>
    </row>
    <row r="35" spans="1:34" ht="19.5" customHeight="1" x14ac:dyDescent="0.2">
      <c r="A35" s="49" t="s">
        <v>34</v>
      </c>
      <c r="B35" s="247">
        <v>20</v>
      </c>
      <c r="C35" s="248">
        <v>32</v>
      </c>
      <c r="D35" s="249">
        <v>52</v>
      </c>
      <c r="E35" s="240">
        <v>0</v>
      </c>
      <c r="F35" s="248">
        <v>93</v>
      </c>
      <c r="G35" s="248">
        <v>71</v>
      </c>
      <c r="H35" s="248">
        <v>40</v>
      </c>
      <c r="I35" s="248">
        <v>31</v>
      </c>
      <c r="J35" s="248">
        <v>16</v>
      </c>
      <c r="K35" s="249">
        <v>251</v>
      </c>
      <c r="L35" s="250">
        <v>303</v>
      </c>
      <c r="M35" s="251">
        <v>0</v>
      </c>
      <c r="N35" s="248">
        <v>0</v>
      </c>
      <c r="O35" s="249">
        <v>0</v>
      </c>
      <c r="P35" s="240">
        <v>0</v>
      </c>
      <c r="Q35" s="248">
        <v>5</v>
      </c>
      <c r="R35" s="248">
        <v>2</v>
      </c>
      <c r="S35" s="248">
        <v>0</v>
      </c>
      <c r="T35" s="248">
        <v>1</v>
      </c>
      <c r="U35" s="248">
        <v>1</v>
      </c>
      <c r="V35" s="249">
        <v>9</v>
      </c>
      <c r="W35" s="250">
        <v>9</v>
      </c>
      <c r="X35" s="247">
        <v>20</v>
      </c>
      <c r="Y35" s="248">
        <v>32</v>
      </c>
      <c r="Z35" s="249">
        <v>52</v>
      </c>
      <c r="AA35" s="240">
        <v>0</v>
      </c>
      <c r="AB35" s="248">
        <v>98</v>
      </c>
      <c r="AC35" s="248">
        <v>73</v>
      </c>
      <c r="AD35" s="248">
        <v>40</v>
      </c>
      <c r="AE35" s="248">
        <v>32</v>
      </c>
      <c r="AF35" s="248">
        <v>17</v>
      </c>
      <c r="AG35" s="249">
        <v>260</v>
      </c>
      <c r="AH35" s="250">
        <v>312</v>
      </c>
    </row>
    <row r="36" spans="1:34" ht="19.5" customHeight="1" x14ac:dyDescent="0.2">
      <c r="A36" s="49" t="s">
        <v>35</v>
      </c>
      <c r="B36" s="247">
        <v>67</v>
      </c>
      <c r="C36" s="248">
        <v>122</v>
      </c>
      <c r="D36" s="249">
        <v>189</v>
      </c>
      <c r="E36" s="240">
        <v>0</v>
      </c>
      <c r="F36" s="248">
        <v>345</v>
      </c>
      <c r="G36" s="248">
        <v>236</v>
      </c>
      <c r="H36" s="248">
        <v>141</v>
      </c>
      <c r="I36" s="248">
        <v>109</v>
      </c>
      <c r="J36" s="248">
        <v>46</v>
      </c>
      <c r="K36" s="249">
        <v>877</v>
      </c>
      <c r="L36" s="250">
        <v>1066</v>
      </c>
      <c r="M36" s="251">
        <v>1</v>
      </c>
      <c r="N36" s="248">
        <v>1</v>
      </c>
      <c r="O36" s="249">
        <v>2</v>
      </c>
      <c r="P36" s="240">
        <v>0</v>
      </c>
      <c r="Q36" s="248">
        <v>3</v>
      </c>
      <c r="R36" s="248">
        <v>7</v>
      </c>
      <c r="S36" s="248">
        <v>1</v>
      </c>
      <c r="T36" s="248">
        <v>1</v>
      </c>
      <c r="U36" s="248">
        <v>1</v>
      </c>
      <c r="V36" s="249">
        <v>13</v>
      </c>
      <c r="W36" s="250">
        <v>15</v>
      </c>
      <c r="X36" s="247">
        <v>68</v>
      </c>
      <c r="Y36" s="248">
        <v>123</v>
      </c>
      <c r="Z36" s="249">
        <v>191</v>
      </c>
      <c r="AA36" s="240">
        <v>0</v>
      </c>
      <c r="AB36" s="248">
        <v>348</v>
      </c>
      <c r="AC36" s="248">
        <v>243</v>
      </c>
      <c r="AD36" s="248">
        <v>142</v>
      </c>
      <c r="AE36" s="248">
        <v>110</v>
      </c>
      <c r="AF36" s="248">
        <v>47</v>
      </c>
      <c r="AG36" s="249">
        <v>890</v>
      </c>
      <c r="AH36" s="250">
        <v>1081</v>
      </c>
    </row>
    <row r="37" spans="1:34" ht="19.5" customHeight="1" x14ac:dyDescent="0.2">
      <c r="A37" s="49" t="s">
        <v>36</v>
      </c>
      <c r="B37" s="247">
        <v>53</v>
      </c>
      <c r="C37" s="248">
        <v>120</v>
      </c>
      <c r="D37" s="249">
        <v>173</v>
      </c>
      <c r="E37" s="240">
        <v>0</v>
      </c>
      <c r="F37" s="248">
        <v>278</v>
      </c>
      <c r="G37" s="248">
        <v>257</v>
      </c>
      <c r="H37" s="248">
        <v>164</v>
      </c>
      <c r="I37" s="248">
        <v>102</v>
      </c>
      <c r="J37" s="248">
        <v>67</v>
      </c>
      <c r="K37" s="249">
        <v>868</v>
      </c>
      <c r="L37" s="250">
        <v>1041</v>
      </c>
      <c r="M37" s="251">
        <v>0</v>
      </c>
      <c r="N37" s="248">
        <v>1</v>
      </c>
      <c r="O37" s="249">
        <v>1</v>
      </c>
      <c r="P37" s="240">
        <v>0</v>
      </c>
      <c r="Q37" s="248">
        <v>4</v>
      </c>
      <c r="R37" s="248">
        <v>8</v>
      </c>
      <c r="S37" s="248">
        <v>6</v>
      </c>
      <c r="T37" s="248">
        <v>4</v>
      </c>
      <c r="U37" s="248">
        <v>1</v>
      </c>
      <c r="V37" s="249">
        <v>23</v>
      </c>
      <c r="W37" s="250">
        <v>24</v>
      </c>
      <c r="X37" s="247">
        <v>53</v>
      </c>
      <c r="Y37" s="248">
        <v>121</v>
      </c>
      <c r="Z37" s="249">
        <v>174</v>
      </c>
      <c r="AA37" s="240">
        <v>0</v>
      </c>
      <c r="AB37" s="248">
        <v>282</v>
      </c>
      <c r="AC37" s="248">
        <v>265</v>
      </c>
      <c r="AD37" s="248">
        <v>170</v>
      </c>
      <c r="AE37" s="248">
        <v>106</v>
      </c>
      <c r="AF37" s="248">
        <v>68</v>
      </c>
      <c r="AG37" s="249">
        <v>891</v>
      </c>
      <c r="AH37" s="250">
        <v>1065</v>
      </c>
    </row>
    <row r="38" spans="1:34" ht="19.5" customHeight="1" thickBot="1" x14ac:dyDescent="0.25">
      <c r="A38" s="50" t="s">
        <v>37</v>
      </c>
      <c r="B38" s="252">
        <v>8</v>
      </c>
      <c r="C38" s="253">
        <v>6</v>
      </c>
      <c r="D38" s="254">
        <v>14</v>
      </c>
      <c r="E38" s="241">
        <v>0</v>
      </c>
      <c r="F38" s="253">
        <v>35</v>
      </c>
      <c r="G38" s="253">
        <v>24</v>
      </c>
      <c r="H38" s="253">
        <v>17</v>
      </c>
      <c r="I38" s="253">
        <v>6</v>
      </c>
      <c r="J38" s="253">
        <v>6</v>
      </c>
      <c r="K38" s="254">
        <v>88</v>
      </c>
      <c r="L38" s="255">
        <v>102</v>
      </c>
      <c r="M38" s="256">
        <v>0</v>
      </c>
      <c r="N38" s="253">
        <v>0</v>
      </c>
      <c r="O38" s="254">
        <v>0</v>
      </c>
      <c r="P38" s="241">
        <v>0</v>
      </c>
      <c r="Q38" s="253">
        <v>1</v>
      </c>
      <c r="R38" s="253">
        <v>1</v>
      </c>
      <c r="S38" s="253">
        <v>1</v>
      </c>
      <c r="T38" s="253">
        <v>2</v>
      </c>
      <c r="U38" s="253">
        <v>0</v>
      </c>
      <c r="V38" s="254">
        <v>5</v>
      </c>
      <c r="W38" s="255">
        <v>5</v>
      </c>
      <c r="X38" s="252">
        <v>8</v>
      </c>
      <c r="Y38" s="253">
        <v>6</v>
      </c>
      <c r="Z38" s="254">
        <v>14</v>
      </c>
      <c r="AA38" s="241">
        <v>0</v>
      </c>
      <c r="AB38" s="253">
        <v>36</v>
      </c>
      <c r="AC38" s="253">
        <v>25</v>
      </c>
      <c r="AD38" s="253">
        <v>18</v>
      </c>
      <c r="AE38" s="253">
        <v>8</v>
      </c>
      <c r="AF38" s="253">
        <v>6</v>
      </c>
      <c r="AG38" s="254">
        <v>93</v>
      </c>
      <c r="AH38" s="255">
        <v>107</v>
      </c>
    </row>
    <row r="39" spans="1:34" x14ac:dyDescent="0.2">
      <c r="Z39" s="21"/>
      <c r="AA39" s="21"/>
      <c r="AB39" s="21"/>
      <c r="AC39" s="21"/>
      <c r="AD39" s="21"/>
      <c r="AE39" s="21"/>
      <c r="AF39" s="21"/>
      <c r="AG39" s="21"/>
      <c r="AH39" s="21"/>
    </row>
  </sheetData>
  <mergeCells count="5">
    <mergeCell ref="B3:L3"/>
    <mergeCell ref="M3:W3"/>
    <mergeCell ref="X3:AH3"/>
    <mergeCell ref="F1:G1"/>
    <mergeCell ref="I1:J1"/>
  </mergeCells>
  <phoneticPr fontId="4"/>
  <pageMargins left="0.43307086614173229" right="0.27559055118110237" top="0.35433070866141736" bottom="0.39370078740157483" header="0.19685039370078741" footer="0.19685039370078741"/>
  <pageSetup paperSize="9" scale="51" orientation="landscape" r:id="rId1"/>
  <headerFooter alignWithMargins="0">
    <oddFooter>&amp;L&amp;20&amp;A&amp;C&amp;P/&amp;N</oddFooter>
  </headerFooter>
  <colBreaks count="1" manualBreakCount="1">
    <brk id="23"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33203125" style="290" customWidth="1"/>
    <col min="5" max="5" width="7.6640625" style="290" customWidth="1"/>
    <col min="6" max="6" width="10.21875" style="290" customWidth="1"/>
    <col min="7" max="7" width="10.44140625" style="290" customWidth="1"/>
    <col min="8" max="15" width="9" style="290"/>
    <col min="16" max="16" width="7.21875" style="290" customWidth="1"/>
    <col min="17" max="26" width="9" style="290"/>
    <col min="27" max="27" width="7.6640625" style="290" customWidth="1"/>
    <col min="28" max="37" width="9" style="290"/>
    <col min="38" max="38" width="7.6640625" style="290" customWidth="1"/>
    <col min="39" max="48" width="9" style="290"/>
    <col min="49" max="49" width="7.21875" style="290" customWidth="1"/>
    <col min="50" max="59" width="9" style="290"/>
    <col min="60" max="60" width="7.21875" style="290" customWidth="1"/>
    <col min="61" max="70" width="9" style="290"/>
    <col min="71" max="71" width="7.33203125" style="290" customWidth="1"/>
    <col min="72" max="81" width="9" style="290"/>
    <col min="82" max="82" width="7.44140625" style="290" customWidth="1"/>
    <col min="83" max="92" width="9" style="290"/>
    <col min="93" max="93" width="7.6640625" style="290" customWidth="1"/>
    <col min="94" max="103" width="9" style="290"/>
    <col min="104" max="104" width="7.44140625" style="290" customWidth="1"/>
    <col min="105" max="114" width="9" style="290"/>
    <col min="115" max="115" width="7.44140625" style="290" customWidth="1"/>
    <col min="116" max="125" width="9" style="290"/>
    <col min="126" max="126" width="7.44140625" style="290" customWidth="1"/>
    <col min="127" max="136" width="9" style="290"/>
    <col min="137" max="137" width="7.33203125" style="290" customWidth="1"/>
    <col min="138" max="147" width="9" style="290"/>
    <col min="148" max="148" width="7.77734375" style="290" customWidth="1"/>
    <col min="149" max="16384" width="9" style="290"/>
  </cols>
  <sheetData>
    <row r="1" spans="1:155" ht="24" customHeight="1" x14ac:dyDescent="0.2">
      <c r="A1" s="325" t="s">
        <v>122</v>
      </c>
      <c r="H1" s="522">
        <f>第１表!F2</f>
        <v>4</v>
      </c>
      <c r="I1" s="522"/>
      <c r="J1" s="282">
        <f>第１表!G2</f>
        <v>3</v>
      </c>
      <c r="K1" s="523">
        <f>IF(J1&lt;3,J1+12-2,J1-2)</f>
        <v>1</v>
      </c>
      <c r="L1" s="523"/>
    </row>
    <row r="2" spans="1:155" ht="21" customHeight="1" thickBot="1" x14ac:dyDescent="0.25">
      <c r="A2" s="325" t="s">
        <v>138</v>
      </c>
      <c r="F2" s="281"/>
      <c r="G2" s="282"/>
      <c r="I2" s="289"/>
      <c r="J2" s="289"/>
    </row>
    <row r="3" spans="1:155" ht="23.25" customHeight="1" thickBot="1" x14ac:dyDescent="0.25">
      <c r="A3" s="531"/>
      <c r="B3" s="534" t="s">
        <v>70</v>
      </c>
      <c r="C3" s="535"/>
      <c r="D3" s="535"/>
      <c r="E3" s="535"/>
      <c r="F3" s="535"/>
      <c r="G3" s="535"/>
      <c r="H3" s="535"/>
      <c r="I3" s="535"/>
      <c r="J3" s="535"/>
      <c r="K3" s="535"/>
      <c r="L3" s="536"/>
      <c r="M3" s="534" t="s">
        <v>71</v>
      </c>
      <c r="N3" s="535"/>
      <c r="O3" s="535"/>
      <c r="P3" s="535"/>
      <c r="Q3" s="535"/>
      <c r="R3" s="535"/>
      <c r="S3" s="535"/>
      <c r="T3" s="535"/>
      <c r="U3" s="535"/>
      <c r="V3" s="535"/>
      <c r="W3" s="536"/>
      <c r="X3" s="534" t="s">
        <v>72</v>
      </c>
      <c r="Y3" s="535"/>
      <c r="Z3" s="535"/>
      <c r="AA3" s="535"/>
      <c r="AB3" s="535"/>
      <c r="AC3" s="535"/>
      <c r="AD3" s="535"/>
      <c r="AE3" s="535"/>
      <c r="AF3" s="535"/>
      <c r="AG3" s="535"/>
      <c r="AH3" s="536"/>
      <c r="AI3" s="534" t="s">
        <v>73</v>
      </c>
      <c r="AJ3" s="535"/>
      <c r="AK3" s="535"/>
      <c r="AL3" s="535"/>
      <c r="AM3" s="535"/>
      <c r="AN3" s="535"/>
      <c r="AO3" s="535"/>
      <c r="AP3" s="535"/>
      <c r="AQ3" s="535"/>
      <c r="AR3" s="535"/>
      <c r="AS3" s="536"/>
      <c r="AT3" s="534" t="s">
        <v>74</v>
      </c>
      <c r="AU3" s="535"/>
      <c r="AV3" s="535"/>
      <c r="AW3" s="535"/>
      <c r="AX3" s="535"/>
      <c r="AY3" s="535"/>
      <c r="AZ3" s="535"/>
      <c r="BA3" s="535"/>
      <c r="BB3" s="535"/>
      <c r="BC3" s="535"/>
      <c r="BD3" s="536"/>
      <c r="BE3" s="534" t="s">
        <v>75</v>
      </c>
      <c r="BF3" s="535"/>
      <c r="BG3" s="535"/>
      <c r="BH3" s="535"/>
      <c r="BI3" s="535"/>
      <c r="BJ3" s="535"/>
      <c r="BK3" s="535"/>
      <c r="BL3" s="535"/>
      <c r="BM3" s="535"/>
      <c r="BN3" s="535"/>
      <c r="BO3" s="536"/>
      <c r="BP3" s="534" t="s">
        <v>76</v>
      </c>
      <c r="BQ3" s="535"/>
      <c r="BR3" s="535"/>
      <c r="BS3" s="535"/>
      <c r="BT3" s="535"/>
      <c r="BU3" s="535"/>
      <c r="BV3" s="535"/>
      <c r="BW3" s="535"/>
      <c r="BX3" s="535"/>
      <c r="BY3" s="535"/>
      <c r="BZ3" s="536"/>
      <c r="CA3" s="534" t="s">
        <v>77</v>
      </c>
      <c r="CB3" s="535"/>
      <c r="CC3" s="535"/>
      <c r="CD3" s="535"/>
      <c r="CE3" s="535"/>
      <c r="CF3" s="535"/>
      <c r="CG3" s="535"/>
      <c r="CH3" s="535"/>
      <c r="CI3" s="535"/>
      <c r="CJ3" s="535"/>
      <c r="CK3" s="536"/>
      <c r="CL3" s="534" t="s">
        <v>78</v>
      </c>
      <c r="CM3" s="535"/>
      <c r="CN3" s="535"/>
      <c r="CO3" s="535"/>
      <c r="CP3" s="535"/>
      <c r="CQ3" s="535"/>
      <c r="CR3" s="535"/>
      <c r="CS3" s="535"/>
      <c r="CT3" s="535"/>
      <c r="CU3" s="535"/>
      <c r="CV3" s="536"/>
      <c r="CW3" s="534" t="s">
        <v>79</v>
      </c>
      <c r="CX3" s="535"/>
      <c r="CY3" s="535"/>
      <c r="CZ3" s="535"/>
      <c r="DA3" s="535"/>
      <c r="DB3" s="535"/>
      <c r="DC3" s="535"/>
      <c r="DD3" s="535"/>
      <c r="DE3" s="535"/>
      <c r="DF3" s="535"/>
      <c r="DG3" s="536"/>
      <c r="DH3" s="534" t="s">
        <v>152</v>
      </c>
      <c r="DI3" s="535"/>
      <c r="DJ3" s="535"/>
      <c r="DK3" s="535"/>
      <c r="DL3" s="535"/>
      <c r="DM3" s="535"/>
      <c r="DN3" s="535"/>
      <c r="DO3" s="535"/>
      <c r="DP3" s="535"/>
      <c r="DQ3" s="535"/>
      <c r="DR3" s="536"/>
      <c r="DS3" s="534" t="s">
        <v>80</v>
      </c>
      <c r="DT3" s="535"/>
      <c r="DU3" s="535"/>
      <c r="DV3" s="535"/>
      <c r="DW3" s="535"/>
      <c r="DX3" s="535"/>
      <c r="DY3" s="535"/>
      <c r="DZ3" s="535"/>
      <c r="EA3" s="535"/>
      <c r="EB3" s="535"/>
      <c r="EC3" s="536"/>
      <c r="ED3" s="534" t="s">
        <v>68</v>
      </c>
      <c r="EE3" s="535"/>
      <c r="EF3" s="535"/>
      <c r="EG3" s="535"/>
      <c r="EH3" s="535"/>
      <c r="EI3" s="535"/>
      <c r="EJ3" s="535"/>
      <c r="EK3" s="535"/>
      <c r="EL3" s="535"/>
      <c r="EM3" s="535"/>
      <c r="EN3" s="536"/>
      <c r="EO3" s="537" t="s">
        <v>69</v>
      </c>
      <c r="EP3" s="538"/>
      <c r="EQ3" s="538"/>
      <c r="ER3" s="538"/>
      <c r="ES3" s="538"/>
      <c r="ET3" s="538"/>
      <c r="EU3" s="538"/>
      <c r="EV3" s="538"/>
      <c r="EW3" s="538"/>
      <c r="EX3" s="538"/>
      <c r="EY3" s="539"/>
    </row>
    <row r="4" spans="1:155" ht="22.5" customHeight="1" x14ac:dyDescent="0.2">
      <c r="A4" s="532"/>
      <c r="B4" s="526" t="s">
        <v>61</v>
      </c>
      <c r="C4" s="527"/>
      <c r="D4" s="528"/>
      <c r="E4" s="529" t="s">
        <v>62</v>
      </c>
      <c r="F4" s="527"/>
      <c r="G4" s="527"/>
      <c r="H4" s="527"/>
      <c r="I4" s="527"/>
      <c r="J4" s="527"/>
      <c r="K4" s="530"/>
      <c r="L4" s="524" t="s">
        <v>52</v>
      </c>
      <c r="M4" s="526" t="s">
        <v>61</v>
      </c>
      <c r="N4" s="527"/>
      <c r="O4" s="528"/>
      <c r="P4" s="529" t="s">
        <v>62</v>
      </c>
      <c r="Q4" s="527"/>
      <c r="R4" s="527"/>
      <c r="S4" s="527"/>
      <c r="T4" s="527"/>
      <c r="U4" s="527"/>
      <c r="V4" s="528"/>
      <c r="W4" s="524" t="s">
        <v>52</v>
      </c>
      <c r="X4" s="526" t="s">
        <v>61</v>
      </c>
      <c r="Y4" s="527"/>
      <c r="Z4" s="528"/>
      <c r="AA4" s="529" t="s">
        <v>62</v>
      </c>
      <c r="AB4" s="527"/>
      <c r="AC4" s="527"/>
      <c r="AD4" s="527"/>
      <c r="AE4" s="527"/>
      <c r="AF4" s="527"/>
      <c r="AG4" s="528"/>
      <c r="AH4" s="524" t="s">
        <v>52</v>
      </c>
      <c r="AI4" s="526" t="s">
        <v>61</v>
      </c>
      <c r="AJ4" s="527"/>
      <c r="AK4" s="528"/>
      <c r="AL4" s="529" t="s">
        <v>62</v>
      </c>
      <c r="AM4" s="527"/>
      <c r="AN4" s="527"/>
      <c r="AO4" s="527"/>
      <c r="AP4" s="527"/>
      <c r="AQ4" s="527"/>
      <c r="AR4" s="528"/>
      <c r="AS4" s="524" t="s">
        <v>52</v>
      </c>
      <c r="AT4" s="526" t="s">
        <v>61</v>
      </c>
      <c r="AU4" s="527"/>
      <c r="AV4" s="528"/>
      <c r="AW4" s="529" t="s">
        <v>62</v>
      </c>
      <c r="AX4" s="527"/>
      <c r="AY4" s="527"/>
      <c r="AZ4" s="527"/>
      <c r="BA4" s="527"/>
      <c r="BB4" s="527"/>
      <c r="BC4" s="530"/>
      <c r="BD4" s="524" t="s">
        <v>52</v>
      </c>
      <c r="BE4" s="526" t="s">
        <v>61</v>
      </c>
      <c r="BF4" s="527"/>
      <c r="BG4" s="528"/>
      <c r="BH4" s="529" t="s">
        <v>62</v>
      </c>
      <c r="BI4" s="527"/>
      <c r="BJ4" s="527"/>
      <c r="BK4" s="527"/>
      <c r="BL4" s="527"/>
      <c r="BM4" s="527"/>
      <c r="BN4" s="528"/>
      <c r="BO4" s="524" t="s">
        <v>52</v>
      </c>
      <c r="BP4" s="526" t="s">
        <v>61</v>
      </c>
      <c r="BQ4" s="527"/>
      <c r="BR4" s="528"/>
      <c r="BS4" s="529" t="s">
        <v>62</v>
      </c>
      <c r="BT4" s="527"/>
      <c r="BU4" s="527"/>
      <c r="BV4" s="527"/>
      <c r="BW4" s="527"/>
      <c r="BX4" s="527"/>
      <c r="BY4" s="528"/>
      <c r="BZ4" s="524" t="s">
        <v>52</v>
      </c>
      <c r="CA4" s="526" t="s">
        <v>61</v>
      </c>
      <c r="CB4" s="527"/>
      <c r="CC4" s="528"/>
      <c r="CD4" s="529" t="s">
        <v>62</v>
      </c>
      <c r="CE4" s="527"/>
      <c r="CF4" s="527"/>
      <c r="CG4" s="527"/>
      <c r="CH4" s="527"/>
      <c r="CI4" s="527"/>
      <c r="CJ4" s="528"/>
      <c r="CK4" s="524" t="s">
        <v>52</v>
      </c>
      <c r="CL4" s="526" t="s">
        <v>61</v>
      </c>
      <c r="CM4" s="527"/>
      <c r="CN4" s="528"/>
      <c r="CO4" s="529" t="s">
        <v>62</v>
      </c>
      <c r="CP4" s="527"/>
      <c r="CQ4" s="527"/>
      <c r="CR4" s="527"/>
      <c r="CS4" s="527"/>
      <c r="CT4" s="527"/>
      <c r="CU4" s="528"/>
      <c r="CV4" s="524" t="s">
        <v>52</v>
      </c>
      <c r="CW4" s="526" t="s">
        <v>61</v>
      </c>
      <c r="CX4" s="527"/>
      <c r="CY4" s="528"/>
      <c r="CZ4" s="529" t="s">
        <v>62</v>
      </c>
      <c r="DA4" s="527"/>
      <c r="DB4" s="527"/>
      <c r="DC4" s="527"/>
      <c r="DD4" s="527"/>
      <c r="DE4" s="527"/>
      <c r="DF4" s="528"/>
      <c r="DG4" s="524" t="s">
        <v>52</v>
      </c>
      <c r="DH4" s="526" t="s">
        <v>61</v>
      </c>
      <c r="DI4" s="527"/>
      <c r="DJ4" s="528"/>
      <c r="DK4" s="529" t="s">
        <v>62</v>
      </c>
      <c r="DL4" s="527"/>
      <c r="DM4" s="527"/>
      <c r="DN4" s="527"/>
      <c r="DO4" s="527"/>
      <c r="DP4" s="527"/>
      <c r="DQ4" s="528"/>
      <c r="DR4" s="524" t="s">
        <v>52</v>
      </c>
      <c r="DS4" s="526" t="s">
        <v>61</v>
      </c>
      <c r="DT4" s="527"/>
      <c r="DU4" s="528"/>
      <c r="DV4" s="529" t="s">
        <v>62</v>
      </c>
      <c r="DW4" s="527"/>
      <c r="DX4" s="527"/>
      <c r="DY4" s="527"/>
      <c r="DZ4" s="527"/>
      <c r="EA4" s="527"/>
      <c r="EB4" s="528"/>
      <c r="EC4" s="524" t="s">
        <v>52</v>
      </c>
      <c r="ED4" s="526" t="s">
        <v>61</v>
      </c>
      <c r="EE4" s="527"/>
      <c r="EF4" s="528"/>
      <c r="EG4" s="529" t="s">
        <v>62</v>
      </c>
      <c r="EH4" s="527"/>
      <c r="EI4" s="527"/>
      <c r="EJ4" s="527"/>
      <c r="EK4" s="527"/>
      <c r="EL4" s="527"/>
      <c r="EM4" s="528"/>
      <c r="EN4" s="524" t="s">
        <v>52</v>
      </c>
      <c r="EO4" s="526" t="s">
        <v>61</v>
      </c>
      <c r="EP4" s="527"/>
      <c r="EQ4" s="528"/>
      <c r="ER4" s="529" t="s">
        <v>62</v>
      </c>
      <c r="ES4" s="527"/>
      <c r="ET4" s="527"/>
      <c r="EU4" s="527"/>
      <c r="EV4" s="527"/>
      <c r="EW4" s="527"/>
      <c r="EX4" s="528"/>
      <c r="EY4" s="524" t="s">
        <v>52</v>
      </c>
    </row>
    <row r="5" spans="1:155" ht="34.5" customHeight="1" thickBot="1" x14ac:dyDescent="0.25">
      <c r="A5" s="533"/>
      <c r="B5" s="298" t="s">
        <v>43</v>
      </c>
      <c r="C5" s="294" t="s">
        <v>44</v>
      </c>
      <c r="D5" s="435" t="s">
        <v>45</v>
      </c>
      <c r="E5" s="302" t="s">
        <v>83</v>
      </c>
      <c r="F5" s="294" t="s">
        <v>47</v>
      </c>
      <c r="G5" s="294" t="s">
        <v>48</v>
      </c>
      <c r="H5" s="294" t="s">
        <v>49</v>
      </c>
      <c r="I5" s="294" t="s">
        <v>50</v>
      </c>
      <c r="J5" s="294" t="s">
        <v>51</v>
      </c>
      <c r="K5" s="303" t="s">
        <v>45</v>
      </c>
      <c r="L5" s="525"/>
      <c r="M5" s="298" t="s">
        <v>43</v>
      </c>
      <c r="N5" s="294" t="s">
        <v>44</v>
      </c>
      <c r="O5" s="300" t="s">
        <v>45</v>
      </c>
      <c r="P5" s="302" t="s">
        <v>83</v>
      </c>
      <c r="Q5" s="294" t="s">
        <v>47</v>
      </c>
      <c r="R5" s="294" t="s">
        <v>48</v>
      </c>
      <c r="S5" s="294" t="s">
        <v>49</v>
      </c>
      <c r="T5" s="294" t="s">
        <v>50</v>
      </c>
      <c r="U5" s="294" t="s">
        <v>51</v>
      </c>
      <c r="V5" s="300" t="s">
        <v>45</v>
      </c>
      <c r="W5" s="525"/>
      <c r="X5" s="298" t="s">
        <v>43</v>
      </c>
      <c r="Y5" s="294" t="s">
        <v>44</v>
      </c>
      <c r="Z5" s="300" t="s">
        <v>45</v>
      </c>
      <c r="AA5" s="302" t="s">
        <v>83</v>
      </c>
      <c r="AB5" s="294" t="s">
        <v>47</v>
      </c>
      <c r="AC5" s="294" t="s">
        <v>48</v>
      </c>
      <c r="AD5" s="294" t="s">
        <v>49</v>
      </c>
      <c r="AE5" s="294" t="s">
        <v>50</v>
      </c>
      <c r="AF5" s="294" t="s">
        <v>51</v>
      </c>
      <c r="AG5" s="300" t="s">
        <v>45</v>
      </c>
      <c r="AH5" s="525"/>
      <c r="AI5" s="298" t="s">
        <v>43</v>
      </c>
      <c r="AJ5" s="294" t="s">
        <v>44</v>
      </c>
      <c r="AK5" s="300" t="s">
        <v>45</v>
      </c>
      <c r="AL5" s="302" t="s">
        <v>83</v>
      </c>
      <c r="AM5" s="294" t="s">
        <v>47</v>
      </c>
      <c r="AN5" s="294" t="s">
        <v>48</v>
      </c>
      <c r="AO5" s="294" t="s">
        <v>49</v>
      </c>
      <c r="AP5" s="294" t="s">
        <v>50</v>
      </c>
      <c r="AQ5" s="294" t="s">
        <v>51</v>
      </c>
      <c r="AR5" s="300" t="s">
        <v>45</v>
      </c>
      <c r="AS5" s="525"/>
      <c r="AT5" s="298" t="s">
        <v>43</v>
      </c>
      <c r="AU5" s="294" t="s">
        <v>44</v>
      </c>
      <c r="AV5" s="300" t="s">
        <v>45</v>
      </c>
      <c r="AW5" s="302" t="s">
        <v>83</v>
      </c>
      <c r="AX5" s="294" t="s">
        <v>47</v>
      </c>
      <c r="AY5" s="294" t="s">
        <v>48</v>
      </c>
      <c r="AZ5" s="294" t="s">
        <v>49</v>
      </c>
      <c r="BA5" s="294" t="s">
        <v>50</v>
      </c>
      <c r="BB5" s="294" t="s">
        <v>51</v>
      </c>
      <c r="BC5" s="303" t="s">
        <v>45</v>
      </c>
      <c r="BD5" s="525"/>
      <c r="BE5" s="298" t="s">
        <v>43</v>
      </c>
      <c r="BF5" s="294" t="s">
        <v>44</v>
      </c>
      <c r="BG5" s="300" t="s">
        <v>45</v>
      </c>
      <c r="BH5" s="302" t="s">
        <v>83</v>
      </c>
      <c r="BI5" s="294" t="s">
        <v>47</v>
      </c>
      <c r="BJ5" s="294" t="s">
        <v>48</v>
      </c>
      <c r="BK5" s="294" t="s">
        <v>49</v>
      </c>
      <c r="BL5" s="294" t="s">
        <v>50</v>
      </c>
      <c r="BM5" s="294" t="s">
        <v>51</v>
      </c>
      <c r="BN5" s="300" t="s">
        <v>45</v>
      </c>
      <c r="BO5" s="525"/>
      <c r="BP5" s="298" t="s">
        <v>43</v>
      </c>
      <c r="BQ5" s="294" t="s">
        <v>44</v>
      </c>
      <c r="BR5" s="300" t="s">
        <v>45</v>
      </c>
      <c r="BS5" s="302" t="s">
        <v>83</v>
      </c>
      <c r="BT5" s="294" t="s">
        <v>47</v>
      </c>
      <c r="BU5" s="294" t="s">
        <v>48</v>
      </c>
      <c r="BV5" s="294" t="s">
        <v>49</v>
      </c>
      <c r="BW5" s="294" t="s">
        <v>50</v>
      </c>
      <c r="BX5" s="294" t="s">
        <v>51</v>
      </c>
      <c r="BY5" s="300" t="s">
        <v>45</v>
      </c>
      <c r="BZ5" s="525"/>
      <c r="CA5" s="298" t="s">
        <v>43</v>
      </c>
      <c r="CB5" s="294" t="s">
        <v>44</v>
      </c>
      <c r="CC5" s="300" t="s">
        <v>45</v>
      </c>
      <c r="CD5" s="302" t="s">
        <v>83</v>
      </c>
      <c r="CE5" s="294" t="s">
        <v>47</v>
      </c>
      <c r="CF5" s="294" t="s">
        <v>48</v>
      </c>
      <c r="CG5" s="294" t="s">
        <v>49</v>
      </c>
      <c r="CH5" s="294" t="s">
        <v>50</v>
      </c>
      <c r="CI5" s="294" t="s">
        <v>51</v>
      </c>
      <c r="CJ5" s="300" t="s">
        <v>45</v>
      </c>
      <c r="CK5" s="525"/>
      <c r="CL5" s="298" t="s">
        <v>43</v>
      </c>
      <c r="CM5" s="294" t="s">
        <v>44</v>
      </c>
      <c r="CN5" s="300" t="s">
        <v>45</v>
      </c>
      <c r="CO5" s="302" t="s">
        <v>83</v>
      </c>
      <c r="CP5" s="294" t="s">
        <v>47</v>
      </c>
      <c r="CQ5" s="294" t="s">
        <v>48</v>
      </c>
      <c r="CR5" s="294" t="s">
        <v>49</v>
      </c>
      <c r="CS5" s="294" t="s">
        <v>50</v>
      </c>
      <c r="CT5" s="294" t="s">
        <v>51</v>
      </c>
      <c r="CU5" s="300" t="s">
        <v>45</v>
      </c>
      <c r="CV5" s="525"/>
      <c r="CW5" s="298" t="s">
        <v>43</v>
      </c>
      <c r="CX5" s="294" t="s">
        <v>44</v>
      </c>
      <c r="CY5" s="300" t="s">
        <v>45</v>
      </c>
      <c r="CZ5" s="302" t="s">
        <v>83</v>
      </c>
      <c r="DA5" s="294" t="s">
        <v>47</v>
      </c>
      <c r="DB5" s="294" t="s">
        <v>48</v>
      </c>
      <c r="DC5" s="294" t="s">
        <v>49</v>
      </c>
      <c r="DD5" s="294" t="s">
        <v>50</v>
      </c>
      <c r="DE5" s="294" t="s">
        <v>51</v>
      </c>
      <c r="DF5" s="300" t="s">
        <v>45</v>
      </c>
      <c r="DG5" s="525"/>
      <c r="DH5" s="386" t="s">
        <v>43</v>
      </c>
      <c r="DI5" s="294" t="s">
        <v>44</v>
      </c>
      <c r="DJ5" s="300" t="s">
        <v>45</v>
      </c>
      <c r="DK5" s="302" t="s">
        <v>83</v>
      </c>
      <c r="DL5" s="294" t="s">
        <v>47</v>
      </c>
      <c r="DM5" s="294" t="s">
        <v>48</v>
      </c>
      <c r="DN5" s="294" t="s">
        <v>49</v>
      </c>
      <c r="DO5" s="294" t="s">
        <v>50</v>
      </c>
      <c r="DP5" s="294" t="s">
        <v>51</v>
      </c>
      <c r="DQ5" s="300" t="s">
        <v>45</v>
      </c>
      <c r="DR5" s="525"/>
      <c r="DS5" s="298" t="s">
        <v>43</v>
      </c>
      <c r="DT5" s="294" t="s">
        <v>44</v>
      </c>
      <c r="DU5" s="300" t="s">
        <v>45</v>
      </c>
      <c r="DV5" s="302" t="s">
        <v>83</v>
      </c>
      <c r="DW5" s="294" t="s">
        <v>47</v>
      </c>
      <c r="DX5" s="294" t="s">
        <v>48</v>
      </c>
      <c r="DY5" s="294" t="s">
        <v>49</v>
      </c>
      <c r="DZ5" s="294" t="s">
        <v>50</v>
      </c>
      <c r="EA5" s="294" t="s">
        <v>51</v>
      </c>
      <c r="EB5" s="300" t="s">
        <v>45</v>
      </c>
      <c r="EC5" s="525"/>
      <c r="ED5" s="298" t="s">
        <v>43</v>
      </c>
      <c r="EE5" s="294" t="s">
        <v>44</v>
      </c>
      <c r="EF5" s="300" t="s">
        <v>45</v>
      </c>
      <c r="EG5" s="302" t="s">
        <v>83</v>
      </c>
      <c r="EH5" s="294" t="s">
        <v>47</v>
      </c>
      <c r="EI5" s="294" t="s">
        <v>48</v>
      </c>
      <c r="EJ5" s="294" t="s">
        <v>49</v>
      </c>
      <c r="EK5" s="294" t="s">
        <v>50</v>
      </c>
      <c r="EL5" s="294" t="s">
        <v>51</v>
      </c>
      <c r="EM5" s="300" t="s">
        <v>45</v>
      </c>
      <c r="EN5" s="525"/>
      <c r="EO5" s="298" t="s">
        <v>43</v>
      </c>
      <c r="EP5" s="294" t="s">
        <v>44</v>
      </c>
      <c r="EQ5" s="300" t="s">
        <v>45</v>
      </c>
      <c r="ER5" s="302" t="s">
        <v>83</v>
      </c>
      <c r="ES5" s="294" t="s">
        <v>47</v>
      </c>
      <c r="ET5" s="294" t="s">
        <v>48</v>
      </c>
      <c r="EU5" s="294" t="s">
        <v>49</v>
      </c>
      <c r="EV5" s="294" t="s">
        <v>50</v>
      </c>
      <c r="EW5" s="294" t="s">
        <v>51</v>
      </c>
      <c r="EX5" s="300" t="s">
        <v>45</v>
      </c>
      <c r="EY5" s="525"/>
    </row>
    <row r="6" spans="1:155" ht="19.5" customHeight="1" x14ac:dyDescent="0.2">
      <c r="A6" s="295" t="s">
        <v>4</v>
      </c>
      <c r="B6" s="304">
        <v>2</v>
      </c>
      <c r="C6" s="308">
        <v>0</v>
      </c>
      <c r="D6" s="436">
        <v>2</v>
      </c>
      <c r="E6" s="307">
        <v>0</v>
      </c>
      <c r="F6" s="308">
        <v>19110</v>
      </c>
      <c r="G6" s="308">
        <v>22040</v>
      </c>
      <c r="H6" s="308">
        <v>11895</v>
      </c>
      <c r="I6" s="308">
        <v>9572</v>
      </c>
      <c r="J6" s="308">
        <v>7156</v>
      </c>
      <c r="K6" s="309">
        <v>69773</v>
      </c>
      <c r="L6" s="310">
        <v>69775</v>
      </c>
      <c r="M6" s="304">
        <v>2</v>
      </c>
      <c r="N6" s="308">
        <v>30</v>
      </c>
      <c r="O6" s="305">
        <v>32</v>
      </c>
      <c r="P6" s="307">
        <v>0</v>
      </c>
      <c r="Q6" s="308">
        <v>128</v>
      </c>
      <c r="R6" s="308">
        <v>510</v>
      </c>
      <c r="S6" s="308">
        <v>814</v>
      </c>
      <c r="T6" s="308">
        <v>1913</v>
      </c>
      <c r="U6" s="308">
        <v>3397</v>
      </c>
      <c r="V6" s="305">
        <v>6762</v>
      </c>
      <c r="W6" s="310">
        <v>6794</v>
      </c>
      <c r="X6" s="304">
        <v>2086</v>
      </c>
      <c r="Y6" s="308">
        <v>5185</v>
      </c>
      <c r="Z6" s="305">
        <v>7271</v>
      </c>
      <c r="AA6" s="307">
        <v>0</v>
      </c>
      <c r="AB6" s="308">
        <v>10649</v>
      </c>
      <c r="AC6" s="308">
        <v>14964</v>
      </c>
      <c r="AD6" s="308">
        <v>8896</v>
      </c>
      <c r="AE6" s="308">
        <v>8054</v>
      </c>
      <c r="AF6" s="308">
        <v>6296</v>
      </c>
      <c r="AG6" s="305">
        <v>48859</v>
      </c>
      <c r="AH6" s="310">
        <v>56130</v>
      </c>
      <c r="AI6" s="304">
        <v>239</v>
      </c>
      <c r="AJ6" s="308">
        <v>703</v>
      </c>
      <c r="AK6" s="305">
        <v>942</v>
      </c>
      <c r="AL6" s="307">
        <v>0</v>
      </c>
      <c r="AM6" s="308">
        <v>974</v>
      </c>
      <c r="AN6" s="308">
        <v>1649</v>
      </c>
      <c r="AO6" s="308">
        <v>1037</v>
      </c>
      <c r="AP6" s="308">
        <v>920</v>
      </c>
      <c r="AQ6" s="308">
        <v>629</v>
      </c>
      <c r="AR6" s="305">
        <v>5209</v>
      </c>
      <c r="AS6" s="310">
        <v>6151</v>
      </c>
      <c r="AT6" s="304">
        <v>2697</v>
      </c>
      <c r="AU6" s="308">
        <v>3626</v>
      </c>
      <c r="AV6" s="305">
        <v>6323</v>
      </c>
      <c r="AW6" s="307">
        <v>0</v>
      </c>
      <c r="AX6" s="308">
        <v>17178</v>
      </c>
      <c r="AY6" s="308">
        <v>20842</v>
      </c>
      <c r="AZ6" s="308">
        <v>17904</v>
      </c>
      <c r="BA6" s="308">
        <v>17486</v>
      </c>
      <c r="BB6" s="308">
        <v>13386</v>
      </c>
      <c r="BC6" s="309">
        <v>86796</v>
      </c>
      <c r="BD6" s="310">
        <v>93119</v>
      </c>
      <c r="BE6" s="304">
        <v>0</v>
      </c>
      <c r="BF6" s="308">
        <v>0</v>
      </c>
      <c r="BG6" s="305">
        <v>0</v>
      </c>
      <c r="BH6" s="307">
        <v>0</v>
      </c>
      <c r="BI6" s="308">
        <v>20997</v>
      </c>
      <c r="BJ6" s="308">
        <v>19683</v>
      </c>
      <c r="BK6" s="308">
        <v>10518</v>
      </c>
      <c r="BL6" s="308">
        <v>6268</v>
      </c>
      <c r="BM6" s="308">
        <v>3001</v>
      </c>
      <c r="BN6" s="305">
        <v>60467</v>
      </c>
      <c r="BO6" s="310">
        <v>60467</v>
      </c>
      <c r="BP6" s="304">
        <v>1523</v>
      </c>
      <c r="BQ6" s="308">
        <v>2527</v>
      </c>
      <c r="BR6" s="305">
        <v>4050</v>
      </c>
      <c r="BS6" s="307">
        <v>0</v>
      </c>
      <c r="BT6" s="308">
        <v>4247</v>
      </c>
      <c r="BU6" s="308">
        <v>6347</v>
      </c>
      <c r="BV6" s="308">
        <v>3631</v>
      </c>
      <c r="BW6" s="308">
        <v>2374</v>
      </c>
      <c r="BX6" s="308">
        <v>847</v>
      </c>
      <c r="BY6" s="305">
        <v>17446</v>
      </c>
      <c r="BZ6" s="310">
        <v>21496</v>
      </c>
      <c r="CA6" s="304">
        <v>52</v>
      </c>
      <c r="CB6" s="308">
        <v>218</v>
      </c>
      <c r="CC6" s="305">
        <v>270</v>
      </c>
      <c r="CD6" s="307">
        <v>0</v>
      </c>
      <c r="CE6" s="308">
        <v>2057</v>
      </c>
      <c r="CF6" s="308">
        <v>3418</v>
      </c>
      <c r="CG6" s="308">
        <v>4290</v>
      </c>
      <c r="CH6" s="308">
        <v>3005</v>
      </c>
      <c r="CI6" s="308">
        <v>1712</v>
      </c>
      <c r="CJ6" s="305">
        <v>14482</v>
      </c>
      <c r="CK6" s="310">
        <v>14752</v>
      </c>
      <c r="CL6" s="304">
        <v>2</v>
      </c>
      <c r="CM6" s="308">
        <v>17</v>
      </c>
      <c r="CN6" s="305">
        <v>19</v>
      </c>
      <c r="CO6" s="307">
        <v>0</v>
      </c>
      <c r="CP6" s="308">
        <v>189</v>
      </c>
      <c r="CQ6" s="308">
        <v>457</v>
      </c>
      <c r="CR6" s="308">
        <v>552</v>
      </c>
      <c r="CS6" s="308">
        <v>479</v>
      </c>
      <c r="CT6" s="308">
        <v>329</v>
      </c>
      <c r="CU6" s="305">
        <v>2006</v>
      </c>
      <c r="CV6" s="310">
        <v>2025</v>
      </c>
      <c r="CW6" s="304">
        <v>0</v>
      </c>
      <c r="CX6" s="308">
        <v>0</v>
      </c>
      <c r="CY6" s="305">
        <v>0</v>
      </c>
      <c r="CZ6" s="307">
        <v>0</v>
      </c>
      <c r="DA6" s="308">
        <v>0</v>
      </c>
      <c r="DB6" s="308">
        <v>0</v>
      </c>
      <c r="DC6" s="308">
        <v>0</v>
      </c>
      <c r="DD6" s="308">
        <v>0</v>
      </c>
      <c r="DE6" s="308">
        <v>0</v>
      </c>
      <c r="DF6" s="305">
        <v>0</v>
      </c>
      <c r="DG6" s="310">
        <v>0</v>
      </c>
      <c r="DH6" s="304">
        <v>0</v>
      </c>
      <c r="DI6" s="308">
        <v>0</v>
      </c>
      <c r="DJ6" s="305">
        <v>0</v>
      </c>
      <c r="DK6" s="307">
        <v>0</v>
      </c>
      <c r="DL6" s="308">
        <v>0</v>
      </c>
      <c r="DM6" s="308">
        <v>0</v>
      </c>
      <c r="DN6" s="308">
        <v>1</v>
      </c>
      <c r="DO6" s="308">
        <v>0</v>
      </c>
      <c r="DP6" s="308">
        <v>0</v>
      </c>
      <c r="DQ6" s="305">
        <v>1</v>
      </c>
      <c r="DR6" s="310">
        <v>1</v>
      </c>
      <c r="DS6" s="304">
        <v>10082</v>
      </c>
      <c r="DT6" s="308">
        <v>21776</v>
      </c>
      <c r="DU6" s="305">
        <v>31858</v>
      </c>
      <c r="DV6" s="307">
        <v>0</v>
      </c>
      <c r="DW6" s="308">
        <v>25913</v>
      </c>
      <c r="DX6" s="308">
        <v>43566</v>
      </c>
      <c r="DY6" s="308">
        <v>25459</v>
      </c>
      <c r="DZ6" s="308">
        <v>19935</v>
      </c>
      <c r="EA6" s="308">
        <v>12625</v>
      </c>
      <c r="EB6" s="305">
        <v>127498</v>
      </c>
      <c r="EC6" s="310">
        <v>159356</v>
      </c>
      <c r="ED6" s="304">
        <v>1714</v>
      </c>
      <c r="EE6" s="308">
        <v>1331</v>
      </c>
      <c r="EF6" s="305">
        <v>3045</v>
      </c>
      <c r="EG6" s="307">
        <v>0</v>
      </c>
      <c r="EH6" s="308">
        <v>5821</v>
      </c>
      <c r="EI6" s="308">
        <v>5343</v>
      </c>
      <c r="EJ6" s="308">
        <v>4532</v>
      </c>
      <c r="EK6" s="308">
        <v>5085</v>
      </c>
      <c r="EL6" s="308">
        <v>3036</v>
      </c>
      <c r="EM6" s="305">
        <v>23817</v>
      </c>
      <c r="EN6" s="310">
        <v>26862</v>
      </c>
      <c r="EO6" s="304">
        <v>13008</v>
      </c>
      <c r="EP6" s="308">
        <v>25946</v>
      </c>
      <c r="EQ6" s="305">
        <v>38954</v>
      </c>
      <c r="ER6" s="307">
        <v>0</v>
      </c>
      <c r="ES6" s="308">
        <v>55301</v>
      </c>
      <c r="ET6" s="308">
        <v>58305</v>
      </c>
      <c r="EU6" s="308">
        <v>30478</v>
      </c>
      <c r="EV6" s="308">
        <v>21351</v>
      </c>
      <c r="EW6" s="308">
        <v>13025</v>
      </c>
      <c r="EX6" s="305">
        <v>178460</v>
      </c>
      <c r="EY6" s="310">
        <v>217414</v>
      </c>
    </row>
    <row r="7" spans="1:155" ht="19.5" customHeight="1" x14ac:dyDescent="0.2">
      <c r="A7" s="296" t="s">
        <v>5</v>
      </c>
      <c r="B7" s="311">
        <v>0</v>
      </c>
      <c r="C7" s="315">
        <v>0</v>
      </c>
      <c r="D7" s="437">
        <v>0</v>
      </c>
      <c r="E7" s="314">
        <v>0</v>
      </c>
      <c r="F7" s="315">
        <v>6751</v>
      </c>
      <c r="G7" s="315">
        <v>11038</v>
      </c>
      <c r="H7" s="315">
        <v>5267</v>
      </c>
      <c r="I7" s="315">
        <v>3938</v>
      </c>
      <c r="J7" s="315">
        <v>2988</v>
      </c>
      <c r="K7" s="316">
        <v>29982</v>
      </c>
      <c r="L7" s="317">
        <v>29982</v>
      </c>
      <c r="M7" s="311">
        <v>1</v>
      </c>
      <c r="N7" s="315">
        <v>14</v>
      </c>
      <c r="O7" s="312">
        <v>15</v>
      </c>
      <c r="P7" s="314">
        <v>0</v>
      </c>
      <c r="Q7" s="315">
        <v>30</v>
      </c>
      <c r="R7" s="315">
        <v>196</v>
      </c>
      <c r="S7" s="315">
        <v>312</v>
      </c>
      <c r="T7" s="315">
        <v>748</v>
      </c>
      <c r="U7" s="315">
        <v>1451</v>
      </c>
      <c r="V7" s="312">
        <v>2737</v>
      </c>
      <c r="W7" s="317">
        <v>2752</v>
      </c>
      <c r="X7" s="311">
        <v>932</v>
      </c>
      <c r="Y7" s="315">
        <v>2693</v>
      </c>
      <c r="Z7" s="312">
        <v>3625</v>
      </c>
      <c r="AA7" s="314">
        <v>0</v>
      </c>
      <c r="AB7" s="315">
        <v>3929</v>
      </c>
      <c r="AC7" s="315">
        <v>7788</v>
      </c>
      <c r="AD7" s="315">
        <v>4213</v>
      </c>
      <c r="AE7" s="315">
        <v>3591</v>
      </c>
      <c r="AF7" s="315">
        <v>2747</v>
      </c>
      <c r="AG7" s="312">
        <v>22268</v>
      </c>
      <c r="AH7" s="317">
        <v>25893</v>
      </c>
      <c r="AI7" s="311">
        <v>105</v>
      </c>
      <c r="AJ7" s="315">
        <v>345</v>
      </c>
      <c r="AK7" s="312">
        <v>450</v>
      </c>
      <c r="AL7" s="314">
        <v>0</v>
      </c>
      <c r="AM7" s="315">
        <v>254</v>
      </c>
      <c r="AN7" s="315">
        <v>725</v>
      </c>
      <c r="AO7" s="315">
        <v>416</v>
      </c>
      <c r="AP7" s="315">
        <v>368</v>
      </c>
      <c r="AQ7" s="315">
        <v>252</v>
      </c>
      <c r="AR7" s="312">
        <v>2015</v>
      </c>
      <c r="AS7" s="317">
        <v>2465</v>
      </c>
      <c r="AT7" s="311">
        <v>1084</v>
      </c>
      <c r="AU7" s="315">
        <v>1687</v>
      </c>
      <c r="AV7" s="312">
        <v>2771</v>
      </c>
      <c r="AW7" s="314">
        <v>0</v>
      </c>
      <c r="AX7" s="315">
        <v>6190</v>
      </c>
      <c r="AY7" s="315">
        <v>9211</v>
      </c>
      <c r="AZ7" s="315">
        <v>7359</v>
      </c>
      <c r="BA7" s="315">
        <v>6988</v>
      </c>
      <c r="BB7" s="315">
        <v>5478</v>
      </c>
      <c r="BC7" s="316">
        <v>35226</v>
      </c>
      <c r="BD7" s="317">
        <v>37997</v>
      </c>
      <c r="BE7" s="311">
        <v>0</v>
      </c>
      <c r="BF7" s="315">
        <v>0</v>
      </c>
      <c r="BG7" s="312">
        <v>0</v>
      </c>
      <c r="BH7" s="314">
        <v>0</v>
      </c>
      <c r="BI7" s="315">
        <v>6595</v>
      </c>
      <c r="BJ7" s="315">
        <v>8280</v>
      </c>
      <c r="BK7" s="315">
        <v>4003</v>
      </c>
      <c r="BL7" s="315">
        <v>2231</v>
      </c>
      <c r="BM7" s="315">
        <v>1135</v>
      </c>
      <c r="BN7" s="312">
        <v>22244</v>
      </c>
      <c r="BO7" s="317">
        <v>22244</v>
      </c>
      <c r="BP7" s="311">
        <v>686</v>
      </c>
      <c r="BQ7" s="315">
        <v>1180</v>
      </c>
      <c r="BR7" s="312">
        <v>1866</v>
      </c>
      <c r="BS7" s="314">
        <v>0</v>
      </c>
      <c r="BT7" s="315">
        <v>1332</v>
      </c>
      <c r="BU7" s="315">
        <v>3058</v>
      </c>
      <c r="BV7" s="315">
        <v>1685</v>
      </c>
      <c r="BW7" s="315">
        <v>1042</v>
      </c>
      <c r="BX7" s="315">
        <v>395</v>
      </c>
      <c r="BY7" s="312">
        <v>7512</v>
      </c>
      <c r="BZ7" s="317">
        <v>9378</v>
      </c>
      <c r="CA7" s="311">
        <v>14</v>
      </c>
      <c r="CB7" s="315">
        <v>77</v>
      </c>
      <c r="CC7" s="312">
        <v>91</v>
      </c>
      <c r="CD7" s="314">
        <v>0</v>
      </c>
      <c r="CE7" s="315">
        <v>541</v>
      </c>
      <c r="CF7" s="315">
        <v>1204</v>
      </c>
      <c r="CG7" s="315">
        <v>1509</v>
      </c>
      <c r="CH7" s="315">
        <v>1050</v>
      </c>
      <c r="CI7" s="315">
        <v>644</v>
      </c>
      <c r="CJ7" s="312">
        <v>4948</v>
      </c>
      <c r="CK7" s="317">
        <v>5039</v>
      </c>
      <c r="CL7" s="311">
        <v>1</v>
      </c>
      <c r="CM7" s="315">
        <v>16</v>
      </c>
      <c r="CN7" s="312">
        <v>17</v>
      </c>
      <c r="CO7" s="314">
        <v>0</v>
      </c>
      <c r="CP7" s="315">
        <v>86</v>
      </c>
      <c r="CQ7" s="315">
        <v>257</v>
      </c>
      <c r="CR7" s="315">
        <v>309</v>
      </c>
      <c r="CS7" s="315">
        <v>278</v>
      </c>
      <c r="CT7" s="315">
        <v>202</v>
      </c>
      <c r="CU7" s="312">
        <v>1132</v>
      </c>
      <c r="CV7" s="317">
        <v>1149</v>
      </c>
      <c r="CW7" s="311">
        <v>0</v>
      </c>
      <c r="CX7" s="315">
        <v>0</v>
      </c>
      <c r="CY7" s="312">
        <v>0</v>
      </c>
      <c r="CZ7" s="314">
        <v>0</v>
      </c>
      <c r="DA7" s="315">
        <v>0</v>
      </c>
      <c r="DB7" s="315">
        <v>0</v>
      </c>
      <c r="DC7" s="315">
        <v>0</v>
      </c>
      <c r="DD7" s="315">
        <v>0</v>
      </c>
      <c r="DE7" s="315">
        <v>0</v>
      </c>
      <c r="DF7" s="312">
        <v>0</v>
      </c>
      <c r="DG7" s="317">
        <v>0</v>
      </c>
      <c r="DH7" s="311">
        <v>0</v>
      </c>
      <c r="DI7" s="315">
        <v>0</v>
      </c>
      <c r="DJ7" s="312">
        <v>0</v>
      </c>
      <c r="DK7" s="314">
        <v>0</v>
      </c>
      <c r="DL7" s="315">
        <v>0</v>
      </c>
      <c r="DM7" s="315">
        <v>0</v>
      </c>
      <c r="DN7" s="315">
        <v>0</v>
      </c>
      <c r="DO7" s="315">
        <v>0</v>
      </c>
      <c r="DP7" s="315">
        <v>0</v>
      </c>
      <c r="DQ7" s="312">
        <v>0</v>
      </c>
      <c r="DR7" s="317">
        <v>0</v>
      </c>
      <c r="DS7" s="311">
        <v>3359</v>
      </c>
      <c r="DT7" s="315">
        <v>9230</v>
      </c>
      <c r="DU7" s="312">
        <v>12589</v>
      </c>
      <c r="DV7" s="314">
        <v>0</v>
      </c>
      <c r="DW7" s="315">
        <v>7249</v>
      </c>
      <c r="DX7" s="315">
        <v>19494</v>
      </c>
      <c r="DY7" s="315">
        <v>10471</v>
      </c>
      <c r="DZ7" s="315">
        <v>7866</v>
      </c>
      <c r="EA7" s="315">
        <v>5178</v>
      </c>
      <c r="EB7" s="312">
        <v>50258</v>
      </c>
      <c r="EC7" s="317">
        <v>62847</v>
      </c>
      <c r="ED7" s="311">
        <v>705</v>
      </c>
      <c r="EE7" s="315">
        <v>521</v>
      </c>
      <c r="EF7" s="312">
        <v>1226</v>
      </c>
      <c r="EG7" s="314">
        <v>0</v>
      </c>
      <c r="EH7" s="315">
        <v>2388</v>
      </c>
      <c r="EI7" s="315">
        <v>2556</v>
      </c>
      <c r="EJ7" s="315">
        <v>2015</v>
      </c>
      <c r="EK7" s="315">
        <v>2191</v>
      </c>
      <c r="EL7" s="315">
        <v>1272</v>
      </c>
      <c r="EM7" s="312">
        <v>10422</v>
      </c>
      <c r="EN7" s="317">
        <v>11648</v>
      </c>
      <c r="EO7" s="311">
        <v>4694</v>
      </c>
      <c r="EP7" s="315">
        <v>11330</v>
      </c>
      <c r="EQ7" s="312">
        <v>16024</v>
      </c>
      <c r="ER7" s="314">
        <v>0</v>
      </c>
      <c r="ES7" s="315">
        <v>17877</v>
      </c>
      <c r="ET7" s="315">
        <v>26718</v>
      </c>
      <c r="EU7" s="315">
        <v>12735</v>
      </c>
      <c r="EV7" s="315">
        <v>8586</v>
      </c>
      <c r="EW7" s="315">
        <v>5385</v>
      </c>
      <c r="EX7" s="312">
        <v>71301</v>
      </c>
      <c r="EY7" s="317">
        <v>87325</v>
      </c>
    </row>
    <row r="8" spans="1:155" ht="19.5" customHeight="1" x14ac:dyDescent="0.2">
      <c r="A8" s="296" t="s">
        <v>6</v>
      </c>
      <c r="B8" s="311">
        <v>0</v>
      </c>
      <c r="C8" s="315">
        <v>0</v>
      </c>
      <c r="D8" s="437">
        <v>0</v>
      </c>
      <c r="E8" s="314">
        <v>0</v>
      </c>
      <c r="F8" s="315">
        <v>3403</v>
      </c>
      <c r="G8" s="315">
        <v>2880</v>
      </c>
      <c r="H8" s="315">
        <v>1750</v>
      </c>
      <c r="I8" s="315">
        <v>1566</v>
      </c>
      <c r="J8" s="315">
        <v>1142</v>
      </c>
      <c r="K8" s="316">
        <v>10741</v>
      </c>
      <c r="L8" s="317">
        <v>10741</v>
      </c>
      <c r="M8" s="311">
        <v>0</v>
      </c>
      <c r="N8" s="315">
        <v>4</v>
      </c>
      <c r="O8" s="312">
        <v>4</v>
      </c>
      <c r="P8" s="314">
        <v>0</v>
      </c>
      <c r="Q8" s="315">
        <v>21</v>
      </c>
      <c r="R8" s="315">
        <v>64</v>
      </c>
      <c r="S8" s="315">
        <v>116</v>
      </c>
      <c r="T8" s="315">
        <v>295</v>
      </c>
      <c r="U8" s="315">
        <v>505</v>
      </c>
      <c r="V8" s="312">
        <v>1001</v>
      </c>
      <c r="W8" s="317">
        <v>1005</v>
      </c>
      <c r="X8" s="311">
        <v>318</v>
      </c>
      <c r="Y8" s="315">
        <v>698</v>
      </c>
      <c r="Z8" s="312">
        <v>1016</v>
      </c>
      <c r="AA8" s="314">
        <v>0</v>
      </c>
      <c r="AB8" s="315">
        <v>1888</v>
      </c>
      <c r="AC8" s="315">
        <v>1907</v>
      </c>
      <c r="AD8" s="315">
        <v>1208</v>
      </c>
      <c r="AE8" s="315">
        <v>1194</v>
      </c>
      <c r="AF8" s="315">
        <v>932</v>
      </c>
      <c r="AG8" s="312">
        <v>7129</v>
      </c>
      <c r="AH8" s="317">
        <v>8145</v>
      </c>
      <c r="AI8" s="311">
        <v>18</v>
      </c>
      <c r="AJ8" s="315">
        <v>60</v>
      </c>
      <c r="AK8" s="312">
        <v>78</v>
      </c>
      <c r="AL8" s="314">
        <v>0</v>
      </c>
      <c r="AM8" s="315">
        <v>139</v>
      </c>
      <c r="AN8" s="315">
        <v>183</v>
      </c>
      <c r="AO8" s="315">
        <v>124</v>
      </c>
      <c r="AP8" s="315">
        <v>121</v>
      </c>
      <c r="AQ8" s="315">
        <v>71</v>
      </c>
      <c r="AR8" s="312">
        <v>638</v>
      </c>
      <c r="AS8" s="317">
        <v>716</v>
      </c>
      <c r="AT8" s="311">
        <v>459</v>
      </c>
      <c r="AU8" s="315">
        <v>543</v>
      </c>
      <c r="AV8" s="312">
        <v>1002</v>
      </c>
      <c r="AW8" s="314">
        <v>0</v>
      </c>
      <c r="AX8" s="315">
        <v>3184</v>
      </c>
      <c r="AY8" s="315">
        <v>3364</v>
      </c>
      <c r="AZ8" s="315">
        <v>2961</v>
      </c>
      <c r="BA8" s="315">
        <v>3100</v>
      </c>
      <c r="BB8" s="315">
        <v>2368</v>
      </c>
      <c r="BC8" s="316">
        <v>14977</v>
      </c>
      <c r="BD8" s="317">
        <v>15979</v>
      </c>
      <c r="BE8" s="311">
        <v>0</v>
      </c>
      <c r="BF8" s="315">
        <v>0</v>
      </c>
      <c r="BG8" s="312">
        <v>0</v>
      </c>
      <c r="BH8" s="314">
        <v>0</v>
      </c>
      <c r="BI8" s="315">
        <v>3553</v>
      </c>
      <c r="BJ8" s="315">
        <v>2559</v>
      </c>
      <c r="BK8" s="315">
        <v>1463</v>
      </c>
      <c r="BL8" s="315">
        <v>972</v>
      </c>
      <c r="BM8" s="315">
        <v>459</v>
      </c>
      <c r="BN8" s="312">
        <v>9006</v>
      </c>
      <c r="BO8" s="317">
        <v>9006</v>
      </c>
      <c r="BP8" s="311">
        <v>104</v>
      </c>
      <c r="BQ8" s="315">
        <v>197</v>
      </c>
      <c r="BR8" s="312">
        <v>301</v>
      </c>
      <c r="BS8" s="314">
        <v>0</v>
      </c>
      <c r="BT8" s="315">
        <v>569</v>
      </c>
      <c r="BU8" s="315">
        <v>702</v>
      </c>
      <c r="BV8" s="315">
        <v>474</v>
      </c>
      <c r="BW8" s="315">
        <v>330</v>
      </c>
      <c r="BX8" s="315">
        <v>108</v>
      </c>
      <c r="BY8" s="312">
        <v>2183</v>
      </c>
      <c r="BZ8" s="317">
        <v>2484</v>
      </c>
      <c r="CA8" s="311">
        <v>6</v>
      </c>
      <c r="CB8" s="315">
        <v>24</v>
      </c>
      <c r="CC8" s="312">
        <v>30</v>
      </c>
      <c r="CD8" s="314">
        <v>0</v>
      </c>
      <c r="CE8" s="315">
        <v>284</v>
      </c>
      <c r="CF8" s="315">
        <v>394</v>
      </c>
      <c r="CG8" s="315">
        <v>504</v>
      </c>
      <c r="CH8" s="315">
        <v>360</v>
      </c>
      <c r="CI8" s="315">
        <v>219</v>
      </c>
      <c r="CJ8" s="312">
        <v>1761</v>
      </c>
      <c r="CK8" s="317">
        <v>1791</v>
      </c>
      <c r="CL8" s="311">
        <v>0</v>
      </c>
      <c r="CM8" s="315">
        <v>0</v>
      </c>
      <c r="CN8" s="312">
        <v>0</v>
      </c>
      <c r="CO8" s="314">
        <v>0</v>
      </c>
      <c r="CP8" s="315">
        <v>27</v>
      </c>
      <c r="CQ8" s="315">
        <v>45</v>
      </c>
      <c r="CR8" s="315">
        <v>59</v>
      </c>
      <c r="CS8" s="315">
        <v>62</v>
      </c>
      <c r="CT8" s="315">
        <v>37</v>
      </c>
      <c r="CU8" s="312">
        <v>230</v>
      </c>
      <c r="CV8" s="317">
        <v>230</v>
      </c>
      <c r="CW8" s="311">
        <v>0</v>
      </c>
      <c r="CX8" s="315">
        <v>0</v>
      </c>
      <c r="CY8" s="312">
        <v>0</v>
      </c>
      <c r="CZ8" s="314">
        <v>0</v>
      </c>
      <c r="DA8" s="315">
        <v>0</v>
      </c>
      <c r="DB8" s="315">
        <v>0</v>
      </c>
      <c r="DC8" s="315">
        <v>0</v>
      </c>
      <c r="DD8" s="315">
        <v>0</v>
      </c>
      <c r="DE8" s="315">
        <v>0</v>
      </c>
      <c r="DF8" s="312">
        <v>0</v>
      </c>
      <c r="DG8" s="317">
        <v>0</v>
      </c>
      <c r="DH8" s="311">
        <v>0</v>
      </c>
      <c r="DI8" s="315">
        <v>0</v>
      </c>
      <c r="DJ8" s="312">
        <v>0</v>
      </c>
      <c r="DK8" s="314">
        <v>0</v>
      </c>
      <c r="DL8" s="315">
        <v>0</v>
      </c>
      <c r="DM8" s="315">
        <v>0</v>
      </c>
      <c r="DN8" s="315">
        <v>0</v>
      </c>
      <c r="DO8" s="315">
        <v>0</v>
      </c>
      <c r="DP8" s="315">
        <v>0</v>
      </c>
      <c r="DQ8" s="312">
        <v>0</v>
      </c>
      <c r="DR8" s="317">
        <v>0</v>
      </c>
      <c r="DS8" s="311">
        <v>1518</v>
      </c>
      <c r="DT8" s="315">
        <v>2750</v>
      </c>
      <c r="DU8" s="312">
        <v>4268</v>
      </c>
      <c r="DV8" s="314">
        <v>0</v>
      </c>
      <c r="DW8" s="315">
        <v>4840</v>
      </c>
      <c r="DX8" s="315">
        <v>5565</v>
      </c>
      <c r="DY8" s="315">
        <v>3643</v>
      </c>
      <c r="DZ8" s="315">
        <v>3194</v>
      </c>
      <c r="EA8" s="315">
        <v>1987</v>
      </c>
      <c r="EB8" s="312">
        <v>19229</v>
      </c>
      <c r="EC8" s="317">
        <v>23497</v>
      </c>
      <c r="ED8" s="311">
        <v>251</v>
      </c>
      <c r="EE8" s="315">
        <v>172</v>
      </c>
      <c r="EF8" s="312">
        <v>423</v>
      </c>
      <c r="EG8" s="314">
        <v>0</v>
      </c>
      <c r="EH8" s="315">
        <v>801</v>
      </c>
      <c r="EI8" s="315">
        <v>686</v>
      </c>
      <c r="EJ8" s="315">
        <v>654</v>
      </c>
      <c r="EK8" s="315">
        <v>782</v>
      </c>
      <c r="EL8" s="315">
        <v>505</v>
      </c>
      <c r="EM8" s="312">
        <v>3428</v>
      </c>
      <c r="EN8" s="317">
        <v>3851</v>
      </c>
      <c r="EO8" s="311">
        <v>1865</v>
      </c>
      <c r="EP8" s="315">
        <v>3236</v>
      </c>
      <c r="EQ8" s="312">
        <v>5101</v>
      </c>
      <c r="ER8" s="314">
        <v>0</v>
      </c>
      <c r="ES8" s="315">
        <v>9261</v>
      </c>
      <c r="ET8" s="315">
        <v>7233</v>
      </c>
      <c r="EU8" s="315">
        <v>4224</v>
      </c>
      <c r="EV8" s="315">
        <v>3315</v>
      </c>
      <c r="EW8" s="315">
        <v>2042</v>
      </c>
      <c r="EX8" s="312">
        <v>26075</v>
      </c>
      <c r="EY8" s="317">
        <v>31176</v>
      </c>
    </row>
    <row r="9" spans="1:155" ht="19.5" customHeight="1" x14ac:dyDescent="0.2">
      <c r="A9" s="296" t="s">
        <v>14</v>
      </c>
      <c r="B9" s="311">
        <v>0</v>
      </c>
      <c r="C9" s="315">
        <v>0</v>
      </c>
      <c r="D9" s="437">
        <v>0</v>
      </c>
      <c r="E9" s="314">
        <v>0</v>
      </c>
      <c r="F9" s="315">
        <v>1183</v>
      </c>
      <c r="G9" s="315">
        <v>1505</v>
      </c>
      <c r="H9" s="315">
        <v>896</v>
      </c>
      <c r="I9" s="315">
        <v>669</v>
      </c>
      <c r="J9" s="315">
        <v>464</v>
      </c>
      <c r="K9" s="316">
        <v>4717</v>
      </c>
      <c r="L9" s="317">
        <v>4717</v>
      </c>
      <c r="M9" s="311">
        <v>0</v>
      </c>
      <c r="N9" s="315">
        <v>2</v>
      </c>
      <c r="O9" s="312">
        <v>2</v>
      </c>
      <c r="P9" s="314">
        <v>0</v>
      </c>
      <c r="Q9" s="315">
        <v>2</v>
      </c>
      <c r="R9" s="315">
        <v>30</v>
      </c>
      <c r="S9" s="315">
        <v>58</v>
      </c>
      <c r="T9" s="315">
        <v>133</v>
      </c>
      <c r="U9" s="315">
        <v>210</v>
      </c>
      <c r="V9" s="312">
        <v>433</v>
      </c>
      <c r="W9" s="317">
        <v>435</v>
      </c>
      <c r="X9" s="311">
        <v>113</v>
      </c>
      <c r="Y9" s="315">
        <v>375</v>
      </c>
      <c r="Z9" s="312">
        <v>488</v>
      </c>
      <c r="AA9" s="314">
        <v>0</v>
      </c>
      <c r="AB9" s="315">
        <v>613</v>
      </c>
      <c r="AC9" s="315">
        <v>966</v>
      </c>
      <c r="AD9" s="315">
        <v>657</v>
      </c>
      <c r="AE9" s="315">
        <v>616</v>
      </c>
      <c r="AF9" s="315">
        <v>439</v>
      </c>
      <c r="AG9" s="312">
        <v>3291</v>
      </c>
      <c r="AH9" s="317">
        <v>3779</v>
      </c>
      <c r="AI9" s="311">
        <v>5</v>
      </c>
      <c r="AJ9" s="315">
        <v>37</v>
      </c>
      <c r="AK9" s="312">
        <v>42</v>
      </c>
      <c r="AL9" s="314">
        <v>0</v>
      </c>
      <c r="AM9" s="315">
        <v>20</v>
      </c>
      <c r="AN9" s="315">
        <v>57</v>
      </c>
      <c r="AO9" s="315">
        <v>59</v>
      </c>
      <c r="AP9" s="315">
        <v>40</v>
      </c>
      <c r="AQ9" s="315">
        <v>30</v>
      </c>
      <c r="AR9" s="312">
        <v>206</v>
      </c>
      <c r="AS9" s="317">
        <v>248</v>
      </c>
      <c r="AT9" s="311">
        <v>189</v>
      </c>
      <c r="AU9" s="315">
        <v>300</v>
      </c>
      <c r="AV9" s="312">
        <v>489</v>
      </c>
      <c r="AW9" s="314">
        <v>0</v>
      </c>
      <c r="AX9" s="315">
        <v>1256</v>
      </c>
      <c r="AY9" s="315">
        <v>1552</v>
      </c>
      <c r="AZ9" s="315">
        <v>1451</v>
      </c>
      <c r="BA9" s="315">
        <v>1311</v>
      </c>
      <c r="BB9" s="315">
        <v>928</v>
      </c>
      <c r="BC9" s="316">
        <v>6498</v>
      </c>
      <c r="BD9" s="317">
        <v>6987</v>
      </c>
      <c r="BE9" s="311">
        <v>0</v>
      </c>
      <c r="BF9" s="315">
        <v>0</v>
      </c>
      <c r="BG9" s="312">
        <v>0</v>
      </c>
      <c r="BH9" s="314">
        <v>0</v>
      </c>
      <c r="BI9" s="315">
        <v>1509</v>
      </c>
      <c r="BJ9" s="315">
        <v>1517</v>
      </c>
      <c r="BK9" s="315">
        <v>1019</v>
      </c>
      <c r="BL9" s="315">
        <v>611</v>
      </c>
      <c r="BM9" s="315">
        <v>271</v>
      </c>
      <c r="BN9" s="312">
        <v>4927</v>
      </c>
      <c r="BO9" s="317">
        <v>4927</v>
      </c>
      <c r="BP9" s="311">
        <v>76</v>
      </c>
      <c r="BQ9" s="315">
        <v>186</v>
      </c>
      <c r="BR9" s="312">
        <v>262</v>
      </c>
      <c r="BS9" s="314">
        <v>0</v>
      </c>
      <c r="BT9" s="315">
        <v>140</v>
      </c>
      <c r="BU9" s="315">
        <v>361</v>
      </c>
      <c r="BV9" s="315">
        <v>222</v>
      </c>
      <c r="BW9" s="315">
        <v>175</v>
      </c>
      <c r="BX9" s="315">
        <v>41</v>
      </c>
      <c r="BY9" s="312">
        <v>939</v>
      </c>
      <c r="BZ9" s="317">
        <v>1201</v>
      </c>
      <c r="CA9" s="311">
        <v>2</v>
      </c>
      <c r="CB9" s="315">
        <v>20</v>
      </c>
      <c r="CC9" s="312">
        <v>22</v>
      </c>
      <c r="CD9" s="314">
        <v>0</v>
      </c>
      <c r="CE9" s="315">
        <v>156</v>
      </c>
      <c r="CF9" s="315">
        <v>263</v>
      </c>
      <c r="CG9" s="315">
        <v>401</v>
      </c>
      <c r="CH9" s="315">
        <v>288</v>
      </c>
      <c r="CI9" s="315">
        <v>145</v>
      </c>
      <c r="CJ9" s="312">
        <v>1253</v>
      </c>
      <c r="CK9" s="317">
        <v>1275</v>
      </c>
      <c r="CL9" s="311">
        <v>0</v>
      </c>
      <c r="CM9" s="315">
        <v>0</v>
      </c>
      <c r="CN9" s="312">
        <v>0</v>
      </c>
      <c r="CO9" s="314">
        <v>0</v>
      </c>
      <c r="CP9" s="315">
        <v>3</v>
      </c>
      <c r="CQ9" s="315">
        <v>9</v>
      </c>
      <c r="CR9" s="315">
        <v>12</v>
      </c>
      <c r="CS9" s="315">
        <v>11</v>
      </c>
      <c r="CT9" s="315">
        <v>6</v>
      </c>
      <c r="CU9" s="312">
        <v>41</v>
      </c>
      <c r="CV9" s="317">
        <v>41</v>
      </c>
      <c r="CW9" s="311">
        <v>0</v>
      </c>
      <c r="CX9" s="315">
        <v>0</v>
      </c>
      <c r="CY9" s="312">
        <v>0</v>
      </c>
      <c r="CZ9" s="314">
        <v>0</v>
      </c>
      <c r="DA9" s="315">
        <v>0</v>
      </c>
      <c r="DB9" s="315">
        <v>0</v>
      </c>
      <c r="DC9" s="315">
        <v>0</v>
      </c>
      <c r="DD9" s="315">
        <v>0</v>
      </c>
      <c r="DE9" s="315">
        <v>0</v>
      </c>
      <c r="DF9" s="312">
        <v>0</v>
      </c>
      <c r="DG9" s="317">
        <v>0</v>
      </c>
      <c r="DH9" s="311">
        <v>0</v>
      </c>
      <c r="DI9" s="315">
        <v>0</v>
      </c>
      <c r="DJ9" s="312">
        <v>0</v>
      </c>
      <c r="DK9" s="314">
        <v>0</v>
      </c>
      <c r="DL9" s="315">
        <v>0</v>
      </c>
      <c r="DM9" s="315">
        <v>0</v>
      </c>
      <c r="DN9" s="315">
        <v>0</v>
      </c>
      <c r="DO9" s="315">
        <v>0</v>
      </c>
      <c r="DP9" s="315">
        <v>0</v>
      </c>
      <c r="DQ9" s="312">
        <v>0</v>
      </c>
      <c r="DR9" s="317">
        <v>0</v>
      </c>
      <c r="DS9" s="311">
        <v>776</v>
      </c>
      <c r="DT9" s="315">
        <v>2204</v>
      </c>
      <c r="DU9" s="312">
        <v>2980</v>
      </c>
      <c r="DV9" s="314">
        <v>0</v>
      </c>
      <c r="DW9" s="315">
        <v>1649</v>
      </c>
      <c r="DX9" s="315">
        <v>3395</v>
      </c>
      <c r="DY9" s="315">
        <v>2138</v>
      </c>
      <c r="DZ9" s="315">
        <v>1665</v>
      </c>
      <c r="EA9" s="315">
        <v>908</v>
      </c>
      <c r="EB9" s="312">
        <v>9755</v>
      </c>
      <c r="EC9" s="317">
        <v>12735</v>
      </c>
      <c r="ED9" s="311">
        <v>132</v>
      </c>
      <c r="EE9" s="315">
        <v>126</v>
      </c>
      <c r="EF9" s="312">
        <v>258</v>
      </c>
      <c r="EG9" s="314">
        <v>0</v>
      </c>
      <c r="EH9" s="315">
        <v>336</v>
      </c>
      <c r="EI9" s="315">
        <v>280</v>
      </c>
      <c r="EJ9" s="315">
        <v>259</v>
      </c>
      <c r="EK9" s="315">
        <v>295</v>
      </c>
      <c r="EL9" s="315">
        <v>154</v>
      </c>
      <c r="EM9" s="312">
        <v>1324</v>
      </c>
      <c r="EN9" s="317">
        <v>1582</v>
      </c>
      <c r="EO9" s="311">
        <v>930</v>
      </c>
      <c r="EP9" s="315">
        <v>2463</v>
      </c>
      <c r="EQ9" s="312">
        <v>3393</v>
      </c>
      <c r="ER9" s="314">
        <v>0</v>
      </c>
      <c r="ES9" s="315">
        <v>3769</v>
      </c>
      <c r="ET9" s="315">
        <v>4422</v>
      </c>
      <c r="EU9" s="315">
        <v>2595</v>
      </c>
      <c r="EV9" s="315">
        <v>1816</v>
      </c>
      <c r="EW9" s="315">
        <v>956</v>
      </c>
      <c r="EX9" s="312">
        <v>13558</v>
      </c>
      <c r="EY9" s="317">
        <v>16951</v>
      </c>
    </row>
    <row r="10" spans="1:155" ht="19.5" customHeight="1" x14ac:dyDescent="0.2">
      <c r="A10" s="296" t="s">
        <v>7</v>
      </c>
      <c r="B10" s="311">
        <v>0</v>
      </c>
      <c r="C10" s="315">
        <v>0</v>
      </c>
      <c r="D10" s="437">
        <v>0</v>
      </c>
      <c r="E10" s="314">
        <v>0</v>
      </c>
      <c r="F10" s="315">
        <v>1513</v>
      </c>
      <c r="G10" s="315">
        <v>1167</v>
      </c>
      <c r="H10" s="315">
        <v>623</v>
      </c>
      <c r="I10" s="315">
        <v>554</v>
      </c>
      <c r="J10" s="315">
        <v>372</v>
      </c>
      <c r="K10" s="316">
        <v>4229</v>
      </c>
      <c r="L10" s="317">
        <v>4229</v>
      </c>
      <c r="M10" s="311">
        <v>0</v>
      </c>
      <c r="N10" s="315">
        <v>0</v>
      </c>
      <c r="O10" s="312">
        <v>0</v>
      </c>
      <c r="P10" s="314">
        <v>0</v>
      </c>
      <c r="Q10" s="315">
        <v>17</v>
      </c>
      <c r="R10" s="315">
        <v>41</v>
      </c>
      <c r="S10" s="315">
        <v>60</v>
      </c>
      <c r="T10" s="315">
        <v>116</v>
      </c>
      <c r="U10" s="315">
        <v>198</v>
      </c>
      <c r="V10" s="312">
        <v>432</v>
      </c>
      <c r="W10" s="317">
        <v>432</v>
      </c>
      <c r="X10" s="311">
        <v>11</v>
      </c>
      <c r="Y10" s="315">
        <v>23</v>
      </c>
      <c r="Z10" s="312">
        <v>34</v>
      </c>
      <c r="AA10" s="314">
        <v>0</v>
      </c>
      <c r="AB10" s="315">
        <v>452</v>
      </c>
      <c r="AC10" s="315">
        <v>502</v>
      </c>
      <c r="AD10" s="315">
        <v>336</v>
      </c>
      <c r="AE10" s="315">
        <v>327</v>
      </c>
      <c r="AF10" s="315">
        <v>277</v>
      </c>
      <c r="AG10" s="312">
        <v>1894</v>
      </c>
      <c r="AH10" s="317">
        <v>1928</v>
      </c>
      <c r="AI10" s="311">
        <v>4</v>
      </c>
      <c r="AJ10" s="315">
        <v>5</v>
      </c>
      <c r="AK10" s="312">
        <v>9</v>
      </c>
      <c r="AL10" s="314">
        <v>0</v>
      </c>
      <c r="AM10" s="315">
        <v>52</v>
      </c>
      <c r="AN10" s="315">
        <v>73</v>
      </c>
      <c r="AO10" s="315">
        <v>39</v>
      </c>
      <c r="AP10" s="315">
        <v>48</v>
      </c>
      <c r="AQ10" s="315">
        <v>33</v>
      </c>
      <c r="AR10" s="312">
        <v>245</v>
      </c>
      <c r="AS10" s="317">
        <v>254</v>
      </c>
      <c r="AT10" s="311">
        <v>127</v>
      </c>
      <c r="AU10" s="315">
        <v>106</v>
      </c>
      <c r="AV10" s="312">
        <v>233</v>
      </c>
      <c r="AW10" s="314">
        <v>0</v>
      </c>
      <c r="AX10" s="315">
        <v>1122</v>
      </c>
      <c r="AY10" s="315">
        <v>1020</v>
      </c>
      <c r="AZ10" s="315">
        <v>929</v>
      </c>
      <c r="BA10" s="315">
        <v>949</v>
      </c>
      <c r="BB10" s="315">
        <v>622</v>
      </c>
      <c r="BC10" s="316">
        <v>4642</v>
      </c>
      <c r="BD10" s="317">
        <v>4875</v>
      </c>
      <c r="BE10" s="311">
        <v>0</v>
      </c>
      <c r="BF10" s="315">
        <v>0</v>
      </c>
      <c r="BG10" s="312">
        <v>0</v>
      </c>
      <c r="BH10" s="314">
        <v>0</v>
      </c>
      <c r="BI10" s="315">
        <v>1705</v>
      </c>
      <c r="BJ10" s="315">
        <v>1156</v>
      </c>
      <c r="BK10" s="315">
        <v>540</v>
      </c>
      <c r="BL10" s="315">
        <v>339</v>
      </c>
      <c r="BM10" s="315">
        <v>144</v>
      </c>
      <c r="BN10" s="312">
        <v>3884</v>
      </c>
      <c r="BO10" s="317">
        <v>3884</v>
      </c>
      <c r="BP10" s="311">
        <v>34</v>
      </c>
      <c r="BQ10" s="315">
        <v>49</v>
      </c>
      <c r="BR10" s="312">
        <v>83</v>
      </c>
      <c r="BS10" s="314">
        <v>0</v>
      </c>
      <c r="BT10" s="315">
        <v>262</v>
      </c>
      <c r="BU10" s="315">
        <v>230</v>
      </c>
      <c r="BV10" s="315">
        <v>135</v>
      </c>
      <c r="BW10" s="315">
        <v>69</v>
      </c>
      <c r="BX10" s="315">
        <v>19</v>
      </c>
      <c r="BY10" s="312">
        <v>715</v>
      </c>
      <c r="BZ10" s="317">
        <v>798</v>
      </c>
      <c r="CA10" s="311">
        <v>2</v>
      </c>
      <c r="CB10" s="315">
        <v>1</v>
      </c>
      <c r="CC10" s="312">
        <v>3</v>
      </c>
      <c r="CD10" s="314">
        <v>0</v>
      </c>
      <c r="CE10" s="315">
        <v>200</v>
      </c>
      <c r="CF10" s="315">
        <v>268</v>
      </c>
      <c r="CG10" s="315">
        <v>253</v>
      </c>
      <c r="CH10" s="315">
        <v>184</v>
      </c>
      <c r="CI10" s="315">
        <v>91</v>
      </c>
      <c r="CJ10" s="312">
        <v>996</v>
      </c>
      <c r="CK10" s="317">
        <v>999</v>
      </c>
      <c r="CL10" s="311">
        <v>0</v>
      </c>
      <c r="CM10" s="315">
        <v>0</v>
      </c>
      <c r="CN10" s="312">
        <v>0</v>
      </c>
      <c r="CO10" s="314">
        <v>0</v>
      </c>
      <c r="CP10" s="315">
        <v>7</v>
      </c>
      <c r="CQ10" s="315">
        <v>15</v>
      </c>
      <c r="CR10" s="315">
        <v>16</v>
      </c>
      <c r="CS10" s="315">
        <v>9</v>
      </c>
      <c r="CT10" s="315">
        <v>4</v>
      </c>
      <c r="CU10" s="312">
        <v>51</v>
      </c>
      <c r="CV10" s="317">
        <v>51</v>
      </c>
      <c r="CW10" s="311">
        <v>0</v>
      </c>
      <c r="CX10" s="315">
        <v>0</v>
      </c>
      <c r="CY10" s="312">
        <v>0</v>
      </c>
      <c r="CZ10" s="314">
        <v>0</v>
      </c>
      <c r="DA10" s="315">
        <v>0</v>
      </c>
      <c r="DB10" s="315">
        <v>0</v>
      </c>
      <c r="DC10" s="315">
        <v>0</v>
      </c>
      <c r="DD10" s="315">
        <v>0</v>
      </c>
      <c r="DE10" s="315">
        <v>0</v>
      </c>
      <c r="DF10" s="312">
        <v>0</v>
      </c>
      <c r="DG10" s="317">
        <v>0</v>
      </c>
      <c r="DH10" s="311">
        <v>0</v>
      </c>
      <c r="DI10" s="315">
        <v>0</v>
      </c>
      <c r="DJ10" s="312">
        <v>0</v>
      </c>
      <c r="DK10" s="314">
        <v>0</v>
      </c>
      <c r="DL10" s="315">
        <v>0</v>
      </c>
      <c r="DM10" s="315">
        <v>0</v>
      </c>
      <c r="DN10" s="315">
        <v>0</v>
      </c>
      <c r="DO10" s="315">
        <v>0</v>
      </c>
      <c r="DP10" s="315">
        <v>0</v>
      </c>
      <c r="DQ10" s="312">
        <v>0</v>
      </c>
      <c r="DR10" s="317">
        <v>0</v>
      </c>
      <c r="DS10" s="311">
        <v>289</v>
      </c>
      <c r="DT10" s="315">
        <v>633</v>
      </c>
      <c r="DU10" s="312">
        <v>922</v>
      </c>
      <c r="DV10" s="314">
        <v>0</v>
      </c>
      <c r="DW10" s="315">
        <v>1918</v>
      </c>
      <c r="DX10" s="315">
        <v>2254</v>
      </c>
      <c r="DY10" s="315">
        <v>1280</v>
      </c>
      <c r="DZ10" s="315">
        <v>999</v>
      </c>
      <c r="EA10" s="315">
        <v>605</v>
      </c>
      <c r="EB10" s="312">
        <v>7056</v>
      </c>
      <c r="EC10" s="317">
        <v>7978</v>
      </c>
      <c r="ED10" s="311">
        <v>101</v>
      </c>
      <c r="EE10" s="315">
        <v>52</v>
      </c>
      <c r="EF10" s="312">
        <v>153</v>
      </c>
      <c r="EG10" s="314">
        <v>0</v>
      </c>
      <c r="EH10" s="315">
        <v>458</v>
      </c>
      <c r="EI10" s="315">
        <v>264</v>
      </c>
      <c r="EJ10" s="315">
        <v>239</v>
      </c>
      <c r="EK10" s="315">
        <v>268</v>
      </c>
      <c r="EL10" s="315">
        <v>135</v>
      </c>
      <c r="EM10" s="312">
        <v>1364</v>
      </c>
      <c r="EN10" s="317">
        <v>1517</v>
      </c>
      <c r="EO10" s="311">
        <v>332</v>
      </c>
      <c r="EP10" s="315">
        <v>674</v>
      </c>
      <c r="EQ10" s="312">
        <v>1006</v>
      </c>
      <c r="ER10" s="314">
        <v>0</v>
      </c>
      <c r="ES10" s="315">
        <v>4270</v>
      </c>
      <c r="ET10" s="315">
        <v>3074</v>
      </c>
      <c r="EU10" s="315">
        <v>1561</v>
      </c>
      <c r="EV10" s="315">
        <v>1093</v>
      </c>
      <c r="EW10" s="315">
        <v>631</v>
      </c>
      <c r="EX10" s="312">
        <v>10629</v>
      </c>
      <c r="EY10" s="317">
        <v>11635</v>
      </c>
    </row>
    <row r="11" spans="1:155" ht="19.5" customHeight="1" x14ac:dyDescent="0.2">
      <c r="A11" s="296" t="s">
        <v>8</v>
      </c>
      <c r="B11" s="311">
        <v>0</v>
      </c>
      <c r="C11" s="315">
        <v>0</v>
      </c>
      <c r="D11" s="437">
        <v>0</v>
      </c>
      <c r="E11" s="314">
        <v>0</v>
      </c>
      <c r="F11" s="315">
        <v>466</v>
      </c>
      <c r="G11" s="315">
        <v>569</v>
      </c>
      <c r="H11" s="315">
        <v>329</v>
      </c>
      <c r="I11" s="315">
        <v>273</v>
      </c>
      <c r="J11" s="315">
        <v>218</v>
      </c>
      <c r="K11" s="316">
        <v>1855</v>
      </c>
      <c r="L11" s="317">
        <v>1855</v>
      </c>
      <c r="M11" s="311">
        <v>0</v>
      </c>
      <c r="N11" s="315">
        <v>0</v>
      </c>
      <c r="O11" s="312">
        <v>0</v>
      </c>
      <c r="P11" s="314">
        <v>0</v>
      </c>
      <c r="Q11" s="315">
        <v>5</v>
      </c>
      <c r="R11" s="315">
        <v>15</v>
      </c>
      <c r="S11" s="315">
        <v>29</v>
      </c>
      <c r="T11" s="315">
        <v>50</v>
      </c>
      <c r="U11" s="315">
        <v>88</v>
      </c>
      <c r="V11" s="312">
        <v>187</v>
      </c>
      <c r="W11" s="317">
        <v>187</v>
      </c>
      <c r="X11" s="311">
        <v>46</v>
      </c>
      <c r="Y11" s="315">
        <v>68</v>
      </c>
      <c r="Z11" s="312">
        <v>114</v>
      </c>
      <c r="AA11" s="314">
        <v>0</v>
      </c>
      <c r="AB11" s="315">
        <v>257</v>
      </c>
      <c r="AC11" s="315">
        <v>346</v>
      </c>
      <c r="AD11" s="315">
        <v>224</v>
      </c>
      <c r="AE11" s="315">
        <v>206</v>
      </c>
      <c r="AF11" s="315">
        <v>186</v>
      </c>
      <c r="AG11" s="312">
        <v>1219</v>
      </c>
      <c r="AH11" s="317">
        <v>1333</v>
      </c>
      <c r="AI11" s="311">
        <v>5</v>
      </c>
      <c r="AJ11" s="315">
        <v>14</v>
      </c>
      <c r="AK11" s="312">
        <v>19</v>
      </c>
      <c r="AL11" s="314">
        <v>0</v>
      </c>
      <c r="AM11" s="315">
        <v>43</v>
      </c>
      <c r="AN11" s="315">
        <v>82</v>
      </c>
      <c r="AO11" s="315">
        <v>54</v>
      </c>
      <c r="AP11" s="315">
        <v>32</v>
      </c>
      <c r="AQ11" s="315">
        <v>24</v>
      </c>
      <c r="AR11" s="312">
        <v>235</v>
      </c>
      <c r="AS11" s="317">
        <v>254</v>
      </c>
      <c r="AT11" s="311">
        <v>80</v>
      </c>
      <c r="AU11" s="315">
        <v>47</v>
      </c>
      <c r="AV11" s="312">
        <v>127</v>
      </c>
      <c r="AW11" s="314">
        <v>0</v>
      </c>
      <c r="AX11" s="315">
        <v>444</v>
      </c>
      <c r="AY11" s="315">
        <v>523</v>
      </c>
      <c r="AZ11" s="315">
        <v>509</v>
      </c>
      <c r="BA11" s="315">
        <v>479</v>
      </c>
      <c r="BB11" s="315">
        <v>364</v>
      </c>
      <c r="BC11" s="316">
        <v>2319</v>
      </c>
      <c r="BD11" s="317">
        <v>2446</v>
      </c>
      <c r="BE11" s="311">
        <v>0</v>
      </c>
      <c r="BF11" s="315">
        <v>0</v>
      </c>
      <c r="BG11" s="312">
        <v>0</v>
      </c>
      <c r="BH11" s="314">
        <v>0</v>
      </c>
      <c r="BI11" s="315">
        <v>578</v>
      </c>
      <c r="BJ11" s="315">
        <v>598</v>
      </c>
      <c r="BK11" s="315">
        <v>346</v>
      </c>
      <c r="BL11" s="315">
        <v>194</v>
      </c>
      <c r="BM11" s="315">
        <v>122</v>
      </c>
      <c r="BN11" s="312">
        <v>1838</v>
      </c>
      <c r="BO11" s="317">
        <v>1838</v>
      </c>
      <c r="BP11" s="311">
        <v>41</v>
      </c>
      <c r="BQ11" s="315">
        <v>49</v>
      </c>
      <c r="BR11" s="312">
        <v>90</v>
      </c>
      <c r="BS11" s="314">
        <v>0</v>
      </c>
      <c r="BT11" s="315">
        <v>121</v>
      </c>
      <c r="BU11" s="315">
        <v>160</v>
      </c>
      <c r="BV11" s="315">
        <v>87</v>
      </c>
      <c r="BW11" s="315">
        <v>55</v>
      </c>
      <c r="BX11" s="315">
        <v>14</v>
      </c>
      <c r="BY11" s="312">
        <v>437</v>
      </c>
      <c r="BZ11" s="317">
        <v>527</v>
      </c>
      <c r="CA11" s="311">
        <v>4</v>
      </c>
      <c r="CB11" s="315">
        <v>9</v>
      </c>
      <c r="CC11" s="312">
        <v>13</v>
      </c>
      <c r="CD11" s="314">
        <v>0</v>
      </c>
      <c r="CE11" s="315">
        <v>69</v>
      </c>
      <c r="CF11" s="315">
        <v>158</v>
      </c>
      <c r="CG11" s="315">
        <v>185</v>
      </c>
      <c r="CH11" s="315">
        <v>108</v>
      </c>
      <c r="CI11" s="315">
        <v>60</v>
      </c>
      <c r="CJ11" s="312">
        <v>580</v>
      </c>
      <c r="CK11" s="317">
        <v>593</v>
      </c>
      <c r="CL11" s="311">
        <v>0</v>
      </c>
      <c r="CM11" s="315">
        <v>0</v>
      </c>
      <c r="CN11" s="312">
        <v>0</v>
      </c>
      <c r="CO11" s="314">
        <v>0</v>
      </c>
      <c r="CP11" s="315">
        <v>4</v>
      </c>
      <c r="CQ11" s="315">
        <v>8</v>
      </c>
      <c r="CR11" s="315">
        <v>9</v>
      </c>
      <c r="CS11" s="315">
        <v>3</v>
      </c>
      <c r="CT11" s="315">
        <v>2</v>
      </c>
      <c r="CU11" s="312">
        <v>26</v>
      </c>
      <c r="CV11" s="317">
        <v>26</v>
      </c>
      <c r="CW11" s="311">
        <v>0</v>
      </c>
      <c r="CX11" s="315">
        <v>0</v>
      </c>
      <c r="CY11" s="312">
        <v>0</v>
      </c>
      <c r="CZ11" s="314">
        <v>0</v>
      </c>
      <c r="DA11" s="315">
        <v>0</v>
      </c>
      <c r="DB11" s="315">
        <v>0</v>
      </c>
      <c r="DC11" s="315">
        <v>0</v>
      </c>
      <c r="DD11" s="315">
        <v>0</v>
      </c>
      <c r="DE11" s="315">
        <v>0</v>
      </c>
      <c r="DF11" s="312">
        <v>0</v>
      </c>
      <c r="DG11" s="317">
        <v>0</v>
      </c>
      <c r="DH11" s="311">
        <v>0</v>
      </c>
      <c r="DI11" s="315">
        <v>0</v>
      </c>
      <c r="DJ11" s="312">
        <v>0</v>
      </c>
      <c r="DK11" s="314">
        <v>0</v>
      </c>
      <c r="DL11" s="315">
        <v>0</v>
      </c>
      <c r="DM11" s="315">
        <v>0</v>
      </c>
      <c r="DN11" s="315">
        <v>0</v>
      </c>
      <c r="DO11" s="315">
        <v>0</v>
      </c>
      <c r="DP11" s="315">
        <v>0</v>
      </c>
      <c r="DQ11" s="312">
        <v>0</v>
      </c>
      <c r="DR11" s="317">
        <v>0</v>
      </c>
      <c r="DS11" s="311">
        <v>338</v>
      </c>
      <c r="DT11" s="315">
        <v>507</v>
      </c>
      <c r="DU11" s="312">
        <v>845</v>
      </c>
      <c r="DV11" s="314">
        <v>0</v>
      </c>
      <c r="DW11" s="315">
        <v>905</v>
      </c>
      <c r="DX11" s="315">
        <v>1386</v>
      </c>
      <c r="DY11" s="315">
        <v>809</v>
      </c>
      <c r="DZ11" s="315">
        <v>569</v>
      </c>
      <c r="EA11" s="315">
        <v>391</v>
      </c>
      <c r="EB11" s="312">
        <v>4060</v>
      </c>
      <c r="EC11" s="317">
        <v>4905</v>
      </c>
      <c r="ED11" s="311">
        <v>62</v>
      </c>
      <c r="EE11" s="315">
        <v>18</v>
      </c>
      <c r="EF11" s="312">
        <v>80</v>
      </c>
      <c r="EG11" s="314">
        <v>0</v>
      </c>
      <c r="EH11" s="315">
        <v>150</v>
      </c>
      <c r="EI11" s="315">
        <v>112</v>
      </c>
      <c r="EJ11" s="315">
        <v>107</v>
      </c>
      <c r="EK11" s="315">
        <v>123</v>
      </c>
      <c r="EL11" s="315">
        <v>70</v>
      </c>
      <c r="EM11" s="312">
        <v>562</v>
      </c>
      <c r="EN11" s="317">
        <v>642</v>
      </c>
      <c r="EO11" s="311">
        <v>406</v>
      </c>
      <c r="EP11" s="315">
        <v>571</v>
      </c>
      <c r="EQ11" s="312">
        <v>977</v>
      </c>
      <c r="ER11" s="314">
        <v>0</v>
      </c>
      <c r="ES11" s="315">
        <v>1719</v>
      </c>
      <c r="ET11" s="315">
        <v>1802</v>
      </c>
      <c r="EU11" s="315">
        <v>959</v>
      </c>
      <c r="EV11" s="315">
        <v>608</v>
      </c>
      <c r="EW11" s="315">
        <v>410</v>
      </c>
      <c r="EX11" s="312">
        <v>5498</v>
      </c>
      <c r="EY11" s="317">
        <v>6475</v>
      </c>
    </row>
    <row r="12" spans="1:155" ht="19.5" customHeight="1" x14ac:dyDescent="0.2">
      <c r="A12" s="296" t="s">
        <v>9</v>
      </c>
      <c r="B12" s="311">
        <v>0</v>
      </c>
      <c r="C12" s="315">
        <v>0</v>
      </c>
      <c r="D12" s="437">
        <v>0</v>
      </c>
      <c r="E12" s="314">
        <v>0</v>
      </c>
      <c r="F12" s="315">
        <v>622</v>
      </c>
      <c r="G12" s="315">
        <v>509</v>
      </c>
      <c r="H12" s="315">
        <v>350</v>
      </c>
      <c r="I12" s="315">
        <v>347</v>
      </c>
      <c r="J12" s="315">
        <v>249</v>
      </c>
      <c r="K12" s="316">
        <v>2077</v>
      </c>
      <c r="L12" s="317">
        <v>2077</v>
      </c>
      <c r="M12" s="311">
        <v>0</v>
      </c>
      <c r="N12" s="315">
        <v>0</v>
      </c>
      <c r="O12" s="312">
        <v>0</v>
      </c>
      <c r="P12" s="314">
        <v>0</v>
      </c>
      <c r="Q12" s="315">
        <v>8</v>
      </c>
      <c r="R12" s="315">
        <v>9</v>
      </c>
      <c r="S12" s="315">
        <v>17</v>
      </c>
      <c r="T12" s="315">
        <v>55</v>
      </c>
      <c r="U12" s="315">
        <v>105</v>
      </c>
      <c r="V12" s="312">
        <v>194</v>
      </c>
      <c r="W12" s="317">
        <v>194</v>
      </c>
      <c r="X12" s="311">
        <v>30</v>
      </c>
      <c r="Y12" s="315">
        <v>68</v>
      </c>
      <c r="Z12" s="312">
        <v>98</v>
      </c>
      <c r="AA12" s="314">
        <v>0</v>
      </c>
      <c r="AB12" s="315">
        <v>322</v>
      </c>
      <c r="AC12" s="315">
        <v>280</v>
      </c>
      <c r="AD12" s="315">
        <v>219</v>
      </c>
      <c r="AE12" s="315">
        <v>248</v>
      </c>
      <c r="AF12" s="315">
        <v>173</v>
      </c>
      <c r="AG12" s="312">
        <v>1242</v>
      </c>
      <c r="AH12" s="317">
        <v>1340</v>
      </c>
      <c r="AI12" s="311">
        <v>7</v>
      </c>
      <c r="AJ12" s="315">
        <v>12</v>
      </c>
      <c r="AK12" s="312">
        <v>19</v>
      </c>
      <c r="AL12" s="314">
        <v>0</v>
      </c>
      <c r="AM12" s="315">
        <v>52</v>
      </c>
      <c r="AN12" s="315">
        <v>57</v>
      </c>
      <c r="AO12" s="315">
        <v>52</v>
      </c>
      <c r="AP12" s="315">
        <v>49</v>
      </c>
      <c r="AQ12" s="315">
        <v>40</v>
      </c>
      <c r="AR12" s="312">
        <v>250</v>
      </c>
      <c r="AS12" s="317">
        <v>269</v>
      </c>
      <c r="AT12" s="311">
        <v>81</v>
      </c>
      <c r="AU12" s="315">
        <v>71</v>
      </c>
      <c r="AV12" s="312">
        <v>152</v>
      </c>
      <c r="AW12" s="314">
        <v>0</v>
      </c>
      <c r="AX12" s="315">
        <v>491</v>
      </c>
      <c r="AY12" s="315">
        <v>502</v>
      </c>
      <c r="AZ12" s="315">
        <v>564</v>
      </c>
      <c r="BA12" s="315">
        <v>533</v>
      </c>
      <c r="BB12" s="315">
        <v>382</v>
      </c>
      <c r="BC12" s="316">
        <v>2472</v>
      </c>
      <c r="BD12" s="317">
        <v>2624</v>
      </c>
      <c r="BE12" s="311">
        <v>0</v>
      </c>
      <c r="BF12" s="315">
        <v>0</v>
      </c>
      <c r="BG12" s="312">
        <v>0</v>
      </c>
      <c r="BH12" s="314">
        <v>0</v>
      </c>
      <c r="BI12" s="315">
        <v>548</v>
      </c>
      <c r="BJ12" s="315">
        <v>390</v>
      </c>
      <c r="BK12" s="315">
        <v>240</v>
      </c>
      <c r="BL12" s="315">
        <v>163</v>
      </c>
      <c r="BM12" s="315">
        <v>62</v>
      </c>
      <c r="BN12" s="312">
        <v>1403</v>
      </c>
      <c r="BO12" s="317">
        <v>1403</v>
      </c>
      <c r="BP12" s="311">
        <v>38</v>
      </c>
      <c r="BQ12" s="315">
        <v>54</v>
      </c>
      <c r="BR12" s="312">
        <v>92</v>
      </c>
      <c r="BS12" s="314">
        <v>0</v>
      </c>
      <c r="BT12" s="315">
        <v>91</v>
      </c>
      <c r="BU12" s="315">
        <v>104</v>
      </c>
      <c r="BV12" s="315">
        <v>63</v>
      </c>
      <c r="BW12" s="315">
        <v>75</v>
      </c>
      <c r="BX12" s="315">
        <v>19</v>
      </c>
      <c r="BY12" s="312">
        <v>352</v>
      </c>
      <c r="BZ12" s="317">
        <v>444</v>
      </c>
      <c r="CA12" s="311">
        <v>3</v>
      </c>
      <c r="CB12" s="315">
        <v>1</v>
      </c>
      <c r="CC12" s="312">
        <v>4</v>
      </c>
      <c r="CD12" s="314">
        <v>0</v>
      </c>
      <c r="CE12" s="315">
        <v>58</v>
      </c>
      <c r="CF12" s="315">
        <v>84</v>
      </c>
      <c r="CG12" s="315">
        <v>117</v>
      </c>
      <c r="CH12" s="315">
        <v>102</v>
      </c>
      <c r="CI12" s="315">
        <v>59</v>
      </c>
      <c r="CJ12" s="312">
        <v>420</v>
      </c>
      <c r="CK12" s="317">
        <v>424</v>
      </c>
      <c r="CL12" s="311">
        <v>0</v>
      </c>
      <c r="CM12" s="315">
        <v>0</v>
      </c>
      <c r="CN12" s="312">
        <v>0</v>
      </c>
      <c r="CO12" s="314">
        <v>0</v>
      </c>
      <c r="CP12" s="315">
        <v>7</v>
      </c>
      <c r="CQ12" s="315">
        <v>21</v>
      </c>
      <c r="CR12" s="315">
        <v>23</v>
      </c>
      <c r="CS12" s="315">
        <v>21</v>
      </c>
      <c r="CT12" s="315">
        <v>9</v>
      </c>
      <c r="CU12" s="312">
        <v>81</v>
      </c>
      <c r="CV12" s="317">
        <v>81</v>
      </c>
      <c r="CW12" s="311">
        <v>0</v>
      </c>
      <c r="CX12" s="315">
        <v>0</v>
      </c>
      <c r="CY12" s="312">
        <v>0</v>
      </c>
      <c r="CZ12" s="314">
        <v>0</v>
      </c>
      <c r="DA12" s="315">
        <v>0</v>
      </c>
      <c r="DB12" s="315">
        <v>0</v>
      </c>
      <c r="DC12" s="315">
        <v>0</v>
      </c>
      <c r="DD12" s="315">
        <v>0</v>
      </c>
      <c r="DE12" s="315">
        <v>0</v>
      </c>
      <c r="DF12" s="312">
        <v>0</v>
      </c>
      <c r="DG12" s="317">
        <v>0</v>
      </c>
      <c r="DH12" s="311">
        <v>0</v>
      </c>
      <c r="DI12" s="315">
        <v>0</v>
      </c>
      <c r="DJ12" s="312">
        <v>0</v>
      </c>
      <c r="DK12" s="314">
        <v>0</v>
      </c>
      <c r="DL12" s="315">
        <v>0</v>
      </c>
      <c r="DM12" s="315">
        <v>0</v>
      </c>
      <c r="DN12" s="315">
        <v>0</v>
      </c>
      <c r="DO12" s="315">
        <v>0</v>
      </c>
      <c r="DP12" s="315">
        <v>0</v>
      </c>
      <c r="DQ12" s="312">
        <v>0</v>
      </c>
      <c r="DR12" s="317">
        <v>0</v>
      </c>
      <c r="DS12" s="311">
        <v>330</v>
      </c>
      <c r="DT12" s="315">
        <v>467</v>
      </c>
      <c r="DU12" s="312">
        <v>797</v>
      </c>
      <c r="DV12" s="314">
        <v>0</v>
      </c>
      <c r="DW12" s="315">
        <v>916</v>
      </c>
      <c r="DX12" s="315">
        <v>980</v>
      </c>
      <c r="DY12" s="315">
        <v>632</v>
      </c>
      <c r="DZ12" s="315">
        <v>567</v>
      </c>
      <c r="EA12" s="315">
        <v>367</v>
      </c>
      <c r="EB12" s="312">
        <v>3462</v>
      </c>
      <c r="EC12" s="317">
        <v>4259</v>
      </c>
      <c r="ED12" s="311">
        <v>53</v>
      </c>
      <c r="EE12" s="315">
        <v>32</v>
      </c>
      <c r="EF12" s="312">
        <v>85</v>
      </c>
      <c r="EG12" s="314">
        <v>0</v>
      </c>
      <c r="EH12" s="315">
        <v>180</v>
      </c>
      <c r="EI12" s="315">
        <v>155</v>
      </c>
      <c r="EJ12" s="315">
        <v>147</v>
      </c>
      <c r="EK12" s="315">
        <v>147</v>
      </c>
      <c r="EL12" s="315">
        <v>100</v>
      </c>
      <c r="EM12" s="312">
        <v>729</v>
      </c>
      <c r="EN12" s="317">
        <v>814</v>
      </c>
      <c r="EO12" s="311">
        <v>382</v>
      </c>
      <c r="EP12" s="315">
        <v>528</v>
      </c>
      <c r="EQ12" s="312">
        <v>910</v>
      </c>
      <c r="ER12" s="314">
        <v>0</v>
      </c>
      <c r="ES12" s="315">
        <v>1645</v>
      </c>
      <c r="ET12" s="315">
        <v>1262</v>
      </c>
      <c r="EU12" s="315">
        <v>753</v>
      </c>
      <c r="EV12" s="315">
        <v>612</v>
      </c>
      <c r="EW12" s="315">
        <v>368</v>
      </c>
      <c r="EX12" s="312">
        <v>4640</v>
      </c>
      <c r="EY12" s="317">
        <v>5550</v>
      </c>
    </row>
    <row r="13" spans="1:155" ht="19.5" customHeight="1" x14ac:dyDescent="0.2">
      <c r="A13" s="296" t="s">
        <v>10</v>
      </c>
      <c r="B13" s="311">
        <v>0</v>
      </c>
      <c r="C13" s="315">
        <v>0</v>
      </c>
      <c r="D13" s="437">
        <v>0</v>
      </c>
      <c r="E13" s="314">
        <v>0</v>
      </c>
      <c r="F13" s="315">
        <v>1316</v>
      </c>
      <c r="G13" s="315">
        <v>682</v>
      </c>
      <c r="H13" s="315">
        <v>441</v>
      </c>
      <c r="I13" s="315">
        <v>401</v>
      </c>
      <c r="J13" s="315">
        <v>323</v>
      </c>
      <c r="K13" s="316">
        <v>3163</v>
      </c>
      <c r="L13" s="317">
        <v>3163</v>
      </c>
      <c r="M13" s="311">
        <v>0</v>
      </c>
      <c r="N13" s="315">
        <v>0</v>
      </c>
      <c r="O13" s="312">
        <v>0</v>
      </c>
      <c r="P13" s="314">
        <v>0</v>
      </c>
      <c r="Q13" s="315">
        <v>12</v>
      </c>
      <c r="R13" s="315">
        <v>22</v>
      </c>
      <c r="S13" s="315">
        <v>29</v>
      </c>
      <c r="T13" s="315">
        <v>89</v>
      </c>
      <c r="U13" s="315">
        <v>145</v>
      </c>
      <c r="V13" s="312">
        <v>297</v>
      </c>
      <c r="W13" s="317">
        <v>297</v>
      </c>
      <c r="X13" s="311">
        <v>132</v>
      </c>
      <c r="Y13" s="315">
        <v>301</v>
      </c>
      <c r="Z13" s="312">
        <v>433</v>
      </c>
      <c r="AA13" s="314">
        <v>0</v>
      </c>
      <c r="AB13" s="315">
        <v>741</v>
      </c>
      <c r="AC13" s="315">
        <v>484</v>
      </c>
      <c r="AD13" s="315">
        <v>323</v>
      </c>
      <c r="AE13" s="315">
        <v>289</v>
      </c>
      <c r="AF13" s="315">
        <v>261</v>
      </c>
      <c r="AG13" s="312">
        <v>2098</v>
      </c>
      <c r="AH13" s="317">
        <v>2531</v>
      </c>
      <c r="AI13" s="311">
        <v>19</v>
      </c>
      <c r="AJ13" s="315">
        <v>51</v>
      </c>
      <c r="AK13" s="312">
        <v>70</v>
      </c>
      <c r="AL13" s="314">
        <v>0</v>
      </c>
      <c r="AM13" s="315">
        <v>105</v>
      </c>
      <c r="AN13" s="315">
        <v>96</v>
      </c>
      <c r="AO13" s="315">
        <v>64</v>
      </c>
      <c r="AP13" s="315">
        <v>66</v>
      </c>
      <c r="AQ13" s="315">
        <v>47</v>
      </c>
      <c r="AR13" s="312">
        <v>378</v>
      </c>
      <c r="AS13" s="317">
        <v>448</v>
      </c>
      <c r="AT13" s="311">
        <v>164</v>
      </c>
      <c r="AU13" s="315">
        <v>278</v>
      </c>
      <c r="AV13" s="312">
        <v>442</v>
      </c>
      <c r="AW13" s="314">
        <v>0</v>
      </c>
      <c r="AX13" s="315">
        <v>1191</v>
      </c>
      <c r="AY13" s="315">
        <v>989</v>
      </c>
      <c r="AZ13" s="315">
        <v>798</v>
      </c>
      <c r="BA13" s="315">
        <v>816</v>
      </c>
      <c r="BB13" s="315">
        <v>706</v>
      </c>
      <c r="BC13" s="316">
        <v>4500</v>
      </c>
      <c r="BD13" s="317">
        <v>4942</v>
      </c>
      <c r="BE13" s="311">
        <v>0</v>
      </c>
      <c r="BF13" s="315">
        <v>0</v>
      </c>
      <c r="BG13" s="312">
        <v>0</v>
      </c>
      <c r="BH13" s="314">
        <v>0</v>
      </c>
      <c r="BI13" s="315">
        <v>1506</v>
      </c>
      <c r="BJ13" s="315">
        <v>813</v>
      </c>
      <c r="BK13" s="315">
        <v>434</v>
      </c>
      <c r="BL13" s="315">
        <v>236</v>
      </c>
      <c r="BM13" s="315">
        <v>123</v>
      </c>
      <c r="BN13" s="312">
        <v>3112</v>
      </c>
      <c r="BO13" s="317">
        <v>3112</v>
      </c>
      <c r="BP13" s="311">
        <v>72</v>
      </c>
      <c r="BQ13" s="315">
        <v>81</v>
      </c>
      <c r="BR13" s="312">
        <v>153</v>
      </c>
      <c r="BS13" s="314">
        <v>0</v>
      </c>
      <c r="BT13" s="315">
        <v>244</v>
      </c>
      <c r="BU13" s="315">
        <v>159</v>
      </c>
      <c r="BV13" s="315">
        <v>94</v>
      </c>
      <c r="BW13" s="315">
        <v>62</v>
      </c>
      <c r="BX13" s="315">
        <v>21</v>
      </c>
      <c r="BY13" s="312">
        <v>580</v>
      </c>
      <c r="BZ13" s="317">
        <v>733</v>
      </c>
      <c r="CA13" s="311">
        <v>8</v>
      </c>
      <c r="CB13" s="315">
        <v>27</v>
      </c>
      <c r="CC13" s="312">
        <v>35</v>
      </c>
      <c r="CD13" s="314">
        <v>0</v>
      </c>
      <c r="CE13" s="315">
        <v>169</v>
      </c>
      <c r="CF13" s="315">
        <v>165</v>
      </c>
      <c r="CG13" s="315">
        <v>216</v>
      </c>
      <c r="CH13" s="315">
        <v>123</v>
      </c>
      <c r="CI13" s="315">
        <v>90</v>
      </c>
      <c r="CJ13" s="312">
        <v>763</v>
      </c>
      <c r="CK13" s="317">
        <v>798</v>
      </c>
      <c r="CL13" s="311">
        <v>0</v>
      </c>
      <c r="CM13" s="315">
        <v>1</v>
      </c>
      <c r="CN13" s="312">
        <v>1</v>
      </c>
      <c r="CO13" s="314">
        <v>0</v>
      </c>
      <c r="CP13" s="315">
        <v>7</v>
      </c>
      <c r="CQ13" s="315">
        <v>13</v>
      </c>
      <c r="CR13" s="315">
        <v>23</v>
      </c>
      <c r="CS13" s="315">
        <v>7</v>
      </c>
      <c r="CT13" s="315">
        <v>6</v>
      </c>
      <c r="CU13" s="312">
        <v>56</v>
      </c>
      <c r="CV13" s="317">
        <v>57</v>
      </c>
      <c r="CW13" s="311">
        <v>0</v>
      </c>
      <c r="CX13" s="315">
        <v>0</v>
      </c>
      <c r="CY13" s="312">
        <v>0</v>
      </c>
      <c r="CZ13" s="314">
        <v>0</v>
      </c>
      <c r="DA13" s="315">
        <v>0</v>
      </c>
      <c r="DB13" s="315">
        <v>0</v>
      </c>
      <c r="DC13" s="315">
        <v>0</v>
      </c>
      <c r="DD13" s="315">
        <v>0</v>
      </c>
      <c r="DE13" s="315">
        <v>0</v>
      </c>
      <c r="DF13" s="312">
        <v>0</v>
      </c>
      <c r="DG13" s="317">
        <v>0</v>
      </c>
      <c r="DH13" s="311">
        <v>0</v>
      </c>
      <c r="DI13" s="315">
        <v>0</v>
      </c>
      <c r="DJ13" s="312">
        <v>0</v>
      </c>
      <c r="DK13" s="314">
        <v>0</v>
      </c>
      <c r="DL13" s="315">
        <v>0</v>
      </c>
      <c r="DM13" s="315">
        <v>0</v>
      </c>
      <c r="DN13" s="315">
        <v>0</v>
      </c>
      <c r="DO13" s="315">
        <v>0</v>
      </c>
      <c r="DP13" s="315">
        <v>0</v>
      </c>
      <c r="DQ13" s="312">
        <v>0</v>
      </c>
      <c r="DR13" s="317">
        <v>0</v>
      </c>
      <c r="DS13" s="311">
        <v>913</v>
      </c>
      <c r="DT13" s="315">
        <v>1217</v>
      </c>
      <c r="DU13" s="312">
        <v>2130</v>
      </c>
      <c r="DV13" s="314">
        <v>0</v>
      </c>
      <c r="DW13" s="315">
        <v>1924</v>
      </c>
      <c r="DX13" s="315">
        <v>1533</v>
      </c>
      <c r="DY13" s="315">
        <v>992</v>
      </c>
      <c r="DZ13" s="315">
        <v>786</v>
      </c>
      <c r="EA13" s="315">
        <v>544</v>
      </c>
      <c r="EB13" s="312">
        <v>5779</v>
      </c>
      <c r="EC13" s="317">
        <v>7909</v>
      </c>
      <c r="ED13" s="311">
        <v>70</v>
      </c>
      <c r="EE13" s="315">
        <v>92</v>
      </c>
      <c r="EF13" s="312">
        <v>162</v>
      </c>
      <c r="EG13" s="314">
        <v>0</v>
      </c>
      <c r="EH13" s="315">
        <v>271</v>
      </c>
      <c r="EI13" s="315">
        <v>211</v>
      </c>
      <c r="EJ13" s="315">
        <v>184</v>
      </c>
      <c r="EK13" s="315">
        <v>195</v>
      </c>
      <c r="EL13" s="315">
        <v>149</v>
      </c>
      <c r="EM13" s="312">
        <v>1010</v>
      </c>
      <c r="EN13" s="317">
        <v>1172</v>
      </c>
      <c r="EO13" s="311">
        <v>1075</v>
      </c>
      <c r="EP13" s="315">
        <v>1423</v>
      </c>
      <c r="EQ13" s="312">
        <v>2498</v>
      </c>
      <c r="ER13" s="314">
        <v>0</v>
      </c>
      <c r="ES13" s="315">
        <v>3371</v>
      </c>
      <c r="ET13" s="315">
        <v>1846</v>
      </c>
      <c r="EU13" s="315">
        <v>1063</v>
      </c>
      <c r="EV13" s="315">
        <v>765</v>
      </c>
      <c r="EW13" s="315">
        <v>520</v>
      </c>
      <c r="EX13" s="312">
        <v>7565</v>
      </c>
      <c r="EY13" s="317">
        <v>10063</v>
      </c>
    </row>
    <row r="14" spans="1:155" ht="19.5" customHeight="1" x14ac:dyDescent="0.2">
      <c r="A14" s="296" t="s">
        <v>11</v>
      </c>
      <c r="B14" s="311">
        <v>1</v>
      </c>
      <c r="C14" s="315">
        <v>0</v>
      </c>
      <c r="D14" s="437">
        <v>1</v>
      </c>
      <c r="E14" s="314">
        <v>0</v>
      </c>
      <c r="F14" s="315">
        <v>531</v>
      </c>
      <c r="G14" s="315">
        <v>335</v>
      </c>
      <c r="H14" s="315">
        <v>249</v>
      </c>
      <c r="I14" s="315">
        <v>197</v>
      </c>
      <c r="J14" s="315">
        <v>152</v>
      </c>
      <c r="K14" s="316">
        <v>1464</v>
      </c>
      <c r="L14" s="317">
        <v>1465</v>
      </c>
      <c r="M14" s="311">
        <v>0</v>
      </c>
      <c r="N14" s="315">
        <v>1</v>
      </c>
      <c r="O14" s="312">
        <v>1</v>
      </c>
      <c r="P14" s="314">
        <v>0</v>
      </c>
      <c r="Q14" s="315">
        <v>4</v>
      </c>
      <c r="R14" s="315">
        <v>10</v>
      </c>
      <c r="S14" s="315">
        <v>19</v>
      </c>
      <c r="T14" s="315">
        <v>45</v>
      </c>
      <c r="U14" s="315">
        <v>64</v>
      </c>
      <c r="V14" s="312">
        <v>142</v>
      </c>
      <c r="W14" s="317">
        <v>143</v>
      </c>
      <c r="X14" s="311">
        <v>50</v>
      </c>
      <c r="Y14" s="315">
        <v>67</v>
      </c>
      <c r="Z14" s="312">
        <v>117</v>
      </c>
      <c r="AA14" s="314">
        <v>0</v>
      </c>
      <c r="AB14" s="315">
        <v>303</v>
      </c>
      <c r="AC14" s="315">
        <v>191</v>
      </c>
      <c r="AD14" s="315">
        <v>186</v>
      </c>
      <c r="AE14" s="315">
        <v>164</v>
      </c>
      <c r="AF14" s="315">
        <v>151</v>
      </c>
      <c r="AG14" s="312">
        <v>995</v>
      </c>
      <c r="AH14" s="317">
        <v>1112</v>
      </c>
      <c r="AI14" s="311">
        <v>5</v>
      </c>
      <c r="AJ14" s="315">
        <v>9</v>
      </c>
      <c r="AK14" s="312">
        <v>14</v>
      </c>
      <c r="AL14" s="314">
        <v>0</v>
      </c>
      <c r="AM14" s="315">
        <v>32</v>
      </c>
      <c r="AN14" s="315">
        <v>26</v>
      </c>
      <c r="AO14" s="315">
        <v>16</v>
      </c>
      <c r="AP14" s="315">
        <v>22</v>
      </c>
      <c r="AQ14" s="315">
        <v>5</v>
      </c>
      <c r="AR14" s="312">
        <v>101</v>
      </c>
      <c r="AS14" s="317">
        <v>115</v>
      </c>
      <c r="AT14" s="311">
        <v>55</v>
      </c>
      <c r="AU14" s="315">
        <v>53</v>
      </c>
      <c r="AV14" s="312">
        <v>108</v>
      </c>
      <c r="AW14" s="314">
        <v>0</v>
      </c>
      <c r="AX14" s="315">
        <v>461</v>
      </c>
      <c r="AY14" s="315">
        <v>426</v>
      </c>
      <c r="AZ14" s="315">
        <v>378</v>
      </c>
      <c r="BA14" s="315">
        <v>381</v>
      </c>
      <c r="BB14" s="315">
        <v>296</v>
      </c>
      <c r="BC14" s="316">
        <v>1942</v>
      </c>
      <c r="BD14" s="317">
        <v>2050</v>
      </c>
      <c r="BE14" s="311">
        <v>0</v>
      </c>
      <c r="BF14" s="315">
        <v>0</v>
      </c>
      <c r="BG14" s="312">
        <v>0</v>
      </c>
      <c r="BH14" s="314">
        <v>0</v>
      </c>
      <c r="BI14" s="315">
        <v>727</v>
      </c>
      <c r="BJ14" s="315">
        <v>389</v>
      </c>
      <c r="BK14" s="315">
        <v>232</v>
      </c>
      <c r="BL14" s="315">
        <v>153</v>
      </c>
      <c r="BM14" s="315">
        <v>88</v>
      </c>
      <c r="BN14" s="312">
        <v>1589</v>
      </c>
      <c r="BO14" s="317">
        <v>1589</v>
      </c>
      <c r="BP14" s="311">
        <v>74</v>
      </c>
      <c r="BQ14" s="315">
        <v>60</v>
      </c>
      <c r="BR14" s="312">
        <v>134</v>
      </c>
      <c r="BS14" s="314">
        <v>0</v>
      </c>
      <c r="BT14" s="315">
        <v>208</v>
      </c>
      <c r="BU14" s="315">
        <v>113</v>
      </c>
      <c r="BV14" s="315">
        <v>76</v>
      </c>
      <c r="BW14" s="315">
        <v>53</v>
      </c>
      <c r="BX14" s="315">
        <v>18</v>
      </c>
      <c r="BY14" s="312">
        <v>468</v>
      </c>
      <c r="BZ14" s="317">
        <v>602</v>
      </c>
      <c r="CA14" s="311">
        <v>3</v>
      </c>
      <c r="CB14" s="315">
        <v>7</v>
      </c>
      <c r="CC14" s="312">
        <v>10</v>
      </c>
      <c r="CD14" s="314">
        <v>0</v>
      </c>
      <c r="CE14" s="315">
        <v>89</v>
      </c>
      <c r="CF14" s="315">
        <v>96</v>
      </c>
      <c r="CG14" s="315">
        <v>102</v>
      </c>
      <c r="CH14" s="315">
        <v>80</v>
      </c>
      <c r="CI14" s="315">
        <v>34</v>
      </c>
      <c r="CJ14" s="312">
        <v>401</v>
      </c>
      <c r="CK14" s="317">
        <v>411</v>
      </c>
      <c r="CL14" s="311">
        <v>1</v>
      </c>
      <c r="CM14" s="315">
        <v>0</v>
      </c>
      <c r="CN14" s="312">
        <v>1</v>
      </c>
      <c r="CO14" s="314">
        <v>0</v>
      </c>
      <c r="CP14" s="315">
        <v>10</v>
      </c>
      <c r="CQ14" s="315">
        <v>8</v>
      </c>
      <c r="CR14" s="315">
        <v>14</v>
      </c>
      <c r="CS14" s="315">
        <v>10</v>
      </c>
      <c r="CT14" s="315">
        <v>6</v>
      </c>
      <c r="CU14" s="312">
        <v>48</v>
      </c>
      <c r="CV14" s="317">
        <v>49</v>
      </c>
      <c r="CW14" s="311">
        <v>0</v>
      </c>
      <c r="CX14" s="315">
        <v>0</v>
      </c>
      <c r="CY14" s="312">
        <v>0</v>
      </c>
      <c r="CZ14" s="314">
        <v>0</v>
      </c>
      <c r="DA14" s="315">
        <v>0</v>
      </c>
      <c r="DB14" s="315">
        <v>0</v>
      </c>
      <c r="DC14" s="315">
        <v>0</v>
      </c>
      <c r="DD14" s="315">
        <v>0</v>
      </c>
      <c r="DE14" s="315">
        <v>0</v>
      </c>
      <c r="DF14" s="312">
        <v>0</v>
      </c>
      <c r="DG14" s="317">
        <v>0</v>
      </c>
      <c r="DH14" s="311">
        <v>0</v>
      </c>
      <c r="DI14" s="315">
        <v>0</v>
      </c>
      <c r="DJ14" s="312">
        <v>0</v>
      </c>
      <c r="DK14" s="314">
        <v>0</v>
      </c>
      <c r="DL14" s="315">
        <v>0</v>
      </c>
      <c r="DM14" s="315">
        <v>0</v>
      </c>
      <c r="DN14" s="315">
        <v>0</v>
      </c>
      <c r="DO14" s="315">
        <v>0</v>
      </c>
      <c r="DP14" s="315">
        <v>0</v>
      </c>
      <c r="DQ14" s="312">
        <v>0</v>
      </c>
      <c r="DR14" s="317">
        <v>0</v>
      </c>
      <c r="DS14" s="311">
        <v>387</v>
      </c>
      <c r="DT14" s="315">
        <v>440</v>
      </c>
      <c r="DU14" s="312">
        <v>827</v>
      </c>
      <c r="DV14" s="314">
        <v>0</v>
      </c>
      <c r="DW14" s="315">
        <v>1008</v>
      </c>
      <c r="DX14" s="315">
        <v>809</v>
      </c>
      <c r="DY14" s="315">
        <v>570</v>
      </c>
      <c r="DZ14" s="315">
        <v>441</v>
      </c>
      <c r="EA14" s="315">
        <v>277</v>
      </c>
      <c r="EB14" s="312">
        <v>3105</v>
      </c>
      <c r="EC14" s="317">
        <v>3932</v>
      </c>
      <c r="ED14" s="311">
        <v>41</v>
      </c>
      <c r="EE14" s="315">
        <v>34</v>
      </c>
      <c r="EF14" s="312">
        <v>75</v>
      </c>
      <c r="EG14" s="314">
        <v>0</v>
      </c>
      <c r="EH14" s="315">
        <v>199</v>
      </c>
      <c r="EI14" s="315">
        <v>141</v>
      </c>
      <c r="EJ14" s="315">
        <v>114</v>
      </c>
      <c r="EK14" s="315">
        <v>149</v>
      </c>
      <c r="EL14" s="315">
        <v>84</v>
      </c>
      <c r="EM14" s="312">
        <v>687</v>
      </c>
      <c r="EN14" s="317">
        <v>762</v>
      </c>
      <c r="EO14" s="311">
        <v>476</v>
      </c>
      <c r="EP14" s="315">
        <v>518</v>
      </c>
      <c r="EQ14" s="312">
        <v>994</v>
      </c>
      <c r="ER14" s="314">
        <v>0</v>
      </c>
      <c r="ES14" s="315">
        <v>1914</v>
      </c>
      <c r="ET14" s="315">
        <v>1054</v>
      </c>
      <c r="EU14" s="315">
        <v>677</v>
      </c>
      <c r="EV14" s="315">
        <v>457</v>
      </c>
      <c r="EW14" s="315">
        <v>282</v>
      </c>
      <c r="EX14" s="312">
        <v>4384</v>
      </c>
      <c r="EY14" s="317">
        <v>5378</v>
      </c>
    </row>
    <row r="15" spans="1:155" ht="19.5" customHeight="1" x14ac:dyDescent="0.2">
      <c r="A15" s="296" t="s">
        <v>12</v>
      </c>
      <c r="B15" s="311">
        <v>0</v>
      </c>
      <c r="C15" s="315">
        <v>0</v>
      </c>
      <c r="D15" s="437">
        <v>0</v>
      </c>
      <c r="E15" s="314">
        <v>0</v>
      </c>
      <c r="F15" s="315">
        <v>503</v>
      </c>
      <c r="G15" s="315">
        <v>430</v>
      </c>
      <c r="H15" s="315">
        <v>293</v>
      </c>
      <c r="I15" s="315">
        <v>287</v>
      </c>
      <c r="J15" s="315">
        <v>202</v>
      </c>
      <c r="K15" s="316">
        <v>1715</v>
      </c>
      <c r="L15" s="317">
        <v>1715</v>
      </c>
      <c r="M15" s="311">
        <v>0</v>
      </c>
      <c r="N15" s="315">
        <v>5</v>
      </c>
      <c r="O15" s="312">
        <v>5</v>
      </c>
      <c r="P15" s="314">
        <v>0</v>
      </c>
      <c r="Q15" s="315">
        <v>2</v>
      </c>
      <c r="R15" s="315">
        <v>22</v>
      </c>
      <c r="S15" s="315">
        <v>23</v>
      </c>
      <c r="T15" s="315">
        <v>59</v>
      </c>
      <c r="U15" s="315">
        <v>84</v>
      </c>
      <c r="V15" s="312">
        <v>190</v>
      </c>
      <c r="W15" s="317">
        <v>195</v>
      </c>
      <c r="X15" s="311">
        <v>113</v>
      </c>
      <c r="Y15" s="315">
        <v>193</v>
      </c>
      <c r="Z15" s="312">
        <v>306</v>
      </c>
      <c r="AA15" s="314">
        <v>0</v>
      </c>
      <c r="AB15" s="315">
        <v>293</v>
      </c>
      <c r="AC15" s="315">
        <v>311</v>
      </c>
      <c r="AD15" s="315">
        <v>204</v>
      </c>
      <c r="AE15" s="315">
        <v>205</v>
      </c>
      <c r="AF15" s="315">
        <v>166</v>
      </c>
      <c r="AG15" s="312">
        <v>1179</v>
      </c>
      <c r="AH15" s="317">
        <v>1485</v>
      </c>
      <c r="AI15" s="311">
        <v>3</v>
      </c>
      <c r="AJ15" s="315">
        <v>19</v>
      </c>
      <c r="AK15" s="312">
        <v>22</v>
      </c>
      <c r="AL15" s="314">
        <v>0</v>
      </c>
      <c r="AM15" s="315">
        <v>12</v>
      </c>
      <c r="AN15" s="315">
        <v>37</v>
      </c>
      <c r="AO15" s="315">
        <v>24</v>
      </c>
      <c r="AP15" s="315">
        <v>25</v>
      </c>
      <c r="AQ15" s="315">
        <v>17</v>
      </c>
      <c r="AR15" s="312">
        <v>115</v>
      </c>
      <c r="AS15" s="317">
        <v>137</v>
      </c>
      <c r="AT15" s="311">
        <v>73</v>
      </c>
      <c r="AU15" s="315">
        <v>107</v>
      </c>
      <c r="AV15" s="312">
        <v>180</v>
      </c>
      <c r="AW15" s="314">
        <v>0</v>
      </c>
      <c r="AX15" s="315">
        <v>325</v>
      </c>
      <c r="AY15" s="315">
        <v>339</v>
      </c>
      <c r="AZ15" s="315">
        <v>316</v>
      </c>
      <c r="BA15" s="315">
        <v>400</v>
      </c>
      <c r="BB15" s="315">
        <v>322</v>
      </c>
      <c r="BC15" s="316">
        <v>1702</v>
      </c>
      <c r="BD15" s="317">
        <v>1882</v>
      </c>
      <c r="BE15" s="311">
        <v>0</v>
      </c>
      <c r="BF15" s="315">
        <v>0</v>
      </c>
      <c r="BG15" s="312">
        <v>0</v>
      </c>
      <c r="BH15" s="314">
        <v>0</v>
      </c>
      <c r="BI15" s="315">
        <v>566</v>
      </c>
      <c r="BJ15" s="315">
        <v>388</v>
      </c>
      <c r="BK15" s="315">
        <v>272</v>
      </c>
      <c r="BL15" s="315">
        <v>190</v>
      </c>
      <c r="BM15" s="315">
        <v>76</v>
      </c>
      <c r="BN15" s="312">
        <v>1492</v>
      </c>
      <c r="BO15" s="317">
        <v>1492</v>
      </c>
      <c r="BP15" s="311">
        <v>130</v>
      </c>
      <c r="BQ15" s="315">
        <v>125</v>
      </c>
      <c r="BR15" s="312">
        <v>255</v>
      </c>
      <c r="BS15" s="314">
        <v>0</v>
      </c>
      <c r="BT15" s="315">
        <v>120</v>
      </c>
      <c r="BU15" s="315">
        <v>157</v>
      </c>
      <c r="BV15" s="315">
        <v>110</v>
      </c>
      <c r="BW15" s="315">
        <v>83</v>
      </c>
      <c r="BX15" s="315">
        <v>34</v>
      </c>
      <c r="BY15" s="312">
        <v>504</v>
      </c>
      <c r="BZ15" s="317">
        <v>759</v>
      </c>
      <c r="CA15" s="311">
        <v>1</v>
      </c>
      <c r="CB15" s="315">
        <v>9</v>
      </c>
      <c r="CC15" s="312">
        <v>10</v>
      </c>
      <c r="CD15" s="314">
        <v>0</v>
      </c>
      <c r="CE15" s="315">
        <v>86</v>
      </c>
      <c r="CF15" s="315">
        <v>97</v>
      </c>
      <c r="CG15" s="315">
        <v>132</v>
      </c>
      <c r="CH15" s="315">
        <v>100</v>
      </c>
      <c r="CI15" s="315">
        <v>50</v>
      </c>
      <c r="CJ15" s="312">
        <v>465</v>
      </c>
      <c r="CK15" s="317">
        <v>475</v>
      </c>
      <c r="CL15" s="311">
        <v>0</v>
      </c>
      <c r="CM15" s="315">
        <v>0</v>
      </c>
      <c r="CN15" s="312">
        <v>0</v>
      </c>
      <c r="CO15" s="314">
        <v>0</v>
      </c>
      <c r="CP15" s="315">
        <v>2</v>
      </c>
      <c r="CQ15" s="315">
        <v>8</v>
      </c>
      <c r="CR15" s="315">
        <v>3</v>
      </c>
      <c r="CS15" s="315">
        <v>4</v>
      </c>
      <c r="CT15" s="315">
        <v>4</v>
      </c>
      <c r="CU15" s="312">
        <v>21</v>
      </c>
      <c r="CV15" s="317">
        <v>21</v>
      </c>
      <c r="CW15" s="311">
        <v>0</v>
      </c>
      <c r="CX15" s="315">
        <v>0</v>
      </c>
      <c r="CY15" s="312">
        <v>0</v>
      </c>
      <c r="CZ15" s="314">
        <v>0</v>
      </c>
      <c r="DA15" s="315">
        <v>0</v>
      </c>
      <c r="DB15" s="315">
        <v>0</v>
      </c>
      <c r="DC15" s="315">
        <v>0</v>
      </c>
      <c r="DD15" s="315">
        <v>0</v>
      </c>
      <c r="DE15" s="315">
        <v>0</v>
      </c>
      <c r="DF15" s="312">
        <v>0</v>
      </c>
      <c r="DG15" s="317">
        <v>0</v>
      </c>
      <c r="DH15" s="311">
        <v>0</v>
      </c>
      <c r="DI15" s="315">
        <v>0</v>
      </c>
      <c r="DJ15" s="312">
        <v>0</v>
      </c>
      <c r="DK15" s="314">
        <v>0</v>
      </c>
      <c r="DL15" s="315">
        <v>0</v>
      </c>
      <c r="DM15" s="315">
        <v>0</v>
      </c>
      <c r="DN15" s="315">
        <v>0</v>
      </c>
      <c r="DO15" s="315">
        <v>0</v>
      </c>
      <c r="DP15" s="315">
        <v>0</v>
      </c>
      <c r="DQ15" s="312">
        <v>0</v>
      </c>
      <c r="DR15" s="317">
        <v>0</v>
      </c>
      <c r="DS15" s="311">
        <v>485</v>
      </c>
      <c r="DT15" s="315">
        <v>795</v>
      </c>
      <c r="DU15" s="312">
        <v>1280</v>
      </c>
      <c r="DV15" s="314">
        <v>0</v>
      </c>
      <c r="DW15" s="315">
        <v>542</v>
      </c>
      <c r="DX15" s="315">
        <v>920</v>
      </c>
      <c r="DY15" s="315">
        <v>673</v>
      </c>
      <c r="DZ15" s="315">
        <v>586</v>
      </c>
      <c r="EA15" s="315">
        <v>355</v>
      </c>
      <c r="EB15" s="312">
        <v>3076</v>
      </c>
      <c r="EC15" s="317">
        <v>4356</v>
      </c>
      <c r="ED15" s="311">
        <v>41</v>
      </c>
      <c r="EE15" s="315">
        <v>49</v>
      </c>
      <c r="EF15" s="312">
        <v>90</v>
      </c>
      <c r="EG15" s="314">
        <v>0</v>
      </c>
      <c r="EH15" s="315">
        <v>111</v>
      </c>
      <c r="EI15" s="315">
        <v>96</v>
      </c>
      <c r="EJ15" s="315">
        <v>83</v>
      </c>
      <c r="EK15" s="315">
        <v>134</v>
      </c>
      <c r="EL15" s="315">
        <v>79</v>
      </c>
      <c r="EM15" s="312">
        <v>503</v>
      </c>
      <c r="EN15" s="317">
        <v>593</v>
      </c>
      <c r="EO15" s="311">
        <v>664</v>
      </c>
      <c r="EP15" s="315">
        <v>951</v>
      </c>
      <c r="EQ15" s="312">
        <v>1615</v>
      </c>
      <c r="ER15" s="314">
        <v>0</v>
      </c>
      <c r="ES15" s="315">
        <v>1452</v>
      </c>
      <c r="ET15" s="315">
        <v>1175</v>
      </c>
      <c r="EU15" s="315">
        <v>754</v>
      </c>
      <c r="EV15" s="315">
        <v>583</v>
      </c>
      <c r="EW15" s="315">
        <v>343</v>
      </c>
      <c r="EX15" s="312">
        <v>4307</v>
      </c>
      <c r="EY15" s="317">
        <v>5922</v>
      </c>
    </row>
    <row r="16" spans="1:155" ht="19.5" customHeight="1" x14ac:dyDescent="0.2">
      <c r="A16" s="296" t="s">
        <v>13</v>
      </c>
      <c r="B16" s="311">
        <v>0</v>
      </c>
      <c r="C16" s="315">
        <v>0</v>
      </c>
      <c r="D16" s="437">
        <v>0</v>
      </c>
      <c r="E16" s="314">
        <v>0</v>
      </c>
      <c r="F16" s="315">
        <v>220</v>
      </c>
      <c r="G16" s="315">
        <v>230</v>
      </c>
      <c r="H16" s="315">
        <v>139</v>
      </c>
      <c r="I16" s="315">
        <v>105</v>
      </c>
      <c r="J16" s="315">
        <v>101</v>
      </c>
      <c r="K16" s="316">
        <v>795</v>
      </c>
      <c r="L16" s="317">
        <v>795</v>
      </c>
      <c r="M16" s="311">
        <v>1</v>
      </c>
      <c r="N16" s="315">
        <v>0</v>
      </c>
      <c r="O16" s="312">
        <v>1</v>
      </c>
      <c r="P16" s="314">
        <v>0</v>
      </c>
      <c r="Q16" s="315">
        <v>0</v>
      </c>
      <c r="R16" s="315">
        <v>4</v>
      </c>
      <c r="S16" s="315">
        <v>7</v>
      </c>
      <c r="T16" s="315">
        <v>17</v>
      </c>
      <c r="U16" s="315">
        <v>28</v>
      </c>
      <c r="V16" s="312">
        <v>56</v>
      </c>
      <c r="W16" s="317">
        <v>57</v>
      </c>
      <c r="X16" s="311">
        <v>8</v>
      </c>
      <c r="Y16" s="315">
        <v>23</v>
      </c>
      <c r="Z16" s="312">
        <v>31</v>
      </c>
      <c r="AA16" s="314">
        <v>0</v>
      </c>
      <c r="AB16" s="315">
        <v>90</v>
      </c>
      <c r="AC16" s="315">
        <v>136</v>
      </c>
      <c r="AD16" s="315">
        <v>88</v>
      </c>
      <c r="AE16" s="315">
        <v>77</v>
      </c>
      <c r="AF16" s="315">
        <v>75</v>
      </c>
      <c r="AG16" s="312">
        <v>466</v>
      </c>
      <c r="AH16" s="317">
        <v>497</v>
      </c>
      <c r="AI16" s="311">
        <v>5</v>
      </c>
      <c r="AJ16" s="315">
        <v>4</v>
      </c>
      <c r="AK16" s="312">
        <v>9</v>
      </c>
      <c r="AL16" s="314">
        <v>0</v>
      </c>
      <c r="AM16" s="315">
        <v>17</v>
      </c>
      <c r="AN16" s="315">
        <v>24</v>
      </c>
      <c r="AO16" s="315">
        <v>12</v>
      </c>
      <c r="AP16" s="315">
        <v>14</v>
      </c>
      <c r="AQ16" s="315">
        <v>6</v>
      </c>
      <c r="AR16" s="312">
        <v>73</v>
      </c>
      <c r="AS16" s="317">
        <v>82</v>
      </c>
      <c r="AT16" s="311">
        <v>29</v>
      </c>
      <c r="AU16" s="315">
        <v>31</v>
      </c>
      <c r="AV16" s="312">
        <v>60</v>
      </c>
      <c r="AW16" s="314">
        <v>0</v>
      </c>
      <c r="AX16" s="315">
        <v>172</v>
      </c>
      <c r="AY16" s="315">
        <v>181</v>
      </c>
      <c r="AZ16" s="315">
        <v>180</v>
      </c>
      <c r="BA16" s="315">
        <v>162</v>
      </c>
      <c r="BB16" s="315">
        <v>136</v>
      </c>
      <c r="BC16" s="316">
        <v>831</v>
      </c>
      <c r="BD16" s="317">
        <v>891</v>
      </c>
      <c r="BE16" s="311">
        <v>0</v>
      </c>
      <c r="BF16" s="315">
        <v>0</v>
      </c>
      <c r="BG16" s="312">
        <v>0</v>
      </c>
      <c r="BH16" s="314">
        <v>0</v>
      </c>
      <c r="BI16" s="315">
        <v>183</v>
      </c>
      <c r="BJ16" s="315">
        <v>193</v>
      </c>
      <c r="BK16" s="315">
        <v>106</v>
      </c>
      <c r="BL16" s="315">
        <v>62</v>
      </c>
      <c r="BM16" s="315">
        <v>29</v>
      </c>
      <c r="BN16" s="312">
        <v>573</v>
      </c>
      <c r="BO16" s="317">
        <v>573</v>
      </c>
      <c r="BP16" s="311">
        <v>9</v>
      </c>
      <c r="BQ16" s="315">
        <v>14</v>
      </c>
      <c r="BR16" s="312">
        <v>23</v>
      </c>
      <c r="BS16" s="314">
        <v>0</v>
      </c>
      <c r="BT16" s="315">
        <v>32</v>
      </c>
      <c r="BU16" s="315">
        <v>42</v>
      </c>
      <c r="BV16" s="315">
        <v>28</v>
      </c>
      <c r="BW16" s="315">
        <v>24</v>
      </c>
      <c r="BX16" s="315">
        <v>9</v>
      </c>
      <c r="BY16" s="312">
        <v>135</v>
      </c>
      <c r="BZ16" s="317">
        <v>158</v>
      </c>
      <c r="CA16" s="311">
        <v>0</v>
      </c>
      <c r="CB16" s="315">
        <v>0</v>
      </c>
      <c r="CC16" s="312">
        <v>0</v>
      </c>
      <c r="CD16" s="314">
        <v>0</v>
      </c>
      <c r="CE16" s="315">
        <v>13</v>
      </c>
      <c r="CF16" s="315">
        <v>32</v>
      </c>
      <c r="CG16" s="315">
        <v>48</v>
      </c>
      <c r="CH16" s="315">
        <v>39</v>
      </c>
      <c r="CI16" s="315">
        <v>22</v>
      </c>
      <c r="CJ16" s="312">
        <v>154</v>
      </c>
      <c r="CK16" s="317">
        <v>154</v>
      </c>
      <c r="CL16" s="311">
        <v>0</v>
      </c>
      <c r="CM16" s="315">
        <v>0</v>
      </c>
      <c r="CN16" s="312">
        <v>0</v>
      </c>
      <c r="CO16" s="314">
        <v>0</v>
      </c>
      <c r="CP16" s="315">
        <v>3</v>
      </c>
      <c r="CQ16" s="315">
        <v>3</v>
      </c>
      <c r="CR16" s="315">
        <v>8</v>
      </c>
      <c r="CS16" s="315">
        <v>4</v>
      </c>
      <c r="CT16" s="315">
        <v>0</v>
      </c>
      <c r="CU16" s="312">
        <v>18</v>
      </c>
      <c r="CV16" s="317">
        <v>18</v>
      </c>
      <c r="CW16" s="311">
        <v>0</v>
      </c>
      <c r="CX16" s="315">
        <v>0</v>
      </c>
      <c r="CY16" s="312">
        <v>0</v>
      </c>
      <c r="CZ16" s="314">
        <v>0</v>
      </c>
      <c r="DA16" s="315">
        <v>0</v>
      </c>
      <c r="DB16" s="315">
        <v>0</v>
      </c>
      <c r="DC16" s="315">
        <v>0</v>
      </c>
      <c r="DD16" s="315">
        <v>0</v>
      </c>
      <c r="DE16" s="315">
        <v>0</v>
      </c>
      <c r="DF16" s="312">
        <v>0</v>
      </c>
      <c r="DG16" s="317">
        <v>0</v>
      </c>
      <c r="DH16" s="311">
        <v>0</v>
      </c>
      <c r="DI16" s="315">
        <v>0</v>
      </c>
      <c r="DJ16" s="312">
        <v>0</v>
      </c>
      <c r="DK16" s="314">
        <v>0</v>
      </c>
      <c r="DL16" s="315">
        <v>0</v>
      </c>
      <c r="DM16" s="315">
        <v>0</v>
      </c>
      <c r="DN16" s="315">
        <v>0</v>
      </c>
      <c r="DO16" s="315">
        <v>0</v>
      </c>
      <c r="DP16" s="315">
        <v>0</v>
      </c>
      <c r="DQ16" s="312">
        <v>0</v>
      </c>
      <c r="DR16" s="317">
        <v>0</v>
      </c>
      <c r="DS16" s="311">
        <v>65</v>
      </c>
      <c r="DT16" s="315">
        <v>161</v>
      </c>
      <c r="DU16" s="312">
        <v>226</v>
      </c>
      <c r="DV16" s="314">
        <v>0</v>
      </c>
      <c r="DW16" s="315">
        <v>236</v>
      </c>
      <c r="DX16" s="315">
        <v>404</v>
      </c>
      <c r="DY16" s="315">
        <v>233</v>
      </c>
      <c r="DZ16" s="315">
        <v>195</v>
      </c>
      <c r="EA16" s="315">
        <v>130</v>
      </c>
      <c r="EB16" s="312">
        <v>1198</v>
      </c>
      <c r="EC16" s="317">
        <v>1424</v>
      </c>
      <c r="ED16" s="311">
        <v>25</v>
      </c>
      <c r="EE16" s="315">
        <v>21</v>
      </c>
      <c r="EF16" s="312">
        <v>46</v>
      </c>
      <c r="EG16" s="314">
        <v>0</v>
      </c>
      <c r="EH16" s="315">
        <v>89</v>
      </c>
      <c r="EI16" s="315">
        <v>66</v>
      </c>
      <c r="EJ16" s="315">
        <v>69</v>
      </c>
      <c r="EK16" s="315">
        <v>65</v>
      </c>
      <c r="EL16" s="315">
        <v>46</v>
      </c>
      <c r="EM16" s="312">
        <v>335</v>
      </c>
      <c r="EN16" s="317">
        <v>381</v>
      </c>
      <c r="EO16" s="311">
        <v>85</v>
      </c>
      <c r="EP16" s="315">
        <v>193</v>
      </c>
      <c r="EQ16" s="312">
        <v>278</v>
      </c>
      <c r="ER16" s="314">
        <v>0</v>
      </c>
      <c r="ES16" s="315">
        <v>530</v>
      </c>
      <c r="ET16" s="315">
        <v>554</v>
      </c>
      <c r="EU16" s="315">
        <v>308</v>
      </c>
      <c r="EV16" s="315">
        <v>219</v>
      </c>
      <c r="EW16" s="315">
        <v>153</v>
      </c>
      <c r="EX16" s="312">
        <v>1764</v>
      </c>
      <c r="EY16" s="317">
        <v>2042</v>
      </c>
    </row>
    <row r="17" spans="1:155" ht="19.5" customHeight="1" x14ac:dyDescent="0.2">
      <c r="A17" s="296" t="s">
        <v>15</v>
      </c>
      <c r="B17" s="311">
        <v>0</v>
      </c>
      <c r="C17" s="315">
        <v>0</v>
      </c>
      <c r="D17" s="437">
        <v>0</v>
      </c>
      <c r="E17" s="314">
        <v>0</v>
      </c>
      <c r="F17" s="315">
        <v>116</v>
      </c>
      <c r="G17" s="315">
        <v>153</v>
      </c>
      <c r="H17" s="315">
        <v>62</v>
      </c>
      <c r="I17" s="315">
        <v>44</v>
      </c>
      <c r="J17" s="315">
        <v>45</v>
      </c>
      <c r="K17" s="316">
        <v>420</v>
      </c>
      <c r="L17" s="317">
        <v>420</v>
      </c>
      <c r="M17" s="311">
        <v>0</v>
      </c>
      <c r="N17" s="315">
        <v>0</v>
      </c>
      <c r="O17" s="312">
        <v>0</v>
      </c>
      <c r="P17" s="314">
        <v>0</v>
      </c>
      <c r="Q17" s="315">
        <v>1</v>
      </c>
      <c r="R17" s="315">
        <v>4</v>
      </c>
      <c r="S17" s="315">
        <v>7</v>
      </c>
      <c r="T17" s="315">
        <v>17</v>
      </c>
      <c r="U17" s="315">
        <v>36</v>
      </c>
      <c r="V17" s="312">
        <v>65</v>
      </c>
      <c r="W17" s="317">
        <v>65</v>
      </c>
      <c r="X17" s="311">
        <v>3</v>
      </c>
      <c r="Y17" s="315">
        <v>8</v>
      </c>
      <c r="Z17" s="312">
        <v>11</v>
      </c>
      <c r="AA17" s="314">
        <v>0</v>
      </c>
      <c r="AB17" s="315">
        <v>39</v>
      </c>
      <c r="AC17" s="315">
        <v>74</v>
      </c>
      <c r="AD17" s="315">
        <v>39</v>
      </c>
      <c r="AE17" s="315">
        <v>36</v>
      </c>
      <c r="AF17" s="315">
        <v>41</v>
      </c>
      <c r="AG17" s="312">
        <v>229</v>
      </c>
      <c r="AH17" s="317">
        <v>240</v>
      </c>
      <c r="AI17" s="311">
        <v>1</v>
      </c>
      <c r="AJ17" s="315">
        <v>1</v>
      </c>
      <c r="AK17" s="312">
        <v>2</v>
      </c>
      <c r="AL17" s="314">
        <v>0</v>
      </c>
      <c r="AM17" s="315">
        <v>7</v>
      </c>
      <c r="AN17" s="315">
        <v>11</v>
      </c>
      <c r="AO17" s="315">
        <v>5</v>
      </c>
      <c r="AP17" s="315">
        <v>4</v>
      </c>
      <c r="AQ17" s="315">
        <v>9</v>
      </c>
      <c r="AR17" s="312">
        <v>36</v>
      </c>
      <c r="AS17" s="317">
        <v>38</v>
      </c>
      <c r="AT17" s="311">
        <v>10</v>
      </c>
      <c r="AU17" s="315">
        <v>15</v>
      </c>
      <c r="AV17" s="312">
        <v>25</v>
      </c>
      <c r="AW17" s="314">
        <v>0</v>
      </c>
      <c r="AX17" s="315">
        <v>111</v>
      </c>
      <c r="AY17" s="315">
        <v>97</v>
      </c>
      <c r="AZ17" s="315">
        <v>100</v>
      </c>
      <c r="BA17" s="315">
        <v>85</v>
      </c>
      <c r="BB17" s="315">
        <v>59</v>
      </c>
      <c r="BC17" s="316">
        <v>452</v>
      </c>
      <c r="BD17" s="317">
        <v>477</v>
      </c>
      <c r="BE17" s="311">
        <v>0</v>
      </c>
      <c r="BF17" s="315">
        <v>0</v>
      </c>
      <c r="BG17" s="312">
        <v>0</v>
      </c>
      <c r="BH17" s="314">
        <v>0</v>
      </c>
      <c r="BI17" s="315">
        <v>109</v>
      </c>
      <c r="BJ17" s="315">
        <v>143</v>
      </c>
      <c r="BK17" s="315">
        <v>61</v>
      </c>
      <c r="BL17" s="315">
        <v>20</v>
      </c>
      <c r="BM17" s="315">
        <v>10</v>
      </c>
      <c r="BN17" s="312">
        <v>343</v>
      </c>
      <c r="BO17" s="317">
        <v>343</v>
      </c>
      <c r="BP17" s="311">
        <v>0</v>
      </c>
      <c r="BQ17" s="315">
        <v>5</v>
      </c>
      <c r="BR17" s="312">
        <v>5</v>
      </c>
      <c r="BS17" s="314">
        <v>0</v>
      </c>
      <c r="BT17" s="315">
        <v>40</v>
      </c>
      <c r="BU17" s="315">
        <v>40</v>
      </c>
      <c r="BV17" s="315">
        <v>23</v>
      </c>
      <c r="BW17" s="315">
        <v>11</v>
      </c>
      <c r="BX17" s="315">
        <v>2</v>
      </c>
      <c r="BY17" s="312">
        <v>116</v>
      </c>
      <c r="BZ17" s="317">
        <v>121</v>
      </c>
      <c r="CA17" s="311">
        <v>0</v>
      </c>
      <c r="CB17" s="315">
        <v>0</v>
      </c>
      <c r="CC17" s="312">
        <v>0</v>
      </c>
      <c r="CD17" s="314">
        <v>0</v>
      </c>
      <c r="CE17" s="315">
        <v>15</v>
      </c>
      <c r="CF17" s="315">
        <v>29</v>
      </c>
      <c r="CG17" s="315">
        <v>46</v>
      </c>
      <c r="CH17" s="315">
        <v>27</v>
      </c>
      <c r="CI17" s="315">
        <v>20</v>
      </c>
      <c r="CJ17" s="312">
        <v>137</v>
      </c>
      <c r="CK17" s="317">
        <v>137</v>
      </c>
      <c r="CL17" s="311">
        <v>0</v>
      </c>
      <c r="CM17" s="315">
        <v>0</v>
      </c>
      <c r="CN17" s="312">
        <v>0</v>
      </c>
      <c r="CO17" s="314">
        <v>0</v>
      </c>
      <c r="CP17" s="315">
        <v>4</v>
      </c>
      <c r="CQ17" s="315">
        <v>1</v>
      </c>
      <c r="CR17" s="315">
        <v>5</v>
      </c>
      <c r="CS17" s="315">
        <v>2</v>
      </c>
      <c r="CT17" s="315">
        <v>1</v>
      </c>
      <c r="CU17" s="312">
        <v>13</v>
      </c>
      <c r="CV17" s="317">
        <v>13</v>
      </c>
      <c r="CW17" s="311">
        <v>0</v>
      </c>
      <c r="CX17" s="315">
        <v>0</v>
      </c>
      <c r="CY17" s="312">
        <v>0</v>
      </c>
      <c r="CZ17" s="314">
        <v>0</v>
      </c>
      <c r="DA17" s="315">
        <v>0</v>
      </c>
      <c r="DB17" s="315">
        <v>0</v>
      </c>
      <c r="DC17" s="315">
        <v>0</v>
      </c>
      <c r="DD17" s="315">
        <v>0</v>
      </c>
      <c r="DE17" s="315">
        <v>0</v>
      </c>
      <c r="DF17" s="312">
        <v>0</v>
      </c>
      <c r="DG17" s="317">
        <v>0</v>
      </c>
      <c r="DH17" s="311">
        <v>0</v>
      </c>
      <c r="DI17" s="315">
        <v>0</v>
      </c>
      <c r="DJ17" s="312">
        <v>0</v>
      </c>
      <c r="DK17" s="314">
        <v>0</v>
      </c>
      <c r="DL17" s="315">
        <v>0</v>
      </c>
      <c r="DM17" s="315">
        <v>0</v>
      </c>
      <c r="DN17" s="315">
        <v>0</v>
      </c>
      <c r="DO17" s="315">
        <v>0</v>
      </c>
      <c r="DP17" s="315">
        <v>0</v>
      </c>
      <c r="DQ17" s="312">
        <v>0</v>
      </c>
      <c r="DR17" s="317">
        <v>0</v>
      </c>
      <c r="DS17" s="311">
        <v>60</v>
      </c>
      <c r="DT17" s="315">
        <v>148</v>
      </c>
      <c r="DU17" s="312">
        <v>208</v>
      </c>
      <c r="DV17" s="314">
        <v>0</v>
      </c>
      <c r="DW17" s="315">
        <v>195</v>
      </c>
      <c r="DX17" s="315">
        <v>366</v>
      </c>
      <c r="DY17" s="315">
        <v>166</v>
      </c>
      <c r="DZ17" s="315">
        <v>110</v>
      </c>
      <c r="EA17" s="315">
        <v>79</v>
      </c>
      <c r="EB17" s="312">
        <v>916</v>
      </c>
      <c r="EC17" s="317">
        <v>1124</v>
      </c>
      <c r="ED17" s="311">
        <v>14</v>
      </c>
      <c r="EE17" s="315">
        <v>18</v>
      </c>
      <c r="EF17" s="312">
        <v>32</v>
      </c>
      <c r="EG17" s="314">
        <v>0</v>
      </c>
      <c r="EH17" s="315">
        <v>52</v>
      </c>
      <c r="EI17" s="315">
        <v>34</v>
      </c>
      <c r="EJ17" s="315">
        <v>35</v>
      </c>
      <c r="EK17" s="315">
        <v>43</v>
      </c>
      <c r="EL17" s="315">
        <v>18</v>
      </c>
      <c r="EM17" s="312">
        <v>182</v>
      </c>
      <c r="EN17" s="317">
        <v>214</v>
      </c>
      <c r="EO17" s="311">
        <v>62</v>
      </c>
      <c r="EP17" s="315">
        <v>150</v>
      </c>
      <c r="EQ17" s="312">
        <v>212</v>
      </c>
      <c r="ER17" s="314">
        <v>0</v>
      </c>
      <c r="ES17" s="315">
        <v>387</v>
      </c>
      <c r="ET17" s="315">
        <v>486</v>
      </c>
      <c r="EU17" s="315">
        <v>214</v>
      </c>
      <c r="EV17" s="315">
        <v>125</v>
      </c>
      <c r="EW17" s="315">
        <v>86</v>
      </c>
      <c r="EX17" s="312">
        <v>1298</v>
      </c>
      <c r="EY17" s="317">
        <v>1510</v>
      </c>
    </row>
    <row r="18" spans="1:155" ht="19.5" customHeight="1" x14ac:dyDescent="0.2">
      <c r="A18" s="296" t="s">
        <v>16</v>
      </c>
      <c r="B18" s="311">
        <v>0</v>
      </c>
      <c r="C18" s="315">
        <v>0</v>
      </c>
      <c r="D18" s="437">
        <v>0</v>
      </c>
      <c r="E18" s="314">
        <v>0</v>
      </c>
      <c r="F18" s="315">
        <v>212</v>
      </c>
      <c r="G18" s="315">
        <v>294</v>
      </c>
      <c r="H18" s="315">
        <v>182</v>
      </c>
      <c r="I18" s="315">
        <v>125</v>
      </c>
      <c r="J18" s="315">
        <v>89</v>
      </c>
      <c r="K18" s="316">
        <v>902</v>
      </c>
      <c r="L18" s="317">
        <v>902</v>
      </c>
      <c r="M18" s="311">
        <v>0</v>
      </c>
      <c r="N18" s="315">
        <v>0</v>
      </c>
      <c r="O18" s="312">
        <v>0</v>
      </c>
      <c r="P18" s="314">
        <v>0</v>
      </c>
      <c r="Q18" s="315">
        <v>2</v>
      </c>
      <c r="R18" s="315">
        <v>7</v>
      </c>
      <c r="S18" s="315">
        <v>13</v>
      </c>
      <c r="T18" s="315">
        <v>29</v>
      </c>
      <c r="U18" s="315">
        <v>50</v>
      </c>
      <c r="V18" s="312">
        <v>101</v>
      </c>
      <c r="W18" s="317">
        <v>101</v>
      </c>
      <c r="X18" s="311">
        <v>23</v>
      </c>
      <c r="Y18" s="315">
        <v>63</v>
      </c>
      <c r="Z18" s="312">
        <v>86</v>
      </c>
      <c r="AA18" s="314">
        <v>0</v>
      </c>
      <c r="AB18" s="315">
        <v>142</v>
      </c>
      <c r="AC18" s="315">
        <v>261</v>
      </c>
      <c r="AD18" s="315">
        <v>171</v>
      </c>
      <c r="AE18" s="315">
        <v>140</v>
      </c>
      <c r="AF18" s="315">
        <v>101</v>
      </c>
      <c r="AG18" s="312">
        <v>815</v>
      </c>
      <c r="AH18" s="317">
        <v>901</v>
      </c>
      <c r="AI18" s="311">
        <v>0</v>
      </c>
      <c r="AJ18" s="315">
        <v>6</v>
      </c>
      <c r="AK18" s="312">
        <v>6</v>
      </c>
      <c r="AL18" s="314">
        <v>0</v>
      </c>
      <c r="AM18" s="315">
        <v>7</v>
      </c>
      <c r="AN18" s="315">
        <v>20</v>
      </c>
      <c r="AO18" s="315">
        <v>18</v>
      </c>
      <c r="AP18" s="315">
        <v>9</v>
      </c>
      <c r="AQ18" s="315">
        <v>8</v>
      </c>
      <c r="AR18" s="312">
        <v>62</v>
      </c>
      <c r="AS18" s="317">
        <v>68</v>
      </c>
      <c r="AT18" s="311">
        <v>41</v>
      </c>
      <c r="AU18" s="315">
        <v>19</v>
      </c>
      <c r="AV18" s="312">
        <v>60</v>
      </c>
      <c r="AW18" s="314">
        <v>0</v>
      </c>
      <c r="AX18" s="315">
        <v>201</v>
      </c>
      <c r="AY18" s="315">
        <v>254</v>
      </c>
      <c r="AZ18" s="315">
        <v>258</v>
      </c>
      <c r="BA18" s="315">
        <v>236</v>
      </c>
      <c r="BB18" s="315">
        <v>199</v>
      </c>
      <c r="BC18" s="316">
        <v>1148</v>
      </c>
      <c r="BD18" s="317">
        <v>1208</v>
      </c>
      <c r="BE18" s="311">
        <v>0</v>
      </c>
      <c r="BF18" s="315">
        <v>0</v>
      </c>
      <c r="BG18" s="312">
        <v>0</v>
      </c>
      <c r="BH18" s="314">
        <v>0</v>
      </c>
      <c r="BI18" s="315">
        <v>299</v>
      </c>
      <c r="BJ18" s="315">
        <v>395</v>
      </c>
      <c r="BK18" s="315">
        <v>248</v>
      </c>
      <c r="BL18" s="315">
        <v>145</v>
      </c>
      <c r="BM18" s="315">
        <v>78</v>
      </c>
      <c r="BN18" s="312">
        <v>1165</v>
      </c>
      <c r="BO18" s="317">
        <v>1165</v>
      </c>
      <c r="BP18" s="311">
        <v>51</v>
      </c>
      <c r="BQ18" s="315">
        <v>92</v>
      </c>
      <c r="BR18" s="312">
        <v>143</v>
      </c>
      <c r="BS18" s="314">
        <v>0</v>
      </c>
      <c r="BT18" s="315">
        <v>168</v>
      </c>
      <c r="BU18" s="315">
        <v>253</v>
      </c>
      <c r="BV18" s="315">
        <v>112</v>
      </c>
      <c r="BW18" s="315">
        <v>67</v>
      </c>
      <c r="BX18" s="315">
        <v>24</v>
      </c>
      <c r="BY18" s="312">
        <v>624</v>
      </c>
      <c r="BZ18" s="317">
        <v>767</v>
      </c>
      <c r="CA18" s="311">
        <v>0</v>
      </c>
      <c r="CB18" s="315">
        <v>2</v>
      </c>
      <c r="CC18" s="312">
        <v>2</v>
      </c>
      <c r="CD18" s="314">
        <v>0</v>
      </c>
      <c r="CE18" s="315">
        <v>40</v>
      </c>
      <c r="CF18" s="315">
        <v>60</v>
      </c>
      <c r="CG18" s="315">
        <v>103</v>
      </c>
      <c r="CH18" s="315">
        <v>59</v>
      </c>
      <c r="CI18" s="315">
        <v>24</v>
      </c>
      <c r="CJ18" s="312">
        <v>286</v>
      </c>
      <c r="CK18" s="317">
        <v>288</v>
      </c>
      <c r="CL18" s="311">
        <v>0</v>
      </c>
      <c r="CM18" s="315">
        <v>0</v>
      </c>
      <c r="CN18" s="312">
        <v>0</v>
      </c>
      <c r="CO18" s="314">
        <v>0</v>
      </c>
      <c r="CP18" s="315">
        <v>1</v>
      </c>
      <c r="CQ18" s="315">
        <v>7</v>
      </c>
      <c r="CR18" s="315">
        <v>8</v>
      </c>
      <c r="CS18" s="315">
        <v>8</v>
      </c>
      <c r="CT18" s="315">
        <v>5</v>
      </c>
      <c r="CU18" s="312">
        <v>29</v>
      </c>
      <c r="CV18" s="317">
        <v>29</v>
      </c>
      <c r="CW18" s="311">
        <v>0</v>
      </c>
      <c r="CX18" s="315">
        <v>0</v>
      </c>
      <c r="CY18" s="312">
        <v>0</v>
      </c>
      <c r="CZ18" s="314">
        <v>0</v>
      </c>
      <c r="DA18" s="315">
        <v>0</v>
      </c>
      <c r="DB18" s="315">
        <v>0</v>
      </c>
      <c r="DC18" s="315">
        <v>0</v>
      </c>
      <c r="DD18" s="315">
        <v>0</v>
      </c>
      <c r="DE18" s="315">
        <v>0</v>
      </c>
      <c r="DF18" s="312">
        <v>0</v>
      </c>
      <c r="DG18" s="317">
        <v>0</v>
      </c>
      <c r="DH18" s="311">
        <v>0</v>
      </c>
      <c r="DI18" s="315">
        <v>0</v>
      </c>
      <c r="DJ18" s="312">
        <v>0</v>
      </c>
      <c r="DK18" s="314">
        <v>0</v>
      </c>
      <c r="DL18" s="315">
        <v>0</v>
      </c>
      <c r="DM18" s="315">
        <v>0</v>
      </c>
      <c r="DN18" s="315">
        <v>0</v>
      </c>
      <c r="DO18" s="315">
        <v>0</v>
      </c>
      <c r="DP18" s="315">
        <v>0</v>
      </c>
      <c r="DQ18" s="312">
        <v>0</v>
      </c>
      <c r="DR18" s="317">
        <v>0</v>
      </c>
      <c r="DS18" s="311">
        <v>155</v>
      </c>
      <c r="DT18" s="315">
        <v>313</v>
      </c>
      <c r="DU18" s="312">
        <v>468</v>
      </c>
      <c r="DV18" s="314">
        <v>0</v>
      </c>
      <c r="DW18" s="315">
        <v>407</v>
      </c>
      <c r="DX18" s="315">
        <v>858</v>
      </c>
      <c r="DY18" s="315">
        <v>500</v>
      </c>
      <c r="DZ18" s="315">
        <v>337</v>
      </c>
      <c r="EA18" s="315">
        <v>210</v>
      </c>
      <c r="EB18" s="312">
        <v>2312</v>
      </c>
      <c r="EC18" s="317">
        <v>2780</v>
      </c>
      <c r="ED18" s="311">
        <v>30</v>
      </c>
      <c r="EE18" s="315">
        <v>17</v>
      </c>
      <c r="EF18" s="312">
        <v>47</v>
      </c>
      <c r="EG18" s="314">
        <v>0</v>
      </c>
      <c r="EH18" s="315">
        <v>94</v>
      </c>
      <c r="EI18" s="315">
        <v>92</v>
      </c>
      <c r="EJ18" s="315">
        <v>87</v>
      </c>
      <c r="EK18" s="315">
        <v>115</v>
      </c>
      <c r="EL18" s="315">
        <v>78</v>
      </c>
      <c r="EM18" s="312">
        <v>466</v>
      </c>
      <c r="EN18" s="317">
        <v>513</v>
      </c>
      <c r="EO18" s="311">
        <v>203</v>
      </c>
      <c r="EP18" s="315">
        <v>380</v>
      </c>
      <c r="EQ18" s="312">
        <v>583</v>
      </c>
      <c r="ER18" s="314">
        <v>0</v>
      </c>
      <c r="ES18" s="315">
        <v>852</v>
      </c>
      <c r="ET18" s="315">
        <v>1116</v>
      </c>
      <c r="EU18" s="315">
        <v>605</v>
      </c>
      <c r="EV18" s="315">
        <v>364</v>
      </c>
      <c r="EW18" s="315">
        <v>212</v>
      </c>
      <c r="EX18" s="312">
        <v>3149</v>
      </c>
      <c r="EY18" s="317">
        <v>3732</v>
      </c>
    </row>
    <row r="19" spans="1:155" ht="19.5" customHeight="1" x14ac:dyDescent="0.2">
      <c r="A19" s="296" t="s">
        <v>17</v>
      </c>
      <c r="B19" s="311">
        <v>0</v>
      </c>
      <c r="C19" s="315">
        <v>0</v>
      </c>
      <c r="D19" s="437">
        <v>0</v>
      </c>
      <c r="E19" s="314">
        <v>0</v>
      </c>
      <c r="F19" s="315">
        <v>239</v>
      </c>
      <c r="G19" s="315">
        <v>434</v>
      </c>
      <c r="H19" s="315">
        <v>257</v>
      </c>
      <c r="I19" s="315">
        <v>198</v>
      </c>
      <c r="J19" s="315">
        <v>159</v>
      </c>
      <c r="K19" s="316">
        <v>1287</v>
      </c>
      <c r="L19" s="317">
        <v>1287</v>
      </c>
      <c r="M19" s="311">
        <v>0</v>
      </c>
      <c r="N19" s="315">
        <v>1</v>
      </c>
      <c r="O19" s="312">
        <v>1</v>
      </c>
      <c r="P19" s="314">
        <v>0</v>
      </c>
      <c r="Q19" s="315">
        <v>0</v>
      </c>
      <c r="R19" s="315">
        <v>16</v>
      </c>
      <c r="S19" s="315">
        <v>24</v>
      </c>
      <c r="T19" s="315">
        <v>43</v>
      </c>
      <c r="U19" s="315">
        <v>79</v>
      </c>
      <c r="V19" s="312">
        <v>162</v>
      </c>
      <c r="W19" s="317">
        <v>163</v>
      </c>
      <c r="X19" s="311">
        <v>36</v>
      </c>
      <c r="Y19" s="315">
        <v>94</v>
      </c>
      <c r="Z19" s="312">
        <v>130</v>
      </c>
      <c r="AA19" s="314">
        <v>0</v>
      </c>
      <c r="AB19" s="315">
        <v>164</v>
      </c>
      <c r="AC19" s="315">
        <v>304</v>
      </c>
      <c r="AD19" s="315">
        <v>170</v>
      </c>
      <c r="AE19" s="315">
        <v>178</v>
      </c>
      <c r="AF19" s="315">
        <v>150</v>
      </c>
      <c r="AG19" s="312">
        <v>966</v>
      </c>
      <c r="AH19" s="317">
        <v>1096</v>
      </c>
      <c r="AI19" s="311">
        <v>2</v>
      </c>
      <c r="AJ19" s="315">
        <v>7</v>
      </c>
      <c r="AK19" s="312">
        <v>9</v>
      </c>
      <c r="AL19" s="314">
        <v>0</v>
      </c>
      <c r="AM19" s="315">
        <v>6</v>
      </c>
      <c r="AN19" s="315">
        <v>30</v>
      </c>
      <c r="AO19" s="315">
        <v>20</v>
      </c>
      <c r="AP19" s="315">
        <v>12</v>
      </c>
      <c r="AQ19" s="315">
        <v>9</v>
      </c>
      <c r="AR19" s="312">
        <v>77</v>
      </c>
      <c r="AS19" s="317">
        <v>86</v>
      </c>
      <c r="AT19" s="311">
        <v>38</v>
      </c>
      <c r="AU19" s="315">
        <v>58</v>
      </c>
      <c r="AV19" s="312">
        <v>96</v>
      </c>
      <c r="AW19" s="314">
        <v>0</v>
      </c>
      <c r="AX19" s="315">
        <v>252</v>
      </c>
      <c r="AY19" s="315">
        <v>407</v>
      </c>
      <c r="AZ19" s="315">
        <v>338</v>
      </c>
      <c r="BA19" s="315">
        <v>358</v>
      </c>
      <c r="BB19" s="315">
        <v>278</v>
      </c>
      <c r="BC19" s="316">
        <v>1633</v>
      </c>
      <c r="BD19" s="317">
        <v>1729</v>
      </c>
      <c r="BE19" s="311">
        <v>0</v>
      </c>
      <c r="BF19" s="315">
        <v>0</v>
      </c>
      <c r="BG19" s="312">
        <v>0</v>
      </c>
      <c r="BH19" s="314">
        <v>0</v>
      </c>
      <c r="BI19" s="315">
        <v>350</v>
      </c>
      <c r="BJ19" s="315">
        <v>526</v>
      </c>
      <c r="BK19" s="315">
        <v>308</v>
      </c>
      <c r="BL19" s="315">
        <v>177</v>
      </c>
      <c r="BM19" s="315">
        <v>78</v>
      </c>
      <c r="BN19" s="312">
        <v>1439</v>
      </c>
      <c r="BO19" s="317">
        <v>1439</v>
      </c>
      <c r="BP19" s="311">
        <v>21</v>
      </c>
      <c r="BQ19" s="315">
        <v>68</v>
      </c>
      <c r="BR19" s="312">
        <v>89</v>
      </c>
      <c r="BS19" s="314">
        <v>0</v>
      </c>
      <c r="BT19" s="315">
        <v>78</v>
      </c>
      <c r="BU19" s="315">
        <v>175</v>
      </c>
      <c r="BV19" s="315">
        <v>83</v>
      </c>
      <c r="BW19" s="315">
        <v>46</v>
      </c>
      <c r="BX19" s="315">
        <v>21</v>
      </c>
      <c r="BY19" s="312">
        <v>403</v>
      </c>
      <c r="BZ19" s="317">
        <v>492</v>
      </c>
      <c r="CA19" s="311">
        <v>0</v>
      </c>
      <c r="CB19" s="315">
        <v>4</v>
      </c>
      <c r="CC19" s="312">
        <v>4</v>
      </c>
      <c r="CD19" s="314">
        <v>0</v>
      </c>
      <c r="CE19" s="315">
        <v>55</v>
      </c>
      <c r="CF19" s="315">
        <v>90</v>
      </c>
      <c r="CG19" s="315">
        <v>99</v>
      </c>
      <c r="CH19" s="315">
        <v>87</v>
      </c>
      <c r="CI19" s="315">
        <v>40</v>
      </c>
      <c r="CJ19" s="312">
        <v>371</v>
      </c>
      <c r="CK19" s="317">
        <v>375</v>
      </c>
      <c r="CL19" s="311">
        <v>0</v>
      </c>
      <c r="CM19" s="315">
        <v>0</v>
      </c>
      <c r="CN19" s="312">
        <v>0</v>
      </c>
      <c r="CO19" s="314">
        <v>0</v>
      </c>
      <c r="CP19" s="315">
        <v>3</v>
      </c>
      <c r="CQ19" s="315">
        <v>12</v>
      </c>
      <c r="CR19" s="315">
        <v>7</v>
      </c>
      <c r="CS19" s="315">
        <v>8</v>
      </c>
      <c r="CT19" s="315">
        <v>13</v>
      </c>
      <c r="CU19" s="312">
        <v>43</v>
      </c>
      <c r="CV19" s="317">
        <v>43</v>
      </c>
      <c r="CW19" s="311">
        <v>0</v>
      </c>
      <c r="CX19" s="315">
        <v>0</v>
      </c>
      <c r="CY19" s="312">
        <v>0</v>
      </c>
      <c r="CZ19" s="314">
        <v>0</v>
      </c>
      <c r="DA19" s="315">
        <v>0</v>
      </c>
      <c r="DB19" s="315">
        <v>0</v>
      </c>
      <c r="DC19" s="315">
        <v>0</v>
      </c>
      <c r="DD19" s="315">
        <v>0</v>
      </c>
      <c r="DE19" s="315">
        <v>0</v>
      </c>
      <c r="DF19" s="312">
        <v>0</v>
      </c>
      <c r="DG19" s="317">
        <v>0</v>
      </c>
      <c r="DH19" s="311">
        <v>0</v>
      </c>
      <c r="DI19" s="315">
        <v>0</v>
      </c>
      <c r="DJ19" s="312">
        <v>0</v>
      </c>
      <c r="DK19" s="314">
        <v>0</v>
      </c>
      <c r="DL19" s="315">
        <v>0</v>
      </c>
      <c r="DM19" s="315">
        <v>0</v>
      </c>
      <c r="DN19" s="315">
        <v>0</v>
      </c>
      <c r="DO19" s="315">
        <v>0</v>
      </c>
      <c r="DP19" s="315">
        <v>0</v>
      </c>
      <c r="DQ19" s="312">
        <v>0</v>
      </c>
      <c r="DR19" s="317">
        <v>0</v>
      </c>
      <c r="DS19" s="311">
        <v>197</v>
      </c>
      <c r="DT19" s="315">
        <v>485</v>
      </c>
      <c r="DU19" s="312">
        <v>682</v>
      </c>
      <c r="DV19" s="314">
        <v>0</v>
      </c>
      <c r="DW19" s="315">
        <v>427</v>
      </c>
      <c r="DX19" s="315">
        <v>1071</v>
      </c>
      <c r="DY19" s="315">
        <v>623</v>
      </c>
      <c r="DZ19" s="315">
        <v>545</v>
      </c>
      <c r="EA19" s="315">
        <v>334</v>
      </c>
      <c r="EB19" s="312">
        <v>3000</v>
      </c>
      <c r="EC19" s="317">
        <v>3682</v>
      </c>
      <c r="ED19" s="311">
        <v>30</v>
      </c>
      <c r="EE19" s="315">
        <v>36</v>
      </c>
      <c r="EF19" s="312">
        <v>66</v>
      </c>
      <c r="EG19" s="314">
        <v>0</v>
      </c>
      <c r="EH19" s="315">
        <v>93</v>
      </c>
      <c r="EI19" s="315">
        <v>88</v>
      </c>
      <c r="EJ19" s="315">
        <v>88</v>
      </c>
      <c r="EK19" s="315">
        <v>87</v>
      </c>
      <c r="EL19" s="315">
        <v>47</v>
      </c>
      <c r="EM19" s="312">
        <v>403</v>
      </c>
      <c r="EN19" s="317">
        <v>469</v>
      </c>
      <c r="EO19" s="311">
        <v>239</v>
      </c>
      <c r="EP19" s="315">
        <v>563</v>
      </c>
      <c r="EQ19" s="312">
        <v>802</v>
      </c>
      <c r="ER19" s="314">
        <v>0</v>
      </c>
      <c r="ES19" s="315">
        <v>962</v>
      </c>
      <c r="ET19" s="315">
        <v>1424</v>
      </c>
      <c r="EU19" s="315">
        <v>759</v>
      </c>
      <c r="EV19" s="315">
        <v>558</v>
      </c>
      <c r="EW19" s="315">
        <v>339</v>
      </c>
      <c r="EX19" s="312">
        <v>4042</v>
      </c>
      <c r="EY19" s="317">
        <v>4844</v>
      </c>
    </row>
    <row r="20" spans="1:155" ht="19.5" customHeight="1" x14ac:dyDescent="0.2">
      <c r="A20" s="296" t="s">
        <v>18</v>
      </c>
      <c r="B20" s="311">
        <v>1</v>
      </c>
      <c r="C20" s="315">
        <v>0</v>
      </c>
      <c r="D20" s="437">
        <v>1</v>
      </c>
      <c r="E20" s="314">
        <v>0</v>
      </c>
      <c r="F20" s="315">
        <v>489</v>
      </c>
      <c r="G20" s="315">
        <v>486</v>
      </c>
      <c r="H20" s="315">
        <v>271</v>
      </c>
      <c r="I20" s="315">
        <v>219</v>
      </c>
      <c r="J20" s="315">
        <v>141</v>
      </c>
      <c r="K20" s="316">
        <v>1606</v>
      </c>
      <c r="L20" s="317">
        <v>1607</v>
      </c>
      <c r="M20" s="311">
        <v>0</v>
      </c>
      <c r="N20" s="315">
        <v>1</v>
      </c>
      <c r="O20" s="312">
        <v>1</v>
      </c>
      <c r="P20" s="314">
        <v>0</v>
      </c>
      <c r="Q20" s="315">
        <v>2</v>
      </c>
      <c r="R20" s="315">
        <v>15</v>
      </c>
      <c r="S20" s="315">
        <v>18</v>
      </c>
      <c r="T20" s="315">
        <v>40</v>
      </c>
      <c r="U20" s="315">
        <v>74</v>
      </c>
      <c r="V20" s="312">
        <v>149</v>
      </c>
      <c r="W20" s="317">
        <v>150</v>
      </c>
      <c r="X20" s="311">
        <v>45</v>
      </c>
      <c r="Y20" s="315">
        <v>109</v>
      </c>
      <c r="Z20" s="312">
        <v>154</v>
      </c>
      <c r="AA20" s="314">
        <v>0</v>
      </c>
      <c r="AB20" s="315">
        <v>313</v>
      </c>
      <c r="AC20" s="315">
        <v>325</v>
      </c>
      <c r="AD20" s="315">
        <v>212</v>
      </c>
      <c r="AE20" s="315">
        <v>182</v>
      </c>
      <c r="AF20" s="315">
        <v>134</v>
      </c>
      <c r="AG20" s="312">
        <v>1166</v>
      </c>
      <c r="AH20" s="317">
        <v>1320</v>
      </c>
      <c r="AI20" s="311">
        <v>6</v>
      </c>
      <c r="AJ20" s="315">
        <v>8</v>
      </c>
      <c r="AK20" s="312">
        <v>14</v>
      </c>
      <c r="AL20" s="314">
        <v>0</v>
      </c>
      <c r="AM20" s="315">
        <v>38</v>
      </c>
      <c r="AN20" s="315">
        <v>40</v>
      </c>
      <c r="AO20" s="315">
        <v>29</v>
      </c>
      <c r="AP20" s="315">
        <v>24</v>
      </c>
      <c r="AQ20" s="315">
        <v>13</v>
      </c>
      <c r="AR20" s="312">
        <v>144</v>
      </c>
      <c r="AS20" s="317">
        <v>158</v>
      </c>
      <c r="AT20" s="311">
        <v>60</v>
      </c>
      <c r="AU20" s="315">
        <v>60</v>
      </c>
      <c r="AV20" s="312">
        <v>120</v>
      </c>
      <c r="AW20" s="314">
        <v>0</v>
      </c>
      <c r="AX20" s="315">
        <v>440</v>
      </c>
      <c r="AY20" s="315">
        <v>495</v>
      </c>
      <c r="AZ20" s="315">
        <v>473</v>
      </c>
      <c r="BA20" s="315">
        <v>406</v>
      </c>
      <c r="BB20" s="315">
        <v>326</v>
      </c>
      <c r="BC20" s="316">
        <v>2140</v>
      </c>
      <c r="BD20" s="317">
        <v>2260</v>
      </c>
      <c r="BE20" s="311">
        <v>0</v>
      </c>
      <c r="BF20" s="315">
        <v>0</v>
      </c>
      <c r="BG20" s="312">
        <v>0</v>
      </c>
      <c r="BH20" s="314">
        <v>0</v>
      </c>
      <c r="BI20" s="315">
        <v>588</v>
      </c>
      <c r="BJ20" s="315">
        <v>555</v>
      </c>
      <c r="BK20" s="315">
        <v>305</v>
      </c>
      <c r="BL20" s="315">
        <v>198</v>
      </c>
      <c r="BM20" s="315">
        <v>78</v>
      </c>
      <c r="BN20" s="312">
        <v>1724</v>
      </c>
      <c r="BO20" s="317">
        <v>1724</v>
      </c>
      <c r="BP20" s="311">
        <v>51</v>
      </c>
      <c r="BQ20" s="315">
        <v>79</v>
      </c>
      <c r="BR20" s="312">
        <v>130</v>
      </c>
      <c r="BS20" s="314">
        <v>0</v>
      </c>
      <c r="BT20" s="315">
        <v>174</v>
      </c>
      <c r="BU20" s="315">
        <v>164</v>
      </c>
      <c r="BV20" s="315">
        <v>97</v>
      </c>
      <c r="BW20" s="315">
        <v>66</v>
      </c>
      <c r="BX20" s="315">
        <v>19</v>
      </c>
      <c r="BY20" s="312">
        <v>520</v>
      </c>
      <c r="BZ20" s="317">
        <v>650</v>
      </c>
      <c r="CA20" s="311">
        <v>0</v>
      </c>
      <c r="CB20" s="315">
        <v>4</v>
      </c>
      <c r="CC20" s="312">
        <v>4</v>
      </c>
      <c r="CD20" s="314">
        <v>0</v>
      </c>
      <c r="CE20" s="315">
        <v>54</v>
      </c>
      <c r="CF20" s="315">
        <v>106</v>
      </c>
      <c r="CG20" s="315">
        <v>127</v>
      </c>
      <c r="CH20" s="315">
        <v>96</v>
      </c>
      <c r="CI20" s="315">
        <v>56</v>
      </c>
      <c r="CJ20" s="312">
        <v>439</v>
      </c>
      <c r="CK20" s="317">
        <v>443</v>
      </c>
      <c r="CL20" s="311">
        <v>0</v>
      </c>
      <c r="CM20" s="315">
        <v>0</v>
      </c>
      <c r="CN20" s="312">
        <v>0</v>
      </c>
      <c r="CO20" s="314">
        <v>0</v>
      </c>
      <c r="CP20" s="315">
        <v>1</v>
      </c>
      <c r="CQ20" s="315">
        <v>3</v>
      </c>
      <c r="CR20" s="315">
        <v>1</v>
      </c>
      <c r="CS20" s="315">
        <v>3</v>
      </c>
      <c r="CT20" s="315">
        <v>2</v>
      </c>
      <c r="CU20" s="312">
        <v>10</v>
      </c>
      <c r="CV20" s="317">
        <v>10</v>
      </c>
      <c r="CW20" s="311">
        <v>0</v>
      </c>
      <c r="CX20" s="315">
        <v>0</v>
      </c>
      <c r="CY20" s="312">
        <v>0</v>
      </c>
      <c r="CZ20" s="314">
        <v>0</v>
      </c>
      <c r="DA20" s="315">
        <v>0</v>
      </c>
      <c r="DB20" s="315">
        <v>0</v>
      </c>
      <c r="DC20" s="315">
        <v>0</v>
      </c>
      <c r="DD20" s="315">
        <v>0</v>
      </c>
      <c r="DE20" s="315">
        <v>0</v>
      </c>
      <c r="DF20" s="312">
        <v>0</v>
      </c>
      <c r="DG20" s="317">
        <v>0</v>
      </c>
      <c r="DH20" s="311">
        <v>0</v>
      </c>
      <c r="DI20" s="315">
        <v>0</v>
      </c>
      <c r="DJ20" s="312">
        <v>0</v>
      </c>
      <c r="DK20" s="314">
        <v>0</v>
      </c>
      <c r="DL20" s="315">
        <v>0</v>
      </c>
      <c r="DM20" s="315">
        <v>0</v>
      </c>
      <c r="DN20" s="315">
        <v>0</v>
      </c>
      <c r="DO20" s="315">
        <v>0</v>
      </c>
      <c r="DP20" s="315">
        <v>0</v>
      </c>
      <c r="DQ20" s="312">
        <v>0</v>
      </c>
      <c r="DR20" s="317">
        <v>0</v>
      </c>
      <c r="DS20" s="311">
        <v>216</v>
      </c>
      <c r="DT20" s="315">
        <v>477</v>
      </c>
      <c r="DU20" s="312">
        <v>693</v>
      </c>
      <c r="DV20" s="314">
        <v>0</v>
      </c>
      <c r="DW20" s="315">
        <v>785</v>
      </c>
      <c r="DX20" s="315">
        <v>1029</v>
      </c>
      <c r="DY20" s="315">
        <v>648</v>
      </c>
      <c r="DZ20" s="315">
        <v>495</v>
      </c>
      <c r="EA20" s="315">
        <v>287</v>
      </c>
      <c r="EB20" s="312">
        <v>3244</v>
      </c>
      <c r="EC20" s="317">
        <v>3937</v>
      </c>
      <c r="ED20" s="311">
        <v>24</v>
      </c>
      <c r="EE20" s="315">
        <v>17</v>
      </c>
      <c r="EF20" s="312">
        <v>41</v>
      </c>
      <c r="EG20" s="314">
        <v>0</v>
      </c>
      <c r="EH20" s="315">
        <v>123</v>
      </c>
      <c r="EI20" s="315">
        <v>100</v>
      </c>
      <c r="EJ20" s="315">
        <v>94</v>
      </c>
      <c r="EK20" s="315">
        <v>84</v>
      </c>
      <c r="EL20" s="315">
        <v>70</v>
      </c>
      <c r="EM20" s="312">
        <v>471</v>
      </c>
      <c r="EN20" s="317">
        <v>512</v>
      </c>
      <c r="EO20" s="311">
        <v>280</v>
      </c>
      <c r="EP20" s="315">
        <v>589</v>
      </c>
      <c r="EQ20" s="312">
        <v>869</v>
      </c>
      <c r="ER20" s="314">
        <v>0</v>
      </c>
      <c r="ES20" s="315">
        <v>1572</v>
      </c>
      <c r="ET20" s="315">
        <v>1424</v>
      </c>
      <c r="EU20" s="315">
        <v>777</v>
      </c>
      <c r="EV20" s="315">
        <v>539</v>
      </c>
      <c r="EW20" s="315">
        <v>290</v>
      </c>
      <c r="EX20" s="312">
        <v>4602</v>
      </c>
      <c r="EY20" s="317">
        <v>5471</v>
      </c>
    </row>
    <row r="21" spans="1:155" ht="19.5" customHeight="1" x14ac:dyDescent="0.2">
      <c r="A21" s="296" t="s">
        <v>19</v>
      </c>
      <c r="B21" s="311">
        <v>0</v>
      </c>
      <c r="C21" s="315">
        <v>0</v>
      </c>
      <c r="D21" s="437">
        <v>0</v>
      </c>
      <c r="E21" s="314">
        <v>0</v>
      </c>
      <c r="F21" s="315">
        <v>184</v>
      </c>
      <c r="G21" s="315">
        <v>158</v>
      </c>
      <c r="H21" s="315">
        <v>96</v>
      </c>
      <c r="I21" s="315">
        <v>77</v>
      </c>
      <c r="J21" s="315">
        <v>49</v>
      </c>
      <c r="K21" s="316">
        <v>564</v>
      </c>
      <c r="L21" s="317">
        <v>564</v>
      </c>
      <c r="M21" s="311">
        <v>0</v>
      </c>
      <c r="N21" s="315">
        <v>1</v>
      </c>
      <c r="O21" s="312">
        <v>1</v>
      </c>
      <c r="P21" s="314">
        <v>0</v>
      </c>
      <c r="Q21" s="315">
        <v>7</v>
      </c>
      <c r="R21" s="315">
        <v>5</v>
      </c>
      <c r="S21" s="315">
        <v>14</v>
      </c>
      <c r="T21" s="315">
        <v>21</v>
      </c>
      <c r="U21" s="315">
        <v>29</v>
      </c>
      <c r="V21" s="312">
        <v>76</v>
      </c>
      <c r="W21" s="317">
        <v>77</v>
      </c>
      <c r="X21" s="311">
        <v>32</v>
      </c>
      <c r="Y21" s="315">
        <v>50</v>
      </c>
      <c r="Z21" s="312">
        <v>82</v>
      </c>
      <c r="AA21" s="314">
        <v>0</v>
      </c>
      <c r="AB21" s="315">
        <v>146</v>
      </c>
      <c r="AC21" s="315">
        <v>136</v>
      </c>
      <c r="AD21" s="315">
        <v>91</v>
      </c>
      <c r="AE21" s="315">
        <v>75</v>
      </c>
      <c r="AF21" s="315">
        <v>61</v>
      </c>
      <c r="AG21" s="312">
        <v>509</v>
      </c>
      <c r="AH21" s="317">
        <v>591</v>
      </c>
      <c r="AI21" s="311">
        <v>4</v>
      </c>
      <c r="AJ21" s="315">
        <v>8</v>
      </c>
      <c r="AK21" s="312">
        <v>12</v>
      </c>
      <c r="AL21" s="314">
        <v>0</v>
      </c>
      <c r="AM21" s="315">
        <v>22</v>
      </c>
      <c r="AN21" s="315">
        <v>14</v>
      </c>
      <c r="AO21" s="315">
        <v>8</v>
      </c>
      <c r="AP21" s="315">
        <v>7</v>
      </c>
      <c r="AQ21" s="315">
        <v>2</v>
      </c>
      <c r="AR21" s="312">
        <v>53</v>
      </c>
      <c r="AS21" s="317">
        <v>65</v>
      </c>
      <c r="AT21" s="311">
        <v>37</v>
      </c>
      <c r="AU21" s="315">
        <v>30</v>
      </c>
      <c r="AV21" s="312">
        <v>67</v>
      </c>
      <c r="AW21" s="314">
        <v>0</v>
      </c>
      <c r="AX21" s="315">
        <v>171</v>
      </c>
      <c r="AY21" s="315">
        <v>188</v>
      </c>
      <c r="AZ21" s="315">
        <v>155</v>
      </c>
      <c r="BA21" s="315">
        <v>155</v>
      </c>
      <c r="BB21" s="315">
        <v>129</v>
      </c>
      <c r="BC21" s="316">
        <v>798</v>
      </c>
      <c r="BD21" s="317">
        <v>865</v>
      </c>
      <c r="BE21" s="311">
        <v>0</v>
      </c>
      <c r="BF21" s="315">
        <v>0</v>
      </c>
      <c r="BG21" s="312">
        <v>0</v>
      </c>
      <c r="BH21" s="314">
        <v>0</v>
      </c>
      <c r="BI21" s="315">
        <v>262</v>
      </c>
      <c r="BJ21" s="315">
        <v>240</v>
      </c>
      <c r="BK21" s="315">
        <v>121</v>
      </c>
      <c r="BL21" s="315">
        <v>60</v>
      </c>
      <c r="BM21" s="315">
        <v>39</v>
      </c>
      <c r="BN21" s="312">
        <v>722</v>
      </c>
      <c r="BO21" s="317">
        <v>722</v>
      </c>
      <c r="BP21" s="311">
        <v>19</v>
      </c>
      <c r="BQ21" s="315">
        <v>41</v>
      </c>
      <c r="BR21" s="312">
        <v>60</v>
      </c>
      <c r="BS21" s="314">
        <v>0</v>
      </c>
      <c r="BT21" s="315">
        <v>97</v>
      </c>
      <c r="BU21" s="315">
        <v>95</v>
      </c>
      <c r="BV21" s="315">
        <v>51</v>
      </c>
      <c r="BW21" s="315">
        <v>32</v>
      </c>
      <c r="BX21" s="315">
        <v>11</v>
      </c>
      <c r="BY21" s="312">
        <v>286</v>
      </c>
      <c r="BZ21" s="317">
        <v>346</v>
      </c>
      <c r="CA21" s="311">
        <v>0</v>
      </c>
      <c r="CB21" s="315">
        <v>2</v>
      </c>
      <c r="CC21" s="312">
        <v>2</v>
      </c>
      <c r="CD21" s="314">
        <v>0</v>
      </c>
      <c r="CE21" s="315">
        <v>22</v>
      </c>
      <c r="CF21" s="315">
        <v>50</v>
      </c>
      <c r="CG21" s="315">
        <v>59</v>
      </c>
      <c r="CH21" s="315">
        <v>22</v>
      </c>
      <c r="CI21" s="315">
        <v>16</v>
      </c>
      <c r="CJ21" s="312">
        <v>169</v>
      </c>
      <c r="CK21" s="317">
        <v>171</v>
      </c>
      <c r="CL21" s="311">
        <v>0</v>
      </c>
      <c r="CM21" s="315">
        <v>0</v>
      </c>
      <c r="CN21" s="312">
        <v>0</v>
      </c>
      <c r="CO21" s="314">
        <v>0</v>
      </c>
      <c r="CP21" s="315">
        <v>4</v>
      </c>
      <c r="CQ21" s="315">
        <v>11</v>
      </c>
      <c r="CR21" s="315">
        <v>9</v>
      </c>
      <c r="CS21" s="315">
        <v>8</v>
      </c>
      <c r="CT21" s="315">
        <v>3</v>
      </c>
      <c r="CU21" s="312">
        <v>35</v>
      </c>
      <c r="CV21" s="317">
        <v>35</v>
      </c>
      <c r="CW21" s="311">
        <v>0</v>
      </c>
      <c r="CX21" s="315">
        <v>0</v>
      </c>
      <c r="CY21" s="312">
        <v>0</v>
      </c>
      <c r="CZ21" s="314">
        <v>0</v>
      </c>
      <c r="DA21" s="315">
        <v>0</v>
      </c>
      <c r="DB21" s="315">
        <v>0</v>
      </c>
      <c r="DC21" s="315">
        <v>0</v>
      </c>
      <c r="DD21" s="315">
        <v>0</v>
      </c>
      <c r="DE21" s="315">
        <v>0</v>
      </c>
      <c r="DF21" s="312">
        <v>0</v>
      </c>
      <c r="DG21" s="317">
        <v>0</v>
      </c>
      <c r="DH21" s="311">
        <v>0</v>
      </c>
      <c r="DI21" s="315">
        <v>0</v>
      </c>
      <c r="DJ21" s="312">
        <v>0</v>
      </c>
      <c r="DK21" s="314">
        <v>0</v>
      </c>
      <c r="DL21" s="315">
        <v>0</v>
      </c>
      <c r="DM21" s="315">
        <v>0</v>
      </c>
      <c r="DN21" s="315">
        <v>0</v>
      </c>
      <c r="DO21" s="315">
        <v>0</v>
      </c>
      <c r="DP21" s="315">
        <v>0</v>
      </c>
      <c r="DQ21" s="312">
        <v>0</v>
      </c>
      <c r="DR21" s="317">
        <v>0</v>
      </c>
      <c r="DS21" s="311">
        <v>85</v>
      </c>
      <c r="DT21" s="315">
        <v>218</v>
      </c>
      <c r="DU21" s="312">
        <v>303</v>
      </c>
      <c r="DV21" s="314">
        <v>0</v>
      </c>
      <c r="DW21" s="315">
        <v>379</v>
      </c>
      <c r="DX21" s="315">
        <v>441</v>
      </c>
      <c r="DY21" s="315">
        <v>280</v>
      </c>
      <c r="DZ21" s="315">
        <v>176</v>
      </c>
      <c r="EA21" s="315">
        <v>133</v>
      </c>
      <c r="EB21" s="312">
        <v>1409</v>
      </c>
      <c r="EC21" s="317">
        <v>1712</v>
      </c>
      <c r="ED21" s="311">
        <v>14</v>
      </c>
      <c r="EE21" s="315">
        <v>16</v>
      </c>
      <c r="EF21" s="312">
        <v>30</v>
      </c>
      <c r="EG21" s="314">
        <v>0</v>
      </c>
      <c r="EH21" s="315">
        <v>69</v>
      </c>
      <c r="EI21" s="315">
        <v>46</v>
      </c>
      <c r="EJ21" s="315">
        <v>47</v>
      </c>
      <c r="EK21" s="315">
        <v>53</v>
      </c>
      <c r="EL21" s="315">
        <v>24</v>
      </c>
      <c r="EM21" s="312">
        <v>239</v>
      </c>
      <c r="EN21" s="317">
        <v>269</v>
      </c>
      <c r="EO21" s="311">
        <v>129</v>
      </c>
      <c r="EP21" s="315">
        <v>260</v>
      </c>
      <c r="EQ21" s="312">
        <v>389</v>
      </c>
      <c r="ER21" s="314">
        <v>0</v>
      </c>
      <c r="ES21" s="315">
        <v>683</v>
      </c>
      <c r="ET21" s="315">
        <v>586</v>
      </c>
      <c r="EU21" s="315">
        <v>318</v>
      </c>
      <c r="EV21" s="315">
        <v>172</v>
      </c>
      <c r="EW21" s="315">
        <v>115</v>
      </c>
      <c r="EX21" s="312">
        <v>1874</v>
      </c>
      <c r="EY21" s="317">
        <v>2263</v>
      </c>
    </row>
    <row r="22" spans="1:155" ht="19.5" customHeight="1" x14ac:dyDescent="0.2">
      <c r="A22" s="296" t="s">
        <v>20</v>
      </c>
      <c r="B22" s="311">
        <v>0</v>
      </c>
      <c r="C22" s="315">
        <v>0</v>
      </c>
      <c r="D22" s="437">
        <v>0</v>
      </c>
      <c r="E22" s="314">
        <v>0</v>
      </c>
      <c r="F22" s="315">
        <v>261</v>
      </c>
      <c r="G22" s="315">
        <v>168</v>
      </c>
      <c r="H22" s="315">
        <v>121</v>
      </c>
      <c r="I22" s="315">
        <v>79</v>
      </c>
      <c r="J22" s="315">
        <v>57</v>
      </c>
      <c r="K22" s="316">
        <v>686</v>
      </c>
      <c r="L22" s="317">
        <v>686</v>
      </c>
      <c r="M22" s="311">
        <v>0</v>
      </c>
      <c r="N22" s="315">
        <v>1</v>
      </c>
      <c r="O22" s="312">
        <v>1</v>
      </c>
      <c r="P22" s="314">
        <v>0</v>
      </c>
      <c r="Q22" s="315">
        <v>1</v>
      </c>
      <c r="R22" s="315">
        <v>8</v>
      </c>
      <c r="S22" s="315">
        <v>10</v>
      </c>
      <c r="T22" s="315">
        <v>22</v>
      </c>
      <c r="U22" s="315">
        <v>38</v>
      </c>
      <c r="V22" s="312">
        <v>79</v>
      </c>
      <c r="W22" s="317">
        <v>80</v>
      </c>
      <c r="X22" s="311">
        <v>23</v>
      </c>
      <c r="Y22" s="315">
        <v>75</v>
      </c>
      <c r="Z22" s="312">
        <v>98</v>
      </c>
      <c r="AA22" s="314">
        <v>0</v>
      </c>
      <c r="AB22" s="315">
        <v>220</v>
      </c>
      <c r="AC22" s="315">
        <v>135</v>
      </c>
      <c r="AD22" s="315">
        <v>91</v>
      </c>
      <c r="AE22" s="315">
        <v>74</v>
      </c>
      <c r="AF22" s="315">
        <v>46</v>
      </c>
      <c r="AG22" s="312">
        <v>566</v>
      </c>
      <c r="AH22" s="317">
        <v>664</v>
      </c>
      <c r="AI22" s="311">
        <v>12</v>
      </c>
      <c r="AJ22" s="315">
        <v>33</v>
      </c>
      <c r="AK22" s="312">
        <v>45</v>
      </c>
      <c r="AL22" s="314">
        <v>0</v>
      </c>
      <c r="AM22" s="315">
        <v>55</v>
      </c>
      <c r="AN22" s="315">
        <v>54</v>
      </c>
      <c r="AO22" s="315">
        <v>36</v>
      </c>
      <c r="AP22" s="315">
        <v>26</v>
      </c>
      <c r="AQ22" s="315">
        <v>13</v>
      </c>
      <c r="AR22" s="312">
        <v>184</v>
      </c>
      <c r="AS22" s="317">
        <v>229</v>
      </c>
      <c r="AT22" s="311">
        <v>19</v>
      </c>
      <c r="AU22" s="315">
        <v>53</v>
      </c>
      <c r="AV22" s="312">
        <v>72</v>
      </c>
      <c r="AW22" s="314">
        <v>0</v>
      </c>
      <c r="AX22" s="315">
        <v>224</v>
      </c>
      <c r="AY22" s="315">
        <v>224</v>
      </c>
      <c r="AZ22" s="315">
        <v>188</v>
      </c>
      <c r="BA22" s="315">
        <v>204</v>
      </c>
      <c r="BB22" s="315">
        <v>114</v>
      </c>
      <c r="BC22" s="316">
        <v>954</v>
      </c>
      <c r="BD22" s="317">
        <v>1026</v>
      </c>
      <c r="BE22" s="311">
        <v>0</v>
      </c>
      <c r="BF22" s="315">
        <v>0</v>
      </c>
      <c r="BG22" s="312">
        <v>0</v>
      </c>
      <c r="BH22" s="314">
        <v>0</v>
      </c>
      <c r="BI22" s="315">
        <v>303</v>
      </c>
      <c r="BJ22" s="315">
        <v>170</v>
      </c>
      <c r="BK22" s="315">
        <v>136</v>
      </c>
      <c r="BL22" s="315">
        <v>67</v>
      </c>
      <c r="BM22" s="315">
        <v>28</v>
      </c>
      <c r="BN22" s="312">
        <v>704</v>
      </c>
      <c r="BO22" s="317">
        <v>704</v>
      </c>
      <c r="BP22" s="311">
        <v>21</v>
      </c>
      <c r="BQ22" s="315">
        <v>54</v>
      </c>
      <c r="BR22" s="312">
        <v>75</v>
      </c>
      <c r="BS22" s="314">
        <v>0</v>
      </c>
      <c r="BT22" s="315">
        <v>175</v>
      </c>
      <c r="BU22" s="315">
        <v>111</v>
      </c>
      <c r="BV22" s="315">
        <v>64</v>
      </c>
      <c r="BW22" s="315">
        <v>38</v>
      </c>
      <c r="BX22" s="315">
        <v>12</v>
      </c>
      <c r="BY22" s="312">
        <v>400</v>
      </c>
      <c r="BZ22" s="317">
        <v>475</v>
      </c>
      <c r="CA22" s="311">
        <v>2</v>
      </c>
      <c r="CB22" s="315">
        <v>7</v>
      </c>
      <c r="CC22" s="312">
        <v>9</v>
      </c>
      <c r="CD22" s="314">
        <v>0</v>
      </c>
      <c r="CE22" s="315">
        <v>45</v>
      </c>
      <c r="CF22" s="315">
        <v>40</v>
      </c>
      <c r="CG22" s="315">
        <v>83</v>
      </c>
      <c r="CH22" s="315">
        <v>48</v>
      </c>
      <c r="CI22" s="315">
        <v>22</v>
      </c>
      <c r="CJ22" s="312">
        <v>238</v>
      </c>
      <c r="CK22" s="317">
        <v>247</v>
      </c>
      <c r="CL22" s="311">
        <v>0</v>
      </c>
      <c r="CM22" s="315">
        <v>0</v>
      </c>
      <c r="CN22" s="312">
        <v>0</v>
      </c>
      <c r="CO22" s="314">
        <v>0</v>
      </c>
      <c r="CP22" s="315">
        <v>2</v>
      </c>
      <c r="CQ22" s="315">
        <v>7</v>
      </c>
      <c r="CR22" s="315">
        <v>13</v>
      </c>
      <c r="CS22" s="315">
        <v>8</v>
      </c>
      <c r="CT22" s="315">
        <v>3</v>
      </c>
      <c r="CU22" s="312">
        <v>33</v>
      </c>
      <c r="CV22" s="317">
        <v>33</v>
      </c>
      <c r="CW22" s="311">
        <v>0</v>
      </c>
      <c r="CX22" s="315">
        <v>0</v>
      </c>
      <c r="CY22" s="312">
        <v>0</v>
      </c>
      <c r="CZ22" s="314">
        <v>0</v>
      </c>
      <c r="DA22" s="315">
        <v>0</v>
      </c>
      <c r="DB22" s="315">
        <v>0</v>
      </c>
      <c r="DC22" s="315">
        <v>0</v>
      </c>
      <c r="DD22" s="315">
        <v>0</v>
      </c>
      <c r="DE22" s="315">
        <v>0</v>
      </c>
      <c r="DF22" s="312">
        <v>0</v>
      </c>
      <c r="DG22" s="317">
        <v>0</v>
      </c>
      <c r="DH22" s="311">
        <v>0</v>
      </c>
      <c r="DI22" s="315">
        <v>0</v>
      </c>
      <c r="DJ22" s="312">
        <v>0</v>
      </c>
      <c r="DK22" s="314">
        <v>0</v>
      </c>
      <c r="DL22" s="315">
        <v>0</v>
      </c>
      <c r="DM22" s="315">
        <v>0</v>
      </c>
      <c r="DN22" s="315">
        <v>0</v>
      </c>
      <c r="DO22" s="315">
        <v>0</v>
      </c>
      <c r="DP22" s="315">
        <v>0</v>
      </c>
      <c r="DQ22" s="312">
        <v>0</v>
      </c>
      <c r="DR22" s="317">
        <v>0</v>
      </c>
      <c r="DS22" s="311">
        <v>128</v>
      </c>
      <c r="DT22" s="315">
        <v>313</v>
      </c>
      <c r="DU22" s="312">
        <v>441</v>
      </c>
      <c r="DV22" s="314">
        <v>0</v>
      </c>
      <c r="DW22" s="315">
        <v>530</v>
      </c>
      <c r="DX22" s="315">
        <v>424</v>
      </c>
      <c r="DY22" s="315">
        <v>289</v>
      </c>
      <c r="DZ22" s="315">
        <v>226</v>
      </c>
      <c r="EA22" s="315">
        <v>106</v>
      </c>
      <c r="EB22" s="312">
        <v>1575</v>
      </c>
      <c r="EC22" s="317">
        <v>2016</v>
      </c>
      <c r="ED22" s="311">
        <v>9</v>
      </c>
      <c r="EE22" s="315">
        <v>28</v>
      </c>
      <c r="EF22" s="312">
        <v>37</v>
      </c>
      <c r="EG22" s="314">
        <v>0</v>
      </c>
      <c r="EH22" s="315">
        <v>71</v>
      </c>
      <c r="EI22" s="315">
        <v>71</v>
      </c>
      <c r="EJ22" s="315">
        <v>49</v>
      </c>
      <c r="EK22" s="315">
        <v>71</v>
      </c>
      <c r="EL22" s="315">
        <v>29</v>
      </c>
      <c r="EM22" s="312">
        <v>291</v>
      </c>
      <c r="EN22" s="317">
        <v>328</v>
      </c>
      <c r="EO22" s="311">
        <v>179</v>
      </c>
      <c r="EP22" s="315">
        <v>408</v>
      </c>
      <c r="EQ22" s="312">
        <v>587</v>
      </c>
      <c r="ER22" s="314">
        <v>0</v>
      </c>
      <c r="ES22" s="315">
        <v>982</v>
      </c>
      <c r="ET22" s="315">
        <v>565</v>
      </c>
      <c r="EU22" s="315">
        <v>363</v>
      </c>
      <c r="EV22" s="315">
        <v>242</v>
      </c>
      <c r="EW22" s="315">
        <v>116</v>
      </c>
      <c r="EX22" s="312">
        <v>2268</v>
      </c>
      <c r="EY22" s="317">
        <v>2855</v>
      </c>
    </row>
    <row r="23" spans="1:155" ht="19.5" customHeight="1" x14ac:dyDescent="0.2">
      <c r="A23" s="296" t="s">
        <v>21</v>
      </c>
      <c r="B23" s="311">
        <v>0</v>
      </c>
      <c r="C23" s="315">
        <v>0</v>
      </c>
      <c r="D23" s="437">
        <v>0</v>
      </c>
      <c r="E23" s="314">
        <v>0</v>
      </c>
      <c r="F23" s="315">
        <v>252</v>
      </c>
      <c r="G23" s="315">
        <v>319</v>
      </c>
      <c r="H23" s="315">
        <v>175</v>
      </c>
      <c r="I23" s="315">
        <v>120</v>
      </c>
      <c r="J23" s="315">
        <v>85</v>
      </c>
      <c r="K23" s="316">
        <v>951</v>
      </c>
      <c r="L23" s="317">
        <v>951</v>
      </c>
      <c r="M23" s="311">
        <v>0</v>
      </c>
      <c r="N23" s="315">
        <v>0</v>
      </c>
      <c r="O23" s="312">
        <v>0</v>
      </c>
      <c r="P23" s="314">
        <v>0</v>
      </c>
      <c r="Q23" s="315">
        <v>0</v>
      </c>
      <c r="R23" s="315">
        <v>2</v>
      </c>
      <c r="S23" s="315">
        <v>11</v>
      </c>
      <c r="T23" s="315">
        <v>28</v>
      </c>
      <c r="U23" s="315">
        <v>49</v>
      </c>
      <c r="V23" s="312">
        <v>90</v>
      </c>
      <c r="W23" s="317">
        <v>90</v>
      </c>
      <c r="X23" s="311">
        <v>52</v>
      </c>
      <c r="Y23" s="315">
        <v>84</v>
      </c>
      <c r="Z23" s="312">
        <v>136</v>
      </c>
      <c r="AA23" s="314">
        <v>0</v>
      </c>
      <c r="AB23" s="315">
        <v>192</v>
      </c>
      <c r="AC23" s="315">
        <v>247</v>
      </c>
      <c r="AD23" s="315">
        <v>144</v>
      </c>
      <c r="AE23" s="315">
        <v>116</v>
      </c>
      <c r="AF23" s="315">
        <v>62</v>
      </c>
      <c r="AG23" s="312">
        <v>761</v>
      </c>
      <c r="AH23" s="317">
        <v>897</v>
      </c>
      <c r="AI23" s="311">
        <v>15</v>
      </c>
      <c r="AJ23" s="315">
        <v>26</v>
      </c>
      <c r="AK23" s="312">
        <v>41</v>
      </c>
      <c r="AL23" s="314">
        <v>0</v>
      </c>
      <c r="AM23" s="315">
        <v>24</v>
      </c>
      <c r="AN23" s="315">
        <v>37</v>
      </c>
      <c r="AO23" s="315">
        <v>14</v>
      </c>
      <c r="AP23" s="315">
        <v>14</v>
      </c>
      <c r="AQ23" s="315">
        <v>7</v>
      </c>
      <c r="AR23" s="312">
        <v>96</v>
      </c>
      <c r="AS23" s="317">
        <v>137</v>
      </c>
      <c r="AT23" s="311">
        <v>38</v>
      </c>
      <c r="AU23" s="315">
        <v>43</v>
      </c>
      <c r="AV23" s="312">
        <v>81</v>
      </c>
      <c r="AW23" s="314">
        <v>0</v>
      </c>
      <c r="AX23" s="315">
        <v>223</v>
      </c>
      <c r="AY23" s="315">
        <v>305</v>
      </c>
      <c r="AZ23" s="315">
        <v>254</v>
      </c>
      <c r="BA23" s="315">
        <v>220</v>
      </c>
      <c r="BB23" s="315">
        <v>170</v>
      </c>
      <c r="BC23" s="316">
        <v>1172</v>
      </c>
      <c r="BD23" s="317">
        <v>1253</v>
      </c>
      <c r="BE23" s="311">
        <v>0</v>
      </c>
      <c r="BF23" s="315">
        <v>0</v>
      </c>
      <c r="BG23" s="312">
        <v>0</v>
      </c>
      <c r="BH23" s="314">
        <v>0</v>
      </c>
      <c r="BI23" s="315">
        <v>265</v>
      </c>
      <c r="BJ23" s="315">
        <v>340</v>
      </c>
      <c r="BK23" s="315">
        <v>162</v>
      </c>
      <c r="BL23" s="315">
        <v>104</v>
      </c>
      <c r="BM23" s="315">
        <v>35</v>
      </c>
      <c r="BN23" s="312">
        <v>906</v>
      </c>
      <c r="BO23" s="317">
        <v>906</v>
      </c>
      <c r="BP23" s="311">
        <v>27</v>
      </c>
      <c r="BQ23" s="315">
        <v>45</v>
      </c>
      <c r="BR23" s="312">
        <v>72</v>
      </c>
      <c r="BS23" s="314">
        <v>0</v>
      </c>
      <c r="BT23" s="315">
        <v>53</v>
      </c>
      <c r="BU23" s="315">
        <v>71</v>
      </c>
      <c r="BV23" s="315">
        <v>42</v>
      </c>
      <c r="BW23" s="315">
        <v>14</v>
      </c>
      <c r="BX23" s="315">
        <v>17</v>
      </c>
      <c r="BY23" s="312">
        <v>197</v>
      </c>
      <c r="BZ23" s="317">
        <v>269</v>
      </c>
      <c r="CA23" s="311">
        <v>2</v>
      </c>
      <c r="CB23" s="315">
        <v>6</v>
      </c>
      <c r="CC23" s="312">
        <v>8</v>
      </c>
      <c r="CD23" s="314">
        <v>0</v>
      </c>
      <c r="CE23" s="315">
        <v>24</v>
      </c>
      <c r="CF23" s="315">
        <v>53</v>
      </c>
      <c r="CG23" s="315">
        <v>67</v>
      </c>
      <c r="CH23" s="315">
        <v>63</v>
      </c>
      <c r="CI23" s="315">
        <v>32</v>
      </c>
      <c r="CJ23" s="312">
        <v>239</v>
      </c>
      <c r="CK23" s="317">
        <v>247</v>
      </c>
      <c r="CL23" s="311">
        <v>0</v>
      </c>
      <c r="CM23" s="315">
        <v>0</v>
      </c>
      <c r="CN23" s="312">
        <v>0</v>
      </c>
      <c r="CO23" s="314">
        <v>0</v>
      </c>
      <c r="CP23" s="315">
        <v>0</v>
      </c>
      <c r="CQ23" s="315">
        <v>5</v>
      </c>
      <c r="CR23" s="315">
        <v>1</v>
      </c>
      <c r="CS23" s="315">
        <v>3</v>
      </c>
      <c r="CT23" s="315">
        <v>4</v>
      </c>
      <c r="CU23" s="312">
        <v>13</v>
      </c>
      <c r="CV23" s="317">
        <v>13</v>
      </c>
      <c r="CW23" s="311">
        <v>0</v>
      </c>
      <c r="CX23" s="315">
        <v>0</v>
      </c>
      <c r="CY23" s="312">
        <v>0</v>
      </c>
      <c r="CZ23" s="314">
        <v>0</v>
      </c>
      <c r="DA23" s="315">
        <v>0</v>
      </c>
      <c r="DB23" s="315">
        <v>0</v>
      </c>
      <c r="DC23" s="315">
        <v>0</v>
      </c>
      <c r="DD23" s="315">
        <v>0</v>
      </c>
      <c r="DE23" s="315">
        <v>0</v>
      </c>
      <c r="DF23" s="312">
        <v>0</v>
      </c>
      <c r="DG23" s="317">
        <v>0</v>
      </c>
      <c r="DH23" s="311">
        <v>0</v>
      </c>
      <c r="DI23" s="315">
        <v>0</v>
      </c>
      <c r="DJ23" s="312">
        <v>0</v>
      </c>
      <c r="DK23" s="314">
        <v>0</v>
      </c>
      <c r="DL23" s="315">
        <v>0</v>
      </c>
      <c r="DM23" s="315">
        <v>0</v>
      </c>
      <c r="DN23" s="315">
        <v>0</v>
      </c>
      <c r="DO23" s="315">
        <v>0</v>
      </c>
      <c r="DP23" s="315">
        <v>0</v>
      </c>
      <c r="DQ23" s="312">
        <v>0</v>
      </c>
      <c r="DR23" s="317">
        <v>0</v>
      </c>
      <c r="DS23" s="311">
        <v>177</v>
      </c>
      <c r="DT23" s="315">
        <v>315</v>
      </c>
      <c r="DU23" s="312">
        <v>492</v>
      </c>
      <c r="DV23" s="314">
        <v>0</v>
      </c>
      <c r="DW23" s="315">
        <v>331</v>
      </c>
      <c r="DX23" s="315">
        <v>647</v>
      </c>
      <c r="DY23" s="315">
        <v>369</v>
      </c>
      <c r="DZ23" s="315">
        <v>271</v>
      </c>
      <c r="EA23" s="315">
        <v>156</v>
      </c>
      <c r="EB23" s="312">
        <v>1774</v>
      </c>
      <c r="EC23" s="317">
        <v>2266</v>
      </c>
      <c r="ED23" s="311">
        <v>23</v>
      </c>
      <c r="EE23" s="315">
        <v>18</v>
      </c>
      <c r="EF23" s="312">
        <v>41</v>
      </c>
      <c r="EG23" s="314">
        <v>0</v>
      </c>
      <c r="EH23" s="315">
        <v>55</v>
      </c>
      <c r="EI23" s="315">
        <v>66</v>
      </c>
      <c r="EJ23" s="315">
        <v>46</v>
      </c>
      <c r="EK23" s="315">
        <v>44</v>
      </c>
      <c r="EL23" s="315">
        <v>41</v>
      </c>
      <c r="EM23" s="312">
        <v>252</v>
      </c>
      <c r="EN23" s="317">
        <v>293</v>
      </c>
      <c r="EO23" s="311">
        <v>241</v>
      </c>
      <c r="EP23" s="315">
        <v>396</v>
      </c>
      <c r="EQ23" s="312">
        <v>637</v>
      </c>
      <c r="ER23" s="314">
        <v>0</v>
      </c>
      <c r="ES23" s="315">
        <v>748</v>
      </c>
      <c r="ET23" s="315">
        <v>906</v>
      </c>
      <c r="EU23" s="315">
        <v>448</v>
      </c>
      <c r="EV23" s="315">
        <v>299</v>
      </c>
      <c r="EW23" s="315">
        <v>158</v>
      </c>
      <c r="EX23" s="312">
        <v>2559</v>
      </c>
      <c r="EY23" s="317">
        <v>3196</v>
      </c>
    </row>
    <row r="24" spans="1:155" ht="19.5" customHeight="1" x14ac:dyDescent="0.2">
      <c r="A24" s="296" t="s">
        <v>22</v>
      </c>
      <c r="B24" s="311">
        <v>0</v>
      </c>
      <c r="C24" s="315">
        <v>0</v>
      </c>
      <c r="D24" s="437">
        <v>0</v>
      </c>
      <c r="E24" s="314">
        <v>0</v>
      </c>
      <c r="F24" s="315">
        <v>73</v>
      </c>
      <c r="G24" s="315">
        <v>71</v>
      </c>
      <c r="H24" s="315">
        <v>28</v>
      </c>
      <c r="I24" s="315">
        <v>36</v>
      </c>
      <c r="J24" s="315">
        <v>28</v>
      </c>
      <c r="K24" s="316">
        <v>236</v>
      </c>
      <c r="L24" s="317">
        <v>236</v>
      </c>
      <c r="M24" s="311">
        <v>0</v>
      </c>
      <c r="N24" s="315">
        <v>0</v>
      </c>
      <c r="O24" s="312">
        <v>0</v>
      </c>
      <c r="P24" s="314">
        <v>0</v>
      </c>
      <c r="Q24" s="315">
        <v>0</v>
      </c>
      <c r="R24" s="315">
        <v>2</v>
      </c>
      <c r="S24" s="315">
        <v>4</v>
      </c>
      <c r="T24" s="315">
        <v>5</v>
      </c>
      <c r="U24" s="315">
        <v>20</v>
      </c>
      <c r="V24" s="312">
        <v>31</v>
      </c>
      <c r="W24" s="317">
        <v>31</v>
      </c>
      <c r="X24" s="311">
        <v>4</v>
      </c>
      <c r="Y24" s="315">
        <v>15</v>
      </c>
      <c r="Z24" s="312">
        <v>19</v>
      </c>
      <c r="AA24" s="314">
        <v>0</v>
      </c>
      <c r="AB24" s="315">
        <v>45</v>
      </c>
      <c r="AC24" s="315">
        <v>68</v>
      </c>
      <c r="AD24" s="315">
        <v>23</v>
      </c>
      <c r="AE24" s="315">
        <v>41</v>
      </c>
      <c r="AF24" s="315">
        <v>39</v>
      </c>
      <c r="AG24" s="312">
        <v>216</v>
      </c>
      <c r="AH24" s="317">
        <v>235</v>
      </c>
      <c r="AI24" s="311">
        <v>2</v>
      </c>
      <c r="AJ24" s="315">
        <v>2</v>
      </c>
      <c r="AK24" s="312">
        <v>4</v>
      </c>
      <c r="AL24" s="314">
        <v>0</v>
      </c>
      <c r="AM24" s="315">
        <v>6</v>
      </c>
      <c r="AN24" s="315">
        <v>8</v>
      </c>
      <c r="AO24" s="315">
        <v>5</v>
      </c>
      <c r="AP24" s="315">
        <v>4</v>
      </c>
      <c r="AQ24" s="315">
        <v>3</v>
      </c>
      <c r="AR24" s="312">
        <v>26</v>
      </c>
      <c r="AS24" s="317">
        <v>30</v>
      </c>
      <c r="AT24" s="311">
        <v>3</v>
      </c>
      <c r="AU24" s="315">
        <v>11</v>
      </c>
      <c r="AV24" s="312">
        <v>14</v>
      </c>
      <c r="AW24" s="314">
        <v>0</v>
      </c>
      <c r="AX24" s="315">
        <v>72</v>
      </c>
      <c r="AY24" s="315">
        <v>74</v>
      </c>
      <c r="AZ24" s="315">
        <v>47</v>
      </c>
      <c r="BA24" s="315">
        <v>57</v>
      </c>
      <c r="BB24" s="315">
        <v>29</v>
      </c>
      <c r="BC24" s="316">
        <v>279</v>
      </c>
      <c r="BD24" s="317">
        <v>293</v>
      </c>
      <c r="BE24" s="311">
        <v>0</v>
      </c>
      <c r="BF24" s="315">
        <v>0</v>
      </c>
      <c r="BG24" s="312">
        <v>0</v>
      </c>
      <c r="BH24" s="314">
        <v>0</v>
      </c>
      <c r="BI24" s="315">
        <v>122</v>
      </c>
      <c r="BJ24" s="315">
        <v>111</v>
      </c>
      <c r="BK24" s="315">
        <v>39</v>
      </c>
      <c r="BL24" s="315">
        <v>39</v>
      </c>
      <c r="BM24" s="315">
        <v>15</v>
      </c>
      <c r="BN24" s="312">
        <v>326</v>
      </c>
      <c r="BO24" s="317">
        <v>326</v>
      </c>
      <c r="BP24" s="311">
        <v>1</v>
      </c>
      <c r="BQ24" s="315">
        <v>8</v>
      </c>
      <c r="BR24" s="312">
        <v>9</v>
      </c>
      <c r="BS24" s="314">
        <v>0</v>
      </c>
      <c r="BT24" s="315">
        <v>18</v>
      </c>
      <c r="BU24" s="315">
        <v>21</v>
      </c>
      <c r="BV24" s="315">
        <v>18</v>
      </c>
      <c r="BW24" s="315">
        <v>13</v>
      </c>
      <c r="BX24" s="315">
        <v>5</v>
      </c>
      <c r="BY24" s="312">
        <v>75</v>
      </c>
      <c r="BZ24" s="317">
        <v>84</v>
      </c>
      <c r="CA24" s="311">
        <v>1</v>
      </c>
      <c r="CB24" s="315">
        <v>2</v>
      </c>
      <c r="CC24" s="312">
        <v>3</v>
      </c>
      <c r="CD24" s="314">
        <v>0</v>
      </c>
      <c r="CE24" s="315">
        <v>15</v>
      </c>
      <c r="CF24" s="315">
        <v>26</v>
      </c>
      <c r="CG24" s="315">
        <v>30</v>
      </c>
      <c r="CH24" s="315">
        <v>20</v>
      </c>
      <c r="CI24" s="315">
        <v>8</v>
      </c>
      <c r="CJ24" s="312">
        <v>99</v>
      </c>
      <c r="CK24" s="317">
        <v>102</v>
      </c>
      <c r="CL24" s="311">
        <v>0</v>
      </c>
      <c r="CM24" s="315">
        <v>0</v>
      </c>
      <c r="CN24" s="312">
        <v>0</v>
      </c>
      <c r="CO24" s="314">
        <v>0</v>
      </c>
      <c r="CP24" s="315">
        <v>1</v>
      </c>
      <c r="CQ24" s="315">
        <v>1</v>
      </c>
      <c r="CR24" s="315">
        <v>7</v>
      </c>
      <c r="CS24" s="315">
        <v>2</v>
      </c>
      <c r="CT24" s="315">
        <v>3</v>
      </c>
      <c r="CU24" s="312">
        <v>14</v>
      </c>
      <c r="CV24" s="317">
        <v>14</v>
      </c>
      <c r="CW24" s="311">
        <v>0</v>
      </c>
      <c r="CX24" s="315">
        <v>0</v>
      </c>
      <c r="CY24" s="312">
        <v>0</v>
      </c>
      <c r="CZ24" s="314">
        <v>0</v>
      </c>
      <c r="DA24" s="315">
        <v>0</v>
      </c>
      <c r="DB24" s="315">
        <v>0</v>
      </c>
      <c r="DC24" s="315">
        <v>0</v>
      </c>
      <c r="DD24" s="315">
        <v>0</v>
      </c>
      <c r="DE24" s="315">
        <v>0</v>
      </c>
      <c r="DF24" s="312">
        <v>0</v>
      </c>
      <c r="DG24" s="317">
        <v>0</v>
      </c>
      <c r="DH24" s="311">
        <v>0</v>
      </c>
      <c r="DI24" s="315">
        <v>0</v>
      </c>
      <c r="DJ24" s="312">
        <v>0</v>
      </c>
      <c r="DK24" s="314">
        <v>0</v>
      </c>
      <c r="DL24" s="315">
        <v>0</v>
      </c>
      <c r="DM24" s="315">
        <v>0</v>
      </c>
      <c r="DN24" s="315">
        <v>0</v>
      </c>
      <c r="DO24" s="315">
        <v>0</v>
      </c>
      <c r="DP24" s="315">
        <v>0</v>
      </c>
      <c r="DQ24" s="312">
        <v>0</v>
      </c>
      <c r="DR24" s="317">
        <v>0</v>
      </c>
      <c r="DS24" s="311">
        <v>46</v>
      </c>
      <c r="DT24" s="315">
        <v>134</v>
      </c>
      <c r="DU24" s="312">
        <v>180</v>
      </c>
      <c r="DV24" s="314">
        <v>0</v>
      </c>
      <c r="DW24" s="315">
        <v>193</v>
      </c>
      <c r="DX24" s="315">
        <v>229</v>
      </c>
      <c r="DY24" s="315">
        <v>114</v>
      </c>
      <c r="DZ24" s="315">
        <v>97</v>
      </c>
      <c r="EA24" s="315">
        <v>67</v>
      </c>
      <c r="EB24" s="312">
        <v>700</v>
      </c>
      <c r="EC24" s="317">
        <v>880</v>
      </c>
      <c r="ED24" s="311">
        <v>7</v>
      </c>
      <c r="EE24" s="315">
        <v>6</v>
      </c>
      <c r="EF24" s="312">
        <v>13</v>
      </c>
      <c r="EG24" s="314">
        <v>0</v>
      </c>
      <c r="EH24" s="315">
        <v>35</v>
      </c>
      <c r="EI24" s="315">
        <v>31</v>
      </c>
      <c r="EJ24" s="315">
        <v>23</v>
      </c>
      <c r="EK24" s="315">
        <v>23</v>
      </c>
      <c r="EL24" s="315">
        <v>9</v>
      </c>
      <c r="EM24" s="312">
        <v>121</v>
      </c>
      <c r="EN24" s="317">
        <v>134</v>
      </c>
      <c r="EO24" s="311">
        <v>50</v>
      </c>
      <c r="EP24" s="315">
        <v>144</v>
      </c>
      <c r="EQ24" s="312">
        <v>194</v>
      </c>
      <c r="ER24" s="314">
        <v>0</v>
      </c>
      <c r="ES24" s="315">
        <v>377</v>
      </c>
      <c r="ET24" s="315">
        <v>319</v>
      </c>
      <c r="EU24" s="315">
        <v>124</v>
      </c>
      <c r="EV24" s="315">
        <v>103</v>
      </c>
      <c r="EW24" s="315">
        <v>65</v>
      </c>
      <c r="EX24" s="312">
        <v>988</v>
      </c>
      <c r="EY24" s="317">
        <v>1182</v>
      </c>
    </row>
    <row r="25" spans="1:155" ht="19.5" customHeight="1" x14ac:dyDescent="0.2">
      <c r="A25" s="296" t="s">
        <v>23</v>
      </c>
      <c r="B25" s="311">
        <v>0</v>
      </c>
      <c r="C25" s="315">
        <v>0</v>
      </c>
      <c r="D25" s="437">
        <v>0</v>
      </c>
      <c r="E25" s="314">
        <v>0</v>
      </c>
      <c r="F25" s="315">
        <v>147</v>
      </c>
      <c r="G25" s="315">
        <v>132</v>
      </c>
      <c r="H25" s="315">
        <v>65</v>
      </c>
      <c r="I25" s="315">
        <v>66</v>
      </c>
      <c r="J25" s="315">
        <v>42</v>
      </c>
      <c r="K25" s="316">
        <v>452</v>
      </c>
      <c r="L25" s="317">
        <v>452</v>
      </c>
      <c r="M25" s="311">
        <v>0</v>
      </c>
      <c r="N25" s="315">
        <v>0</v>
      </c>
      <c r="O25" s="312">
        <v>0</v>
      </c>
      <c r="P25" s="314">
        <v>0</v>
      </c>
      <c r="Q25" s="315">
        <v>2</v>
      </c>
      <c r="R25" s="315">
        <v>1</v>
      </c>
      <c r="S25" s="315">
        <v>7</v>
      </c>
      <c r="T25" s="315">
        <v>12</v>
      </c>
      <c r="U25" s="315">
        <v>15</v>
      </c>
      <c r="V25" s="312">
        <v>37</v>
      </c>
      <c r="W25" s="317">
        <v>37</v>
      </c>
      <c r="X25" s="311">
        <v>19</v>
      </c>
      <c r="Y25" s="315">
        <v>21</v>
      </c>
      <c r="Z25" s="312">
        <v>40</v>
      </c>
      <c r="AA25" s="314">
        <v>0</v>
      </c>
      <c r="AB25" s="315">
        <v>61</v>
      </c>
      <c r="AC25" s="315">
        <v>73</v>
      </c>
      <c r="AD25" s="315">
        <v>24</v>
      </c>
      <c r="AE25" s="315">
        <v>38</v>
      </c>
      <c r="AF25" s="315">
        <v>29</v>
      </c>
      <c r="AG25" s="312">
        <v>225</v>
      </c>
      <c r="AH25" s="317">
        <v>265</v>
      </c>
      <c r="AI25" s="311">
        <v>0</v>
      </c>
      <c r="AJ25" s="315">
        <v>11</v>
      </c>
      <c r="AK25" s="312">
        <v>11</v>
      </c>
      <c r="AL25" s="314">
        <v>0</v>
      </c>
      <c r="AM25" s="315">
        <v>7</v>
      </c>
      <c r="AN25" s="315">
        <v>17</v>
      </c>
      <c r="AO25" s="315">
        <v>8</v>
      </c>
      <c r="AP25" s="315">
        <v>4</v>
      </c>
      <c r="AQ25" s="315">
        <v>5</v>
      </c>
      <c r="AR25" s="312">
        <v>41</v>
      </c>
      <c r="AS25" s="317">
        <v>52</v>
      </c>
      <c r="AT25" s="311">
        <v>12</v>
      </c>
      <c r="AU25" s="315">
        <v>16</v>
      </c>
      <c r="AV25" s="312">
        <v>28</v>
      </c>
      <c r="AW25" s="314">
        <v>0</v>
      </c>
      <c r="AX25" s="315">
        <v>154</v>
      </c>
      <c r="AY25" s="315">
        <v>147</v>
      </c>
      <c r="AZ25" s="315">
        <v>117</v>
      </c>
      <c r="BA25" s="315">
        <v>135</v>
      </c>
      <c r="BB25" s="315">
        <v>97</v>
      </c>
      <c r="BC25" s="316">
        <v>650</v>
      </c>
      <c r="BD25" s="317">
        <v>678</v>
      </c>
      <c r="BE25" s="311">
        <v>0</v>
      </c>
      <c r="BF25" s="315">
        <v>0</v>
      </c>
      <c r="BG25" s="312">
        <v>0</v>
      </c>
      <c r="BH25" s="314">
        <v>0</v>
      </c>
      <c r="BI25" s="315">
        <v>308</v>
      </c>
      <c r="BJ25" s="315">
        <v>240</v>
      </c>
      <c r="BK25" s="315">
        <v>97</v>
      </c>
      <c r="BL25" s="315">
        <v>77</v>
      </c>
      <c r="BM25" s="315">
        <v>33</v>
      </c>
      <c r="BN25" s="312">
        <v>755</v>
      </c>
      <c r="BO25" s="317">
        <v>755</v>
      </c>
      <c r="BP25" s="311">
        <v>4</v>
      </c>
      <c r="BQ25" s="315">
        <v>12</v>
      </c>
      <c r="BR25" s="312">
        <v>16</v>
      </c>
      <c r="BS25" s="314">
        <v>0</v>
      </c>
      <c r="BT25" s="315">
        <v>41</v>
      </c>
      <c r="BU25" s="315">
        <v>56</v>
      </c>
      <c r="BV25" s="315">
        <v>27</v>
      </c>
      <c r="BW25" s="315">
        <v>22</v>
      </c>
      <c r="BX25" s="315">
        <v>8</v>
      </c>
      <c r="BY25" s="312">
        <v>154</v>
      </c>
      <c r="BZ25" s="317">
        <v>170</v>
      </c>
      <c r="CA25" s="311">
        <v>2</v>
      </c>
      <c r="CB25" s="315">
        <v>3</v>
      </c>
      <c r="CC25" s="312">
        <v>5</v>
      </c>
      <c r="CD25" s="314">
        <v>0</v>
      </c>
      <c r="CE25" s="315">
        <v>27</v>
      </c>
      <c r="CF25" s="315">
        <v>41</v>
      </c>
      <c r="CG25" s="315">
        <v>41</v>
      </c>
      <c r="CH25" s="315">
        <v>35</v>
      </c>
      <c r="CI25" s="315">
        <v>11</v>
      </c>
      <c r="CJ25" s="312">
        <v>155</v>
      </c>
      <c r="CK25" s="317">
        <v>160</v>
      </c>
      <c r="CL25" s="311">
        <v>0</v>
      </c>
      <c r="CM25" s="315">
        <v>0</v>
      </c>
      <c r="CN25" s="312">
        <v>0</v>
      </c>
      <c r="CO25" s="314">
        <v>0</v>
      </c>
      <c r="CP25" s="315">
        <v>1</v>
      </c>
      <c r="CQ25" s="315">
        <v>3</v>
      </c>
      <c r="CR25" s="315">
        <v>1</v>
      </c>
      <c r="CS25" s="315">
        <v>3</v>
      </c>
      <c r="CT25" s="315">
        <v>4</v>
      </c>
      <c r="CU25" s="312">
        <v>12</v>
      </c>
      <c r="CV25" s="317">
        <v>12</v>
      </c>
      <c r="CW25" s="311">
        <v>0</v>
      </c>
      <c r="CX25" s="315">
        <v>0</v>
      </c>
      <c r="CY25" s="312">
        <v>0</v>
      </c>
      <c r="CZ25" s="314">
        <v>0</v>
      </c>
      <c r="DA25" s="315">
        <v>0</v>
      </c>
      <c r="DB25" s="315">
        <v>0</v>
      </c>
      <c r="DC25" s="315">
        <v>0</v>
      </c>
      <c r="DD25" s="315">
        <v>0</v>
      </c>
      <c r="DE25" s="315">
        <v>0</v>
      </c>
      <c r="DF25" s="312">
        <v>0</v>
      </c>
      <c r="DG25" s="317">
        <v>0</v>
      </c>
      <c r="DH25" s="311">
        <v>0</v>
      </c>
      <c r="DI25" s="315">
        <v>0</v>
      </c>
      <c r="DJ25" s="312">
        <v>0</v>
      </c>
      <c r="DK25" s="314">
        <v>0</v>
      </c>
      <c r="DL25" s="315">
        <v>0</v>
      </c>
      <c r="DM25" s="315">
        <v>0</v>
      </c>
      <c r="DN25" s="315">
        <v>0</v>
      </c>
      <c r="DO25" s="315">
        <v>0</v>
      </c>
      <c r="DP25" s="315">
        <v>0</v>
      </c>
      <c r="DQ25" s="312">
        <v>0</v>
      </c>
      <c r="DR25" s="317">
        <v>0</v>
      </c>
      <c r="DS25" s="311">
        <v>88</v>
      </c>
      <c r="DT25" s="315">
        <v>200</v>
      </c>
      <c r="DU25" s="312">
        <v>288</v>
      </c>
      <c r="DV25" s="314">
        <v>0</v>
      </c>
      <c r="DW25" s="315">
        <v>280</v>
      </c>
      <c r="DX25" s="315">
        <v>371</v>
      </c>
      <c r="DY25" s="315">
        <v>195</v>
      </c>
      <c r="DZ25" s="315">
        <v>169</v>
      </c>
      <c r="EA25" s="315">
        <v>87</v>
      </c>
      <c r="EB25" s="312">
        <v>1102</v>
      </c>
      <c r="EC25" s="317">
        <v>1390</v>
      </c>
      <c r="ED25" s="311">
        <v>6</v>
      </c>
      <c r="EE25" s="315">
        <v>3</v>
      </c>
      <c r="EF25" s="312">
        <v>9</v>
      </c>
      <c r="EG25" s="314">
        <v>0</v>
      </c>
      <c r="EH25" s="315">
        <v>43</v>
      </c>
      <c r="EI25" s="315">
        <v>44</v>
      </c>
      <c r="EJ25" s="315">
        <v>30</v>
      </c>
      <c r="EK25" s="315">
        <v>43</v>
      </c>
      <c r="EL25" s="315">
        <v>29</v>
      </c>
      <c r="EM25" s="312">
        <v>189</v>
      </c>
      <c r="EN25" s="317">
        <v>198</v>
      </c>
      <c r="EO25" s="311">
        <v>118</v>
      </c>
      <c r="EP25" s="315">
        <v>234</v>
      </c>
      <c r="EQ25" s="312">
        <v>352</v>
      </c>
      <c r="ER25" s="314">
        <v>0</v>
      </c>
      <c r="ES25" s="315">
        <v>567</v>
      </c>
      <c r="ET25" s="315">
        <v>503</v>
      </c>
      <c r="EU25" s="315">
        <v>236</v>
      </c>
      <c r="EV25" s="315">
        <v>197</v>
      </c>
      <c r="EW25" s="315">
        <v>97</v>
      </c>
      <c r="EX25" s="312">
        <v>1600</v>
      </c>
      <c r="EY25" s="317">
        <v>1952</v>
      </c>
    </row>
    <row r="26" spans="1:155" ht="19.5" customHeight="1" x14ac:dyDescent="0.2">
      <c r="A26" s="296" t="s">
        <v>24</v>
      </c>
      <c r="B26" s="311">
        <v>0</v>
      </c>
      <c r="C26" s="315">
        <v>0</v>
      </c>
      <c r="D26" s="437">
        <v>0</v>
      </c>
      <c r="E26" s="314">
        <v>0</v>
      </c>
      <c r="F26" s="315">
        <v>80</v>
      </c>
      <c r="G26" s="315">
        <v>51</v>
      </c>
      <c r="H26" s="315">
        <v>33</v>
      </c>
      <c r="I26" s="315">
        <v>26</v>
      </c>
      <c r="J26" s="315">
        <v>36</v>
      </c>
      <c r="K26" s="316">
        <v>226</v>
      </c>
      <c r="L26" s="317">
        <v>226</v>
      </c>
      <c r="M26" s="311">
        <v>0</v>
      </c>
      <c r="N26" s="315">
        <v>0</v>
      </c>
      <c r="O26" s="312">
        <v>0</v>
      </c>
      <c r="P26" s="314">
        <v>0</v>
      </c>
      <c r="Q26" s="315">
        <v>1</v>
      </c>
      <c r="R26" s="315">
        <v>3</v>
      </c>
      <c r="S26" s="315">
        <v>3</v>
      </c>
      <c r="T26" s="315">
        <v>7</v>
      </c>
      <c r="U26" s="315">
        <v>19</v>
      </c>
      <c r="V26" s="312">
        <v>33</v>
      </c>
      <c r="W26" s="317">
        <v>33</v>
      </c>
      <c r="X26" s="311">
        <v>15</v>
      </c>
      <c r="Y26" s="315">
        <v>18</v>
      </c>
      <c r="Z26" s="312">
        <v>33</v>
      </c>
      <c r="AA26" s="314">
        <v>0</v>
      </c>
      <c r="AB26" s="315">
        <v>71</v>
      </c>
      <c r="AC26" s="315">
        <v>50</v>
      </c>
      <c r="AD26" s="315">
        <v>36</v>
      </c>
      <c r="AE26" s="315">
        <v>34</v>
      </c>
      <c r="AF26" s="315">
        <v>25</v>
      </c>
      <c r="AG26" s="312">
        <v>216</v>
      </c>
      <c r="AH26" s="317">
        <v>249</v>
      </c>
      <c r="AI26" s="311">
        <v>1</v>
      </c>
      <c r="AJ26" s="315">
        <v>4</v>
      </c>
      <c r="AK26" s="312">
        <v>5</v>
      </c>
      <c r="AL26" s="314">
        <v>0</v>
      </c>
      <c r="AM26" s="315">
        <v>4</v>
      </c>
      <c r="AN26" s="315">
        <v>3</v>
      </c>
      <c r="AO26" s="315">
        <v>1</v>
      </c>
      <c r="AP26" s="315">
        <v>4</v>
      </c>
      <c r="AQ26" s="315">
        <v>8</v>
      </c>
      <c r="AR26" s="312">
        <v>20</v>
      </c>
      <c r="AS26" s="317">
        <v>25</v>
      </c>
      <c r="AT26" s="311">
        <v>24</v>
      </c>
      <c r="AU26" s="315">
        <v>16</v>
      </c>
      <c r="AV26" s="312">
        <v>40</v>
      </c>
      <c r="AW26" s="314">
        <v>0</v>
      </c>
      <c r="AX26" s="315">
        <v>83</v>
      </c>
      <c r="AY26" s="315">
        <v>76</v>
      </c>
      <c r="AZ26" s="315">
        <v>79</v>
      </c>
      <c r="BA26" s="315">
        <v>71</v>
      </c>
      <c r="BB26" s="315">
        <v>66</v>
      </c>
      <c r="BC26" s="316">
        <v>375</v>
      </c>
      <c r="BD26" s="317">
        <v>415</v>
      </c>
      <c r="BE26" s="311">
        <v>0</v>
      </c>
      <c r="BF26" s="315">
        <v>0</v>
      </c>
      <c r="BG26" s="312">
        <v>0</v>
      </c>
      <c r="BH26" s="314">
        <v>0</v>
      </c>
      <c r="BI26" s="315">
        <v>96</v>
      </c>
      <c r="BJ26" s="315">
        <v>66</v>
      </c>
      <c r="BK26" s="315">
        <v>38</v>
      </c>
      <c r="BL26" s="315">
        <v>17</v>
      </c>
      <c r="BM26" s="315">
        <v>3</v>
      </c>
      <c r="BN26" s="312">
        <v>220</v>
      </c>
      <c r="BO26" s="317">
        <v>220</v>
      </c>
      <c r="BP26" s="311">
        <v>10</v>
      </c>
      <c r="BQ26" s="315">
        <v>9</v>
      </c>
      <c r="BR26" s="312">
        <v>19</v>
      </c>
      <c r="BS26" s="314">
        <v>0</v>
      </c>
      <c r="BT26" s="315">
        <v>42</v>
      </c>
      <c r="BU26" s="315">
        <v>33</v>
      </c>
      <c r="BV26" s="315">
        <v>22</v>
      </c>
      <c r="BW26" s="315">
        <v>11</v>
      </c>
      <c r="BX26" s="315">
        <v>10</v>
      </c>
      <c r="BY26" s="312">
        <v>118</v>
      </c>
      <c r="BZ26" s="317">
        <v>137</v>
      </c>
      <c r="CA26" s="311">
        <v>1</v>
      </c>
      <c r="CB26" s="315">
        <v>3</v>
      </c>
      <c r="CC26" s="312">
        <v>4</v>
      </c>
      <c r="CD26" s="314">
        <v>0</v>
      </c>
      <c r="CE26" s="315">
        <v>20</v>
      </c>
      <c r="CF26" s="315">
        <v>22</v>
      </c>
      <c r="CG26" s="315">
        <v>23</v>
      </c>
      <c r="CH26" s="315">
        <v>12</v>
      </c>
      <c r="CI26" s="315">
        <v>13</v>
      </c>
      <c r="CJ26" s="312">
        <v>90</v>
      </c>
      <c r="CK26" s="317">
        <v>94</v>
      </c>
      <c r="CL26" s="311">
        <v>0</v>
      </c>
      <c r="CM26" s="315">
        <v>0</v>
      </c>
      <c r="CN26" s="312">
        <v>0</v>
      </c>
      <c r="CO26" s="314">
        <v>0</v>
      </c>
      <c r="CP26" s="315">
        <v>2</v>
      </c>
      <c r="CQ26" s="315">
        <v>1</v>
      </c>
      <c r="CR26" s="315">
        <v>1</v>
      </c>
      <c r="CS26" s="315">
        <v>1</v>
      </c>
      <c r="CT26" s="315">
        <v>1</v>
      </c>
      <c r="CU26" s="312">
        <v>6</v>
      </c>
      <c r="CV26" s="317">
        <v>6</v>
      </c>
      <c r="CW26" s="311">
        <v>0</v>
      </c>
      <c r="CX26" s="315">
        <v>0</v>
      </c>
      <c r="CY26" s="312">
        <v>0</v>
      </c>
      <c r="CZ26" s="314">
        <v>0</v>
      </c>
      <c r="DA26" s="315">
        <v>0</v>
      </c>
      <c r="DB26" s="315">
        <v>0</v>
      </c>
      <c r="DC26" s="315">
        <v>0</v>
      </c>
      <c r="DD26" s="315">
        <v>0</v>
      </c>
      <c r="DE26" s="315">
        <v>0</v>
      </c>
      <c r="DF26" s="312">
        <v>0</v>
      </c>
      <c r="DG26" s="317">
        <v>0</v>
      </c>
      <c r="DH26" s="311">
        <v>0</v>
      </c>
      <c r="DI26" s="315">
        <v>0</v>
      </c>
      <c r="DJ26" s="312">
        <v>0</v>
      </c>
      <c r="DK26" s="314">
        <v>0</v>
      </c>
      <c r="DL26" s="315">
        <v>0</v>
      </c>
      <c r="DM26" s="315">
        <v>0</v>
      </c>
      <c r="DN26" s="315">
        <v>0</v>
      </c>
      <c r="DO26" s="315">
        <v>0</v>
      </c>
      <c r="DP26" s="315">
        <v>0</v>
      </c>
      <c r="DQ26" s="312">
        <v>0</v>
      </c>
      <c r="DR26" s="317">
        <v>0</v>
      </c>
      <c r="DS26" s="311">
        <v>70</v>
      </c>
      <c r="DT26" s="315">
        <v>71</v>
      </c>
      <c r="DU26" s="312">
        <v>141</v>
      </c>
      <c r="DV26" s="314">
        <v>0</v>
      </c>
      <c r="DW26" s="315">
        <v>169</v>
      </c>
      <c r="DX26" s="315">
        <v>143</v>
      </c>
      <c r="DY26" s="315">
        <v>99</v>
      </c>
      <c r="DZ26" s="315">
        <v>64</v>
      </c>
      <c r="EA26" s="315">
        <v>56</v>
      </c>
      <c r="EB26" s="312">
        <v>531</v>
      </c>
      <c r="EC26" s="317">
        <v>672</v>
      </c>
      <c r="ED26" s="311">
        <v>13</v>
      </c>
      <c r="EE26" s="315">
        <v>6</v>
      </c>
      <c r="EF26" s="312">
        <v>19</v>
      </c>
      <c r="EG26" s="314">
        <v>0</v>
      </c>
      <c r="EH26" s="315">
        <v>30</v>
      </c>
      <c r="EI26" s="315">
        <v>33</v>
      </c>
      <c r="EJ26" s="315">
        <v>22</v>
      </c>
      <c r="EK26" s="315">
        <v>31</v>
      </c>
      <c r="EL26" s="315">
        <v>22</v>
      </c>
      <c r="EM26" s="312">
        <v>138</v>
      </c>
      <c r="EN26" s="317">
        <v>157</v>
      </c>
      <c r="EO26" s="311">
        <v>90</v>
      </c>
      <c r="EP26" s="315">
        <v>89</v>
      </c>
      <c r="EQ26" s="312">
        <v>179</v>
      </c>
      <c r="ER26" s="314">
        <v>0</v>
      </c>
      <c r="ES26" s="315">
        <v>299</v>
      </c>
      <c r="ET26" s="315">
        <v>182</v>
      </c>
      <c r="EU26" s="315">
        <v>120</v>
      </c>
      <c r="EV26" s="315">
        <v>67</v>
      </c>
      <c r="EW26" s="315">
        <v>62</v>
      </c>
      <c r="EX26" s="312">
        <v>730</v>
      </c>
      <c r="EY26" s="317">
        <v>909</v>
      </c>
    </row>
    <row r="27" spans="1:155" ht="19.5" customHeight="1" x14ac:dyDescent="0.2">
      <c r="A27" s="296" t="s">
        <v>25</v>
      </c>
      <c r="B27" s="311">
        <v>0</v>
      </c>
      <c r="C27" s="315">
        <v>0</v>
      </c>
      <c r="D27" s="437">
        <v>0</v>
      </c>
      <c r="E27" s="314">
        <v>0</v>
      </c>
      <c r="F27" s="315">
        <v>93</v>
      </c>
      <c r="G27" s="315">
        <v>56</v>
      </c>
      <c r="H27" s="315">
        <v>35</v>
      </c>
      <c r="I27" s="315">
        <v>47</v>
      </c>
      <c r="J27" s="315">
        <v>35</v>
      </c>
      <c r="K27" s="316">
        <v>266</v>
      </c>
      <c r="L27" s="317">
        <v>266</v>
      </c>
      <c r="M27" s="311">
        <v>0</v>
      </c>
      <c r="N27" s="315">
        <v>0</v>
      </c>
      <c r="O27" s="312">
        <v>0</v>
      </c>
      <c r="P27" s="314">
        <v>0</v>
      </c>
      <c r="Q27" s="315">
        <v>3</v>
      </c>
      <c r="R27" s="315">
        <v>6</v>
      </c>
      <c r="S27" s="315">
        <v>4</v>
      </c>
      <c r="T27" s="315">
        <v>17</v>
      </c>
      <c r="U27" s="315">
        <v>19</v>
      </c>
      <c r="V27" s="312">
        <v>49</v>
      </c>
      <c r="W27" s="317">
        <v>49</v>
      </c>
      <c r="X27" s="311">
        <v>13</v>
      </c>
      <c r="Y27" s="315">
        <v>26</v>
      </c>
      <c r="Z27" s="312">
        <v>39</v>
      </c>
      <c r="AA27" s="314">
        <v>0</v>
      </c>
      <c r="AB27" s="315">
        <v>69</v>
      </c>
      <c r="AC27" s="315">
        <v>58</v>
      </c>
      <c r="AD27" s="315">
        <v>38</v>
      </c>
      <c r="AE27" s="315">
        <v>40</v>
      </c>
      <c r="AF27" s="315">
        <v>31</v>
      </c>
      <c r="AG27" s="312">
        <v>236</v>
      </c>
      <c r="AH27" s="317">
        <v>275</v>
      </c>
      <c r="AI27" s="311">
        <v>3</v>
      </c>
      <c r="AJ27" s="315">
        <v>3</v>
      </c>
      <c r="AK27" s="312">
        <v>6</v>
      </c>
      <c r="AL27" s="314">
        <v>0</v>
      </c>
      <c r="AM27" s="315">
        <v>3</v>
      </c>
      <c r="AN27" s="315">
        <v>5</v>
      </c>
      <c r="AO27" s="315">
        <v>8</v>
      </c>
      <c r="AP27" s="315">
        <v>4</v>
      </c>
      <c r="AQ27" s="315">
        <v>5</v>
      </c>
      <c r="AR27" s="312">
        <v>25</v>
      </c>
      <c r="AS27" s="317">
        <v>31</v>
      </c>
      <c r="AT27" s="311">
        <v>4</v>
      </c>
      <c r="AU27" s="315">
        <v>13</v>
      </c>
      <c r="AV27" s="312">
        <v>17</v>
      </c>
      <c r="AW27" s="314">
        <v>0</v>
      </c>
      <c r="AX27" s="315">
        <v>68</v>
      </c>
      <c r="AY27" s="315">
        <v>65</v>
      </c>
      <c r="AZ27" s="315">
        <v>38</v>
      </c>
      <c r="BA27" s="315">
        <v>71</v>
      </c>
      <c r="BB27" s="315">
        <v>46</v>
      </c>
      <c r="BC27" s="316">
        <v>288</v>
      </c>
      <c r="BD27" s="317">
        <v>305</v>
      </c>
      <c r="BE27" s="311">
        <v>0</v>
      </c>
      <c r="BF27" s="315">
        <v>0</v>
      </c>
      <c r="BG27" s="312">
        <v>0</v>
      </c>
      <c r="BH27" s="314">
        <v>0</v>
      </c>
      <c r="BI27" s="315">
        <v>137</v>
      </c>
      <c r="BJ27" s="315">
        <v>66</v>
      </c>
      <c r="BK27" s="315">
        <v>36</v>
      </c>
      <c r="BL27" s="315">
        <v>37</v>
      </c>
      <c r="BM27" s="315">
        <v>9</v>
      </c>
      <c r="BN27" s="312">
        <v>285</v>
      </c>
      <c r="BO27" s="317">
        <v>285</v>
      </c>
      <c r="BP27" s="311">
        <v>4</v>
      </c>
      <c r="BQ27" s="315">
        <v>13</v>
      </c>
      <c r="BR27" s="312">
        <v>17</v>
      </c>
      <c r="BS27" s="314">
        <v>0</v>
      </c>
      <c r="BT27" s="315">
        <v>34</v>
      </c>
      <c r="BU27" s="315">
        <v>52</v>
      </c>
      <c r="BV27" s="315">
        <v>23</v>
      </c>
      <c r="BW27" s="315">
        <v>20</v>
      </c>
      <c r="BX27" s="315">
        <v>8</v>
      </c>
      <c r="BY27" s="312">
        <v>137</v>
      </c>
      <c r="BZ27" s="317">
        <v>154</v>
      </c>
      <c r="CA27" s="311">
        <v>0</v>
      </c>
      <c r="CB27" s="315">
        <v>3</v>
      </c>
      <c r="CC27" s="312">
        <v>3</v>
      </c>
      <c r="CD27" s="314">
        <v>0</v>
      </c>
      <c r="CE27" s="315">
        <v>15</v>
      </c>
      <c r="CF27" s="315">
        <v>22</v>
      </c>
      <c r="CG27" s="315">
        <v>14</v>
      </c>
      <c r="CH27" s="315">
        <v>14</v>
      </c>
      <c r="CI27" s="315">
        <v>6</v>
      </c>
      <c r="CJ27" s="312">
        <v>71</v>
      </c>
      <c r="CK27" s="317">
        <v>74</v>
      </c>
      <c r="CL27" s="311">
        <v>0</v>
      </c>
      <c r="CM27" s="315">
        <v>0</v>
      </c>
      <c r="CN27" s="312">
        <v>0</v>
      </c>
      <c r="CO27" s="314">
        <v>0</v>
      </c>
      <c r="CP27" s="315">
        <v>1</v>
      </c>
      <c r="CQ27" s="315">
        <v>4</v>
      </c>
      <c r="CR27" s="315">
        <v>1</v>
      </c>
      <c r="CS27" s="315">
        <v>3</v>
      </c>
      <c r="CT27" s="315">
        <v>1</v>
      </c>
      <c r="CU27" s="312">
        <v>10</v>
      </c>
      <c r="CV27" s="317">
        <v>10</v>
      </c>
      <c r="CW27" s="311">
        <v>0</v>
      </c>
      <c r="CX27" s="315">
        <v>0</v>
      </c>
      <c r="CY27" s="312">
        <v>0</v>
      </c>
      <c r="CZ27" s="314">
        <v>0</v>
      </c>
      <c r="DA27" s="315">
        <v>0</v>
      </c>
      <c r="DB27" s="315">
        <v>0</v>
      </c>
      <c r="DC27" s="315">
        <v>0</v>
      </c>
      <c r="DD27" s="315">
        <v>0</v>
      </c>
      <c r="DE27" s="315">
        <v>0</v>
      </c>
      <c r="DF27" s="312">
        <v>0</v>
      </c>
      <c r="DG27" s="317">
        <v>0</v>
      </c>
      <c r="DH27" s="311">
        <v>0</v>
      </c>
      <c r="DI27" s="315">
        <v>0</v>
      </c>
      <c r="DJ27" s="312">
        <v>0</v>
      </c>
      <c r="DK27" s="314">
        <v>0</v>
      </c>
      <c r="DL27" s="315">
        <v>0</v>
      </c>
      <c r="DM27" s="315">
        <v>0</v>
      </c>
      <c r="DN27" s="315">
        <v>0</v>
      </c>
      <c r="DO27" s="315">
        <v>0</v>
      </c>
      <c r="DP27" s="315">
        <v>0</v>
      </c>
      <c r="DQ27" s="312">
        <v>0</v>
      </c>
      <c r="DR27" s="317">
        <v>0</v>
      </c>
      <c r="DS27" s="311">
        <v>58</v>
      </c>
      <c r="DT27" s="315">
        <v>115</v>
      </c>
      <c r="DU27" s="312">
        <v>173</v>
      </c>
      <c r="DV27" s="314">
        <v>0</v>
      </c>
      <c r="DW27" s="315">
        <v>127</v>
      </c>
      <c r="DX27" s="315">
        <v>174</v>
      </c>
      <c r="DY27" s="315">
        <v>102</v>
      </c>
      <c r="DZ27" s="315">
        <v>116</v>
      </c>
      <c r="EA27" s="315">
        <v>60</v>
      </c>
      <c r="EB27" s="312">
        <v>579</v>
      </c>
      <c r="EC27" s="317">
        <v>752</v>
      </c>
      <c r="ED27" s="311">
        <v>2</v>
      </c>
      <c r="EE27" s="315">
        <v>5</v>
      </c>
      <c r="EF27" s="312">
        <v>7</v>
      </c>
      <c r="EG27" s="314">
        <v>0</v>
      </c>
      <c r="EH27" s="315">
        <v>20</v>
      </c>
      <c r="EI27" s="315">
        <v>20</v>
      </c>
      <c r="EJ27" s="315">
        <v>11</v>
      </c>
      <c r="EK27" s="315">
        <v>19</v>
      </c>
      <c r="EL27" s="315">
        <v>11</v>
      </c>
      <c r="EM27" s="312">
        <v>81</v>
      </c>
      <c r="EN27" s="317">
        <v>88</v>
      </c>
      <c r="EO27" s="311">
        <v>71</v>
      </c>
      <c r="EP27" s="315">
        <v>136</v>
      </c>
      <c r="EQ27" s="312">
        <v>207</v>
      </c>
      <c r="ER27" s="314">
        <v>0</v>
      </c>
      <c r="ES27" s="315">
        <v>344</v>
      </c>
      <c r="ET27" s="315">
        <v>229</v>
      </c>
      <c r="EU27" s="315">
        <v>114</v>
      </c>
      <c r="EV27" s="315">
        <v>128</v>
      </c>
      <c r="EW27" s="315">
        <v>64</v>
      </c>
      <c r="EX27" s="312">
        <v>879</v>
      </c>
      <c r="EY27" s="317">
        <v>1086</v>
      </c>
    </row>
    <row r="28" spans="1:155" ht="19.5" customHeight="1" x14ac:dyDescent="0.2">
      <c r="A28" s="296" t="s">
        <v>26</v>
      </c>
      <c r="B28" s="311">
        <v>0</v>
      </c>
      <c r="C28" s="315">
        <v>0</v>
      </c>
      <c r="D28" s="437">
        <v>0</v>
      </c>
      <c r="E28" s="314">
        <v>0</v>
      </c>
      <c r="F28" s="315">
        <v>78</v>
      </c>
      <c r="G28" s="315">
        <v>69</v>
      </c>
      <c r="H28" s="315">
        <v>41</v>
      </c>
      <c r="I28" s="315">
        <v>36</v>
      </c>
      <c r="J28" s="315">
        <v>47</v>
      </c>
      <c r="K28" s="316">
        <v>271</v>
      </c>
      <c r="L28" s="317">
        <v>271</v>
      </c>
      <c r="M28" s="311">
        <v>0</v>
      </c>
      <c r="N28" s="315">
        <v>0</v>
      </c>
      <c r="O28" s="312">
        <v>0</v>
      </c>
      <c r="P28" s="314">
        <v>0</v>
      </c>
      <c r="Q28" s="315">
        <v>0</v>
      </c>
      <c r="R28" s="315">
        <v>3</v>
      </c>
      <c r="S28" s="315">
        <v>6</v>
      </c>
      <c r="T28" s="315">
        <v>11</v>
      </c>
      <c r="U28" s="315">
        <v>18</v>
      </c>
      <c r="V28" s="312">
        <v>38</v>
      </c>
      <c r="W28" s="317">
        <v>38</v>
      </c>
      <c r="X28" s="311">
        <v>12</v>
      </c>
      <c r="Y28" s="315">
        <v>19</v>
      </c>
      <c r="Z28" s="312">
        <v>31</v>
      </c>
      <c r="AA28" s="314">
        <v>0</v>
      </c>
      <c r="AB28" s="315">
        <v>62</v>
      </c>
      <c r="AC28" s="315">
        <v>56</v>
      </c>
      <c r="AD28" s="315">
        <v>34</v>
      </c>
      <c r="AE28" s="315">
        <v>34</v>
      </c>
      <c r="AF28" s="315">
        <v>45</v>
      </c>
      <c r="AG28" s="312">
        <v>231</v>
      </c>
      <c r="AH28" s="317">
        <v>262</v>
      </c>
      <c r="AI28" s="311">
        <v>1</v>
      </c>
      <c r="AJ28" s="315">
        <v>0</v>
      </c>
      <c r="AK28" s="312">
        <v>1</v>
      </c>
      <c r="AL28" s="314">
        <v>0</v>
      </c>
      <c r="AM28" s="315">
        <v>5</v>
      </c>
      <c r="AN28" s="315">
        <v>4</v>
      </c>
      <c r="AO28" s="315">
        <v>4</v>
      </c>
      <c r="AP28" s="315">
        <v>1</v>
      </c>
      <c r="AQ28" s="315">
        <v>3</v>
      </c>
      <c r="AR28" s="312">
        <v>17</v>
      </c>
      <c r="AS28" s="317">
        <v>18</v>
      </c>
      <c r="AT28" s="311">
        <v>9</v>
      </c>
      <c r="AU28" s="315">
        <v>5</v>
      </c>
      <c r="AV28" s="312">
        <v>14</v>
      </c>
      <c r="AW28" s="314">
        <v>0</v>
      </c>
      <c r="AX28" s="315">
        <v>61</v>
      </c>
      <c r="AY28" s="315">
        <v>57</v>
      </c>
      <c r="AZ28" s="315">
        <v>55</v>
      </c>
      <c r="BA28" s="315">
        <v>63</v>
      </c>
      <c r="BB28" s="315">
        <v>59</v>
      </c>
      <c r="BC28" s="316">
        <v>295</v>
      </c>
      <c r="BD28" s="317">
        <v>309</v>
      </c>
      <c r="BE28" s="311">
        <v>0</v>
      </c>
      <c r="BF28" s="315">
        <v>0</v>
      </c>
      <c r="BG28" s="312">
        <v>0</v>
      </c>
      <c r="BH28" s="314">
        <v>0</v>
      </c>
      <c r="BI28" s="315">
        <v>116</v>
      </c>
      <c r="BJ28" s="315">
        <v>74</v>
      </c>
      <c r="BK28" s="315">
        <v>47</v>
      </c>
      <c r="BL28" s="315">
        <v>23</v>
      </c>
      <c r="BM28" s="315">
        <v>20</v>
      </c>
      <c r="BN28" s="312">
        <v>280</v>
      </c>
      <c r="BO28" s="317">
        <v>280</v>
      </c>
      <c r="BP28" s="311">
        <v>3</v>
      </c>
      <c r="BQ28" s="315">
        <v>6</v>
      </c>
      <c r="BR28" s="312">
        <v>9</v>
      </c>
      <c r="BS28" s="314">
        <v>0</v>
      </c>
      <c r="BT28" s="315">
        <v>23</v>
      </c>
      <c r="BU28" s="315">
        <v>21</v>
      </c>
      <c r="BV28" s="315">
        <v>12</v>
      </c>
      <c r="BW28" s="315">
        <v>7</v>
      </c>
      <c r="BX28" s="315">
        <v>7</v>
      </c>
      <c r="BY28" s="312">
        <v>70</v>
      </c>
      <c r="BZ28" s="317">
        <v>79</v>
      </c>
      <c r="CA28" s="311">
        <v>0</v>
      </c>
      <c r="CB28" s="315">
        <v>2</v>
      </c>
      <c r="CC28" s="312">
        <v>2</v>
      </c>
      <c r="CD28" s="314">
        <v>0</v>
      </c>
      <c r="CE28" s="315">
        <v>9</v>
      </c>
      <c r="CF28" s="315">
        <v>12</v>
      </c>
      <c r="CG28" s="315">
        <v>17</v>
      </c>
      <c r="CH28" s="315">
        <v>17</v>
      </c>
      <c r="CI28" s="315">
        <v>13</v>
      </c>
      <c r="CJ28" s="312">
        <v>68</v>
      </c>
      <c r="CK28" s="317">
        <v>70</v>
      </c>
      <c r="CL28" s="311">
        <v>0</v>
      </c>
      <c r="CM28" s="315">
        <v>0</v>
      </c>
      <c r="CN28" s="312">
        <v>0</v>
      </c>
      <c r="CO28" s="314">
        <v>0</v>
      </c>
      <c r="CP28" s="315">
        <v>3</v>
      </c>
      <c r="CQ28" s="315">
        <v>0</v>
      </c>
      <c r="CR28" s="315">
        <v>8</v>
      </c>
      <c r="CS28" s="315">
        <v>3</v>
      </c>
      <c r="CT28" s="315">
        <v>3</v>
      </c>
      <c r="CU28" s="312">
        <v>17</v>
      </c>
      <c r="CV28" s="317">
        <v>17</v>
      </c>
      <c r="CW28" s="311">
        <v>0</v>
      </c>
      <c r="CX28" s="315">
        <v>0</v>
      </c>
      <c r="CY28" s="312">
        <v>0</v>
      </c>
      <c r="CZ28" s="314">
        <v>0</v>
      </c>
      <c r="DA28" s="315">
        <v>0</v>
      </c>
      <c r="DB28" s="315">
        <v>0</v>
      </c>
      <c r="DC28" s="315">
        <v>0</v>
      </c>
      <c r="DD28" s="315">
        <v>0</v>
      </c>
      <c r="DE28" s="315">
        <v>0</v>
      </c>
      <c r="DF28" s="312">
        <v>0</v>
      </c>
      <c r="DG28" s="317">
        <v>0</v>
      </c>
      <c r="DH28" s="311">
        <v>0</v>
      </c>
      <c r="DI28" s="315">
        <v>0</v>
      </c>
      <c r="DJ28" s="312">
        <v>0</v>
      </c>
      <c r="DK28" s="314">
        <v>0</v>
      </c>
      <c r="DL28" s="315">
        <v>0</v>
      </c>
      <c r="DM28" s="315">
        <v>0</v>
      </c>
      <c r="DN28" s="315">
        <v>0</v>
      </c>
      <c r="DO28" s="315">
        <v>0</v>
      </c>
      <c r="DP28" s="315">
        <v>0</v>
      </c>
      <c r="DQ28" s="312">
        <v>0</v>
      </c>
      <c r="DR28" s="317">
        <v>0</v>
      </c>
      <c r="DS28" s="311">
        <v>60</v>
      </c>
      <c r="DT28" s="315">
        <v>86</v>
      </c>
      <c r="DU28" s="312">
        <v>146</v>
      </c>
      <c r="DV28" s="314">
        <v>0</v>
      </c>
      <c r="DW28" s="315">
        <v>156</v>
      </c>
      <c r="DX28" s="315">
        <v>156</v>
      </c>
      <c r="DY28" s="315">
        <v>99</v>
      </c>
      <c r="DZ28" s="315">
        <v>78</v>
      </c>
      <c r="EA28" s="315">
        <v>68</v>
      </c>
      <c r="EB28" s="312">
        <v>557</v>
      </c>
      <c r="EC28" s="317">
        <v>703</v>
      </c>
      <c r="ED28" s="311">
        <v>11</v>
      </c>
      <c r="EE28" s="315">
        <v>1</v>
      </c>
      <c r="EF28" s="312">
        <v>12</v>
      </c>
      <c r="EG28" s="314">
        <v>0</v>
      </c>
      <c r="EH28" s="315">
        <v>28</v>
      </c>
      <c r="EI28" s="315">
        <v>20</v>
      </c>
      <c r="EJ28" s="315">
        <v>17</v>
      </c>
      <c r="EK28" s="315">
        <v>18</v>
      </c>
      <c r="EL28" s="315">
        <v>12</v>
      </c>
      <c r="EM28" s="312">
        <v>95</v>
      </c>
      <c r="EN28" s="317">
        <v>107</v>
      </c>
      <c r="EO28" s="311">
        <v>73</v>
      </c>
      <c r="EP28" s="315">
        <v>99</v>
      </c>
      <c r="EQ28" s="312">
        <v>172</v>
      </c>
      <c r="ER28" s="314">
        <v>0</v>
      </c>
      <c r="ES28" s="315">
        <v>281</v>
      </c>
      <c r="ET28" s="315">
        <v>212</v>
      </c>
      <c r="EU28" s="315">
        <v>117</v>
      </c>
      <c r="EV28" s="315">
        <v>81</v>
      </c>
      <c r="EW28" s="315">
        <v>70</v>
      </c>
      <c r="EX28" s="312">
        <v>761</v>
      </c>
      <c r="EY28" s="317">
        <v>933</v>
      </c>
    </row>
    <row r="29" spans="1:155" ht="19.5" customHeight="1" x14ac:dyDescent="0.2">
      <c r="A29" s="296" t="s">
        <v>27</v>
      </c>
      <c r="B29" s="311">
        <v>0</v>
      </c>
      <c r="C29" s="315">
        <v>0</v>
      </c>
      <c r="D29" s="437">
        <v>0</v>
      </c>
      <c r="E29" s="314">
        <v>0</v>
      </c>
      <c r="F29" s="315">
        <v>59</v>
      </c>
      <c r="G29" s="315">
        <v>53</v>
      </c>
      <c r="H29" s="315">
        <v>41</v>
      </c>
      <c r="I29" s="315">
        <v>31</v>
      </c>
      <c r="J29" s="315">
        <v>31</v>
      </c>
      <c r="K29" s="316">
        <v>215</v>
      </c>
      <c r="L29" s="317">
        <v>215</v>
      </c>
      <c r="M29" s="311">
        <v>0</v>
      </c>
      <c r="N29" s="315">
        <v>0</v>
      </c>
      <c r="O29" s="312">
        <v>0</v>
      </c>
      <c r="P29" s="314">
        <v>0</v>
      </c>
      <c r="Q29" s="315">
        <v>0</v>
      </c>
      <c r="R29" s="315">
        <v>3</v>
      </c>
      <c r="S29" s="315">
        <v>5</v>
      </c>
      <c r="T29" s="315">
        <v>13</v>
      </c>
      <c r="U29" s="315">
        <v>12</v>
      </c>
      <c r="V29" s="312">
        <v>33</v>
      </c>
      <c r="W29" s="317">
        <v>33</v>
      </c>
      <c r="X29" s="311">
        <v>19</v>
      </c>
      <c r="Y29" s="315">
        <v>36</v>
      </c>
      <c r="Z29" s="312">
        <v>55</v>
      </c>
      <c r="AA29" s="314">
        <v>0</v>
      </c>
      <c r="AB29" s="315">
        <v>38</v>
      </c>
      <c r="AC29" s="315">
        <v>43</v>
      </c>
      <c r="AD29" s="315">
        <v>37</v>
      </c>
      <c r="AE29" s="315">
        <v>33</v>
      </c>
      <c r="AF29" s="315">
        <v>25</v>
      </c>
      <c r="AG29" s="312">
        <v>176</v>
      </c>
      <c r="AH29" s="317">
        <v>231</v>
      </c>
      <c r="AI29" s="311">
        <v>0</v>
      </c>
      <c r="AJ29" s="315">
        <v>3</v>
      </c>
      <c r="AK29" s="312">
        <v>3</v>
      </c>
      <c r="AL29" s="314">
        <v>0</v>
      </c>
      <c r="AM29" s="315">
        <v>0</v>
      </c>
      <c r="AN29" s="315">
        <v>1</v>
      </c>
      <c r="AO29" s="315">
        <v>2</v>
      </c>
      <c r="AP29" s="315">
        <v>0</v>
      </c>
      <c r="AQ29" s="315">
        <v>1</v>
      </c>
      <c r="AR29" s="312">
        <v>4</v>
      </c>
      <c r="AS29" s="317">
        <v>7</v>
      </c>
      <c r="AT29" s="311">
        <v>12</v>
      </c>
      <c r="AU29" s="315">
        <v>17</v>
      </c>
      <c r="AV29" s="312">
        <v>29</v>
      </c>
      <c r="AW29" s="314">
        <v>0</v>
      </c>
      <c r="AX29" s="315">
        <v>56</v>
      </c>
      <c r="AY29" s="315">
        <v>52</v>
      </c>
      <c r="AZ29" s="315">
        <v>69</v>
      </c>
      <c r="BA29" s="315">
        <v>71</v>
      </c>
      <c r="BB29" s="315">
        <v>42</v>
      </c>
      <c r="BC29" s="316">
        <v>290</v>
      </c>
      <c r="BD29" s="317">
        <v>319</v>
      </c>
      <c r="BE29" s="311">
        <v>0</v>
      </c>
      <c r="BF29" s="315">
        <v>0</v>
      </c>
      <c r="BG29" s="312">
        <v>0</v>
      </c>
      <c r="BH29" s="314">
        <v>0</v>
      </c>
      <c r="BI29" s="315">
        <v>100</v>
      </c>
      <c r="BJ29" s="315">
        <v>78</v>
      </c>
      <c r="BK29" s="315">
        <v>44</v>
      </c>
      <c r="BL29" s="315">
        <v>27</v>
      </c>
      <c r="BM29" s="315">
        <v>16</v>
      </c>
      <c r="BN29" s="312">
        <v>265</v>
      </c>
      <c r="BO29" s="317">
        <v>265</v>
      </c>
      <c r="BP29" s="311">
        <v>11</v>
      </c>
      <c r="BQ29" s="315">
        <v>25</v>
      </c>
      <c r="BR29" s="312">
        <v>36</v>
      </c>
      <c r="BS29" s="314">
        <v>0</v>
      </c>
      <c r="BT29" s="315">
        <v>17</v>
      </c>
      <c r="BU29" s="315">
        <v>23</v>
      </c>
      <c r="BV29" s="315">
        <v>15</v>
      </c>
      <c r="BW29" s="315">
        <v>9</v>
      </c>
      <c r="BX29" s="315">
        <v>5</v>
      </c>
      <c r="BY29" s="312">
        <v>69</v>
      </c>
      <c r="BZ29" s="317">
        <v>105</v>
      </c>
      <c r="CA29" s="311">
        <v>0</v>
      </c>
      <c r="CB29" s="315">
        <v>0</v>
      </c>
      <c r="CC29" s="312">
        <v>0</v>
      </c>
      <c r="CD29" s="314">
        <v>0</v>
      </c>
      <c r="CE29" s="315">
        <v>10</v>
      </c>
      <c r="CF29" s="315">
        <v>17</v>
      </c>
      <c r="CG29" s="315">
        <v>16</v>
      </c>
      <c r="CH29" s="315">
        <v>10</v>
      </c>
      <c r="CI29" s="315">
        <v>5</v>
      </c>
      <c r="CJ29" s="312">
        <v>58</v>
      </c>
      <c r="CK29" s="317">
        <v>58</v>
      </c>
      <c r="CL29" s="311">
        <v>0</v>
      </c>
      <c r="CM29" s="315">
        <v>0</v>
      </c>
      <c r="CN29" s="312">
        <v>0</v>
      </c>
      <c r="CO29" s="314">
        <v>0</v>
      </c>
      <c r="CP29" s="315">
        <v>2</v>
      </c>
      <c r="CQ29" s="315">
        <v>1</v>
      </c>
      <c r="CR29" s="315">
        <v>4</v>
      </c>
      <c r="CS29" s="315">
        <v>3</v>
      </c>
      <c r="CT29" s="315">
        <v>3</v>
      </c>
      <c r="CU29" s="312">
        <v>13</v>
      </c>
      <c r="CV29" s="317">
        <v>13</v>
      </c>
      <c r="CW29" s="311">
        <v>0</v>
      </c>
      <c r="CX29" s="315">
        <v>0</v>
      </c>
      <c r="CY29" s="312">
        <v>0</v>
      </c>
      <c r="CZ29" s="314">
        <v>0</v>
      </c>
      <c r="DA29" s="315">
        <v>0</v>
      </c>
      <c r="DB29" s="315">
        <v>0</v>
      </c>
      <c r="DC29" s="315">
        <v>0</v>
      </c>
      <c r="DD29" s="315">
        <v>0</v>
      </c>
      <c r="DE29" s="315">
        <v>0</v>
      </c>
      <c r="DF29" s="312">
        <v>0</v>
      </c>
      <c r="DG29" s="317">
        <v>0</v>
      </c>
      <c r="DH29" s="311">
        <v>0</v>
      </c>
      <c r="DI29" s="315">
        <v>0</v>
      </c>
      <c r="DJ29" s="312">
        <v>0</v>
      </c>
      <c r="DK29" s="314">
        <v>0</v>
      </c>
      <c r="DL29" s="315">
        <v>0</v>
      </c>
      <c r="DM29" s="315">
        <v>0</v>
      </c>
      <c r="DN29" s="315">
        <v>0</v>
      </c>
      <c r="DO29" s="315">
        <v>0</v>
      </c>
      <c r="DP29" s="315">
        <v>0</v>
      </c>
      <c r="DQ29" s="312">
        <v>0</v>
      </c>
      <c r="DR29" s="317">
        <v>0</v>
      </c>
      <c r="DS29" s="311">
        <v>75</v>
      </c>
      <c r="DT29" s="315">
        <v>103</v>
      </c>
      <c r="DU29" s="312">
        <v>178</v>
      </c>
      <c r="DV29" s="314">
        <v>0</v>
      </c>
      <c r="DW29" s="315">
        <v>65</v>
      </c>
      <c r="DX29" s="315">
        <v>135</v>
      </c>
      <c r="DY29" s="315">
        <v>103</v>
      </c>
      <c r="DZ29" s="315">
        <v>57</v>
      </c>
      <c r="EA29" s="315">
        <v>45</v>
      </c>
      <c r="EB29" s="312">
        <v>405</v>
      </c>
      <c r="EC29" s="317">
        <v>583</v>
      </c>
      <c r="ED29" s="311">
        <v>12</v>
      </c>
      <c r="EE29" s="315">
        <v>13</v>
      </c>
      <c r="EF29" s="312">
        <v>25</v>
      </c>
      <c r="EG29" s="314">
        <v>0</v>
      </c>
      <c r="EH29" s="315">
        <v>28</v>
      </c>
      <c r="EI29" s="315">
        <v>29</v>
      </c>
      <c r="EJ29" s="315">
        <v>34</v>
      </c>
      <c r="EK29" s="315">
        <v>39</v>
      </c>
      <c r="EL29" s="315">
        <v>15</v>
      </c>
      <c r="EM29" s="312">
        <v>145</v>
      </c>
      <c r="EN29" s="317">
        <v>170</v>
      </c>
      <c r="EO29" s="311">
        <v>98</v>
      </c>
      <c r="EP29" s="315">
        <v>130</v>
      </c>
      <c r="EQ29" s="312">
        <v>228</v>
      </c>
      <c r="ER29" s="314">
        <v>0</v>
      </c>
      <c r="ES29" s="315">
        <v>190</v>
      </c>
      <c r="ET29" s="315">
        <v>169</v>
      </c>
      <c r="EU29" s="315">
        <v>114</v>
      </c>
      <c r="EV29" s="315">
        <v>63</v>
      </c>
      <c r="EW29" s="315">
        <v>47</v>
      </c>
      <c r="EX29" s="312">
        <v>583</v>
      </c>
      <c r="EY29" s="317">
        <v>811</v>
      </c>
    </row>
    <row r="30" spans="1:155" ht="19.5" customHeight="1" x14ac:dyDescent="0.2">
      <c r="A30" s="296" t="s">
        <v>28</v>
      </c>
      <c r="B30" s="311">
        <v>0</v>
      </c>
      <c r="C30" s="315">
        <v>0</v>
      </c>
      <c r="D30" s="437">
        <v>0</v>
      </c>
      <c r="E30" s="314">
        <v>0</v>
      </c>
      <c r="F30" s="315">
        <v>14</v>
      </c>
      <c r="G30" s="315">
        <v>15</v>
      </c>
      <c r="H30" s="315">
        <v>4</v>
      </c>
      <c r="I30" s="315">
        <v>10</v>
      </c>
      <c r="J30" s="315">
        <v>12</v>
      </c>
      <c r="K30" s="316">
        <v>55</v>
      </c>
      <c r="L30" s="317">
        <v>55</v>
      </c>
      <c r="M30" s="311">
        <v>0</v>
      </c>
      <c r="N30" s="315">
        <v>0</v>
      </c>
      <c r="O30" s="312">
        <v>0</v>
      </c>
      <c r="P30" s="314">
        <v>0</v>
      </c>
      <c r="Q30" s="315">
        <v>0</v>
      </c>
      <c r="R30" s="315">
        <v>0</v>
      </c>
      <c r="S30" s="315">
        <v>1</v>
      </c>
      <c r="T30" s="315">
        <v>2</v>
      </c>
      <c r="U30" s="315">
        <v>6</v>
      </c>
      <c r="V30" s="312">
        <v>9</v>
      </c>
      <c r="W30" s="317">
        <v>9</v>
      </c>
      <c r="X30" s="311">
        <v>2</v>
      </c>
      <c r="Y30" s="315">
        <v>3</v>
      </c>
      <c r="Z30" s="312">
        <v>5</v>
      </c>
      <c r="AA30" s="314">
        <v>0</v>
      </c>
      <c r="AB30" s="315">
        <v>8</v>
      </c>
      <c r="AC30" s="315">
        <v>23</v>
      </c>
      <c r="AD30" s="315">
        <v>6</v>
      </c>
      <c r="AE30" s="315">
        <v>9</v>
      </c>
      <c r="AF30" s="315">
        <v>16</v>
      </c>
      <c r="AG30" s="312">
        <v>62</v>
      </c>
      <c r="AH30" s="317">
        <v>67</v>
      </c>
      <c r="AI30" s="311">
        <v>0</v>
      </c>
      <c r="AJ30" s="315">
        <v>0</v>
      </c>
      <c r="AK30" s="312">
        <v>0</v>
      </c>
      <c r="AL30" s="314">
        <v>0</v>
      </c>
      <c r="AM30" s="315">
        <v>4</v>
      </c>
      <c r="AN30" s="315">
        <v>0</v>
      </c>
      <c r="AO30" s="315">
        <v>0</v>
      </c>
      <c r="AP30" s="315">
        <v>1</v>
      </c>
      <c r="AQ30" s="315">
        <v>3</v>
      </c>
      <c r="AR30" s="312">
        <v>8</v>
      </c>
      <c r="AS30" s="317">
        <v>8</v>
      </c>
      <c r="AT30" s="311">
        <v>2</v>
      </c>
      <c r="AU30" s="315">
        <v>1</v>
      </c>
      <c r="AV30" s="312">
        <v>3</v>
      </c>
      <c r="AW30" s="314">
        <v>0</v>
      </c>
      <c r="AX30" s="315">
        <v>9</v>
      </c>
      <c r="AY30" s="315">
        <v>23</v>
      </c>
      <c r="AZ30" s="315">
        <v>19</v>
      </c>
      <c r="BA30" s="315">
        <v>13</v>
      </c>
      <c r="BB30" s="315">
        <v>23</v>
      </c>
      <c r="BC30" s="316">
        <v>87</v>
      </c>
      <c r="BD30" s="317">
        <v>90</v>
      </c>
      <c r="BE30" s="311">
        <v>0</v>
      </c>
      <c r="BF30" s="315">
        <v>0</v>
      </c>
      <c r="BG30" s="312">
        <v>0</v>
      </c>
      <c r="BH30" s="314">
        <v>0</v>
      </c>
      <c r="BI30" s="315">
        <v>29</v>
      </c>
      <c r="BJ30" s="315">
        <v>35</v>
      </c>
      <c r="BK30" s="315">
        <v>15</v>
      </c>
      <c r="BL30" s="315">
        <v>11</v>
      </c>
      <c r="BM30" s="315">
        <v>6</v>
      </c>
      <c r="BN30" s="312">
        <v>96</v>
      </c>
      <c r="BO30" s="317">
        <v>96</v>
      </c>
      <c r="BP30" s="311">
        <v>1</v>
      </c>
      <c r="BQ30" s="315">
        <v>4</v>
      </c>
      <c r="BR30" s="312">
        <v>5</v>
      </c>
      <c r="BS30" s="314">
        <v>0</v>
      </c>
      <c r="BT30" s="315">
        <v>3</v>
      </c>
      <c r="BU30" s="315">
        <v>14</v>
      </c>
      <c r="BV30" s="315">
        <v>6</v>
      </c>
      <c r="BW30" s="315">
        <v>7</v>
      </c>
      <c r="BX30" s="315">
        <v>6</v>
      </c>
      <c r="BY30" s="312">
        <v>36</v>
      </c>
      <c r="BZ30" s="317">
        <v>41</v>
      </c>
      <c r="CA30" s="311">
        <v>0</v>
      </c>
      <c r="CB30" s="315">
        <v>0</v>
      </c>
      <c r="CC30" s="312">
        <v>0</v>
      </c>
      <c r="CD30" s="314">
        <v>0</v>
      </c>
      <c r="CE30" s="315">
        <v>4</v>
      </c>
      <c r="CF30" s="315">
        <v>9</v>
      </c>
      <c r="CG30" s="315">
        <v>8</v>
      </c>
      <c r="CH30" s="315">
        <v>4</v>
      </c>
      <c r="CI30" s="315">
        <v>3</v>
      </c>
      <c r="CJ30" s="312">
        <v>28</v>
      </c>
      <c r="CK30" s="317">
        <v>28</v>
      </c>
      <c r="CL30" s="311">
        <v>0</v>
      </c>
      <c r="CM30" s="315">
        <v>0</v>
      </c>
      <c r="CN30" s="312">
        <v>0</v>
      </c>
      <c r="CO30" s="314">
        <v>0</v>
      </c>
      <c r="CP30" s="315">
        <v>1</v>
      </c>
      <c r="CQ30" s="315">
        <v>1</v>
      </c>
      <c r="CR30" s="315">
        <v>1</v>
      </c>
      <c r="CS30" s="315">
        <v>4</v>
      </c>
      <c r="CT30" s="315">
        <v>0</v>
      </c>
      <c r="CU30" s="312">
        <v>7</v>
      </c>
      <c r="CV30" s="317">
        <v>7</v>
      </c>
      <c r="CW30" s="311">
        <v>0</v>
      </c>
      <c r="CX30" s="315">
        <v>0</v>
      </c>
      <c r="CY30" s="312">
        <v>0</v>
      </c>
      <c r="CZ30" s="314">
        <v>0</v>
      </c>
      <c r="DA30" s="315">
        <v>0</v>
      </c>
      <c r="DB30" s="315">
        <v>0</v>
      </c>
      <c r="DC30" s="315">
        <v>0</v>
      </c>
      <c r="DD30" s="315">
        <v>0</v>
      </c>
      <c r="DE30" s="315">
        <v>0</v>
      </c>
      <c r="DF30" s="312">
        <v>0</v>
      </c>
      <c r="DG30" s="317">
        <v>0</v>
      </c>
      <c r="DH30" s="311">
        <v>0</v>
      </c>
      <c r="DI30" s="315">
        <v>0</v>
      </c>
      <c r="DJ30" s="312">
        <v>0</v>
      </c>
      <c r="DK30" s="314">
        <v>0</v>
      </c>
      <c r="DL30" s="315">
        <v>0</v>
      </c>
      <c r="DM30" s="315">
        <v>0</v>
      </c>
      <c r="DN30" s="315">
        <v>0</v>
      </c>
      <c r="DO30" s="315">
        <v>0</v>
      </c>
      <c r="DP30" s="315">
        <v>0</v>
      </c>
      <c r="DQ30" s="312">
        <v>0</v>
      </c>
      <c r="DR30" s="317">
        <v>0</v>
      </c>
      <c r="DS30" s="311">
        <v>9</v>
      </c>
      <c r="DT30" s="315">
        <v>13</v>
      </c>
      <c r="DU30" s="312">
        <v>22</v>
      </c>
      <c r="DV30" s="314">
        <v>0</v>
      </c>
      <c r="DW30" s="315">
        <v>28</v>
      </c>
      <c r="DX30" s="315">
        <v>70</v>
      </c>
      <c r="DY30" s="315">
        <v>24</v>
      </c>
      <c r="DZ30" s="315">
        <v>24</v>
      </c>
      <c r="EA30" s="315">
        <v>23</v>
      </c>
      <c r="EB30" s="312">
        <v>169</v>
      </c>
      <c r="EC30" s="317">
        <v>191</v>
      </c>
      <c r="ED30" s="311">
        <v>0</v>
      </c>
      <c r="EE30" s="315">
        <v>0</v>
      </c>
      <c r="EF30" s="312">
        <v>0</v>
      </c>
      <c r="EG30" s="314">
        <v>0</v>
      </c>
      <c r="EH30" s="315">
        <v>5</v>
      </c>
      <c r="EI30" s="315">
        <v>5</v>
      </c>
      <c r="EJ30" s="315">
        <v>5</v>
      </c>
      <c r="EK30" s="315">
        <v>5</v>
      </c>
      <c r="EL30" s="315">
        <v>3</v>
      </c>
      <c r="EM30" s="312">
        <v>23</v>
      </c>
      <c r="EN30" s="317">
        <v>23</v>
      </c>
      <c r="EO30" s="311">
        <v>9</v>
      </c>
      <c r="EP30" s="315">
        <v>16</v>
      </c>
      <c r="EQ30" s="312">
        <v>25</v>
      </c>
      <c r="ER30" s="314">
        <v>0</v>
      </c>
      <c r="ES30" s="315">
        <v>66</v>
      </c>
      <c r="ET30" s="315">
        <v>91</v>
      </c>
      <c r="EU30" s="315">
        <v>31</v>
      </c>
      <c r="EV30" s="315">
        <v>25</v>
      </c>
      <c r="EW30" s="315">
        <v>25</v>
      </c>
      <c r="EX30" s="312">
        <v>238</v>
      </c>
      <c r="EY30" s="317">
        <v>263</v>
      </c>
    </row>
    <row r="31" spans="1:155" ht="19.5" customHeight="1" x14ac:dyDescent="0.2">
      <c r="A31" s="296" t="s">
        <v>29</v>
      </c>
      <c r="B31" s="311">
        <v>0</v>
      </c>
      <c r="C31" s="315">
        <v>0</v>
      </c>
      <c r="D31" s="437">
        <v>0</v>
      </c>
      <c r="E31" s="314">
        <v>0</v>
      </c>
      <c r="F31" s="315">
        <v>24</v>
      </c>
      <c r="G31" s="315">
        <v>26</v>
      </c>
      <c r="H31" s="315">
        <v>12</v>
      </c>
      <c r="I31" s="315">
        <v>17</v>
      </c>
      <c r="J31" s="315">
        <v>7</v>
      </c>
      <c r="K31" s="316">
        <v>86</v>
      </c>
      <c r="L31" s="317">
        <v>86</v>
      </c>
      <c r="M31" s="311">
        <v>0</v>
      </c>
      <c r="N31" s="315">
        <v>0</v>
      </c>
      <c r="O31" s="312">
        <v>0</v>
      </c>
      <c r="P31" s="314">
        <v>0</v>
      </c>
      <c r="Q31" s="315">
        <v>0</v>
      </c>
      <c r="R31" s="315">
        <v>2</v>
      </c>
      <c r="S31" s="315">
        <v>1</v>
      </c>
      <c r="T31" s="315">
        <v>3</v>
      </c>
      <c r="U31" s="315">
        <v>4</v>
      </c>
      <c r="V31" s="312">
        <v>10</v>
      </c>
      <c r="W31" s="317">
        <v>10</v>
      </c>
      <c r="X31" s="311">
        <v>3</v>
      </c>
      <c r="Y31" s="315">
        <v>7</v>
      </c>
      <c r="Z31" s="312">
        <v>10</v>
      </c>
      <c r="AA31" s="314">
        <v>0</v>
      </c>
      <c r="AB31" s="315">
        <v>15</v>
      </c>
      <c r="AC31" s="315">
        <v>18</v>
      </c>
      <c r="AD31" s="315">
        <v>14</v>
      </c>
      <c r="AE31" s="315">
        <v>12</v>
      </c>
      <c r="AF31" s="315">
        <v>7</v>
      </c>
      <c r="AG31" s="312">
        <v>66</v>
      </c>
      <c r="AH31" s="317">
        <v>76</v>
      </c>
      <c r="AI31" s="311">
        <v>0</v>
      </c>
      <c r="AJ31" s="315">
        <v>1</v>
      </c>
      <c r="AK31" s="312">
        <v>1</v>
      </c>
      <c r="AL31" s="314">
        <v>0</v>
      </c>
      <c r="AM31" s="315">
        <v>2</v>
      </c>
      <c r="AN31" s="315">
        <v>3</v>
      </c>
      <c r="AO31" s="315">
        <v>0</v>
      </c>
      <c r="AP31" s="315">
        <v>4</v>
      </c>
      <c r="AQ31" s="315">
        <v>0</v>
      </c>
      <c r="AR31" s="312">
        <v>9</v>
      </c>
      <c r="AS31" s="317">
        <v>10</v>
      </c>
      <c r="AT31" s="311">
        <v>2</v>
      </c>
      <c r="AU31" s="315">
        <v>1</v>
      </c>
      <c r="AV31" s="312">
        <v>3</v>
      </c>
      <c r="AW31" s="314">
        <v>0</v>
      </c>
      <c r="AX31" s="315">
        <v>8</v>
      </c>
      <c r="AY31" s="315">
        <v>23</v>
      </c>
      <c r="AZ31" s="315">
        <v>8</v>
      </c>
      <c r="BA31" s="315">
        <v>18</v>
      </c>
      <c r="BB31" s="315">
        <v>10</v>
      </c>
      <c r="BC31" s="316">
        <v>67</v>
      </c>
      <c r="BD31" s="317">
        <v>70</v>
      </c>
      <c r="BE31" s="311">
        <v>0</v>
      </c>
      <c r="BF31" s="315">
        <v>0</v>
      </c>
      <c r="BG31" s="312">
        <v>0</v>
      </c>
      <c r="BH31" s="314">
        <v>0</v>
      </c>
      <c r="BI31" s="315">
        <v>35</v>
      </c>
      <c r="BJ31" s="315">
        <v>36</v>
      </c>
      <c r="BK31" s="315">
        <v>24</v>
      </c>
      <c r="BL31" s="315">
        <v>18</v>
      </c>
      <c r="BM31" s="315">
        <v>7</v>
      </c>
      <c r="BN31" s="312">
        <v>120</v>
      </c>
      <c r="BO31" s="317">
        <v>120</v>
      </c>
      <c r="BP31" s="311">
        <v>3</v>
      </c>
      <c r="BQ31" s="315">
        <v>4</v>
      </c>
      <c r="BR31" s="312">
        <v>7</v>
      </c>
      <c r="BS31" s="314">
        <v>0</v>
      </c>
      <c r="BT31" s="315">
        <v>17</v>
      </c>
      <c r="BU31" s="315">
        <v>11</v>
      </c>
      <c r="BV31" s="315">
        <v>7</v>
      </c>
      <c r="BW31" s="315">
        <v>6</v>
      </c>
      <c r="BX31" s="315">
        <v>4</v>
      </c>
      <c r="BY31" s="312">
        <v>45</v>
      </c>
      <c r="BZ31" s="317">
        <v>52</v>
      </c>
      <c r="CA31" s="311">
        <v>0</v>
      </c>
      <c r="CB31" s="315">
        <v>0</v>
      </c>
      <c r="CC31" s="312">
        <v>0</v>
      </c>
      <c r="CD31" s="314">
        <v>0</v>
      </c>
      <c r="CE31" s="315">
        <v>4</v>
      </c>
      <c r="CF31" s="315">
        <v>10</v>
      </c>
      <c r="CG31" s="315">
        <v>14</v>
      </c>
      <c r="CH31" s="315">
        <v>7</v>
      </c>
      <c r="CI31" s="315">
        <v>7</v>
      </c>
      <c r="CJ31" s="312">
        <v>42</v>
      </c>
      <c r="CK31" s="317">
        <v>42</v>
      </c>
      <c r="CL31" s="311">
        <v>0</v>
      </c>
      <c r="CM31" s="315">
        <v>0</v>
      </c>
      <c r="CN31" s="312">
        <v>0</v>
      </c>
      <c r="CO31" s="314">
        <v>0</v>
      </c>
      <c r="CP31" s="315">
        <v>0</v>
      </c>
      <c r="CQ31" s="315">
        <v>4</v>
      </c>
      <c r="CR31" s="315">
        <v>2</v>
      </c>
      <c r="CS31" s="315">
        <v>2</v>
      </c>
      <c r="CT31" s="315">
        <v>2</v>
      </c>
      <c r="CU31" s="312">
        <v>10</v>
      </c>
      <c r="CV31" s="317">
        <v>10</v>
      </c>
      <c r="CW31" s="311">
        <v>0</v>
      </c>
      <c r="CX31" s="315">
        <v>0</v>
      </c>
      <c r="CY31" s="312">
        <v>0</v>
      </c>
      <c r="CZ31" s="314">
        <v>0</v>
      </c>
      <c r="DA31" s="315">
        <v>0</v>
      </c>
      <c r="DB31" s="315">
        <v>0</v>
      </c>
      <c r="DC31" s="315">
        <v>0</v>
      </c>
      <c r="DD31" s="315">
        <v>0</v>
      </c>
      <c r="DE31" s="315">
        <v>0</v>
      </c>
      <c r="DF31" s="312">
        <v>0</v>
      </c>
      <c r="DG31" s="317">
        <v>0</v>
      </c>
      <c r="DH31" s="311">
        <v>0</v>
      </c>
      <c r="DI31" s="315">
        <v>0</v>
      </c>
      <c r="DJ31" s="312">
        <v>0</v>
      </c>
      <c r="DK31" s="314">
        <v>0</v>
      </c>
      <c r="DL31" s="315">
        <v>0</v>
      </c>
      <c r="DM31" s="315">
        <v>0</v>
      </c>
      <c r="DN31" s="315">
        <v>0</v>
      </c>
      <c r="DO31" s="315">
        <v>0</v>
      </c>
      <c r="DP31" s="315">
        <v>0</v>
      </c>
      <c r="DQ31" s="312">
        <v>0</v>
      </c>
      <c r="DR31" s="317">
        <v>0</v>
      </c>
      <c r="DS31" s="311">
        <v>22</v>
      </c>
      <c r="DT31" s="315">
        <v>31</v>
      </c>
      <c r="DU31" s="312">
        <v>53</v>
      </c>
      <c r="DV31" s="314">
        <v>0</v>
      </c>
      <c r="DW31" s="315">
        <v>40</v>
      </c>
      <c r="DX31" s="315">
        <v>67</v>
      </c>
      <c r="DY31" s="315">
        <v>37</v>
      </c>
      <c r="DZ31" s="315">
        <v>41</v>
      </c>
      <c r="EA31" s="315">
        <v>21</v>
      </c>
      <c r="EB31" s="312">
        <v>206</v>
      </c>
      <c r="EC31" s="317">
        <v>259</v>
      </c>
      <c r="ED31" s="311">
        <v>0</v>
      </c>
      <c r="EE31" s="315">
        <v>0</v>
      </c>
      <c r="EF31" s="312">
        <v>0</v>
      </c>
      <c r="EG31" s="314">
        <v>0</v>
      </c>
      <c r="EH31" s="315">
        <v>6</v>
      </c>
      <c r="EI31" s="315">
        <v>10</v>
      </c>
      <c r="EJ31" s="315">
        <v>3</v>
      </c>
      <c r="EK31" s="315">
        <v>5</v>
      </c>
      <c r="EL31" s="315">
        <v>5</v>
      </c>
      <c r="EM31" s="312">
        <v>29</v>
      </c>
      <c r="EN31" s="317">
        <v>29</v>
      </c>
      <c r="EO31" s="311">
        <v>23</v>
      </c>
      <c r="EP31" s="315">
        <v>39</v>
      </c>
      <c r="EQ31" s="312">
        <v>62</v>
      </c>
      <c r="ER31" s="314">
        <v>0</v>
      </c>
      <c r="ES31" s="315">
        <v>87</v>
      </c>
      <c r="ET31" s="315">
        <v>94</v>
      </c>
      <c r="EU31" s="315">
        <v>48</v>
      </c>
      <c r="EV31" s="315">
        <v>42</v>
      </c>
      <c r="EW31" s="315">
        <v>21</v>
      </c>
      <c r="EX31" s="312">
        <v>292</v>
      </c>
      <c r="EY31" s="317">
        <v>354</v>
      </c>
    </row>
    <row r="32" spans="1:155" ht="19.5" customHeight="1" x14ac:dyDescent="0.2">
      <c r="A32" s="296" t="s">
        <v>30</v>
      </c>
      <c r="B32" s="311">
        <v>0</v>
      </c>
      <c r="C32" s="315">
        <v>0</v>
      </c>
      <c r="D32" s="437">
        <v>0</v>
      </c>
      <c r="E32" s="314">
        <v>0</v>
      </c>
      <c r="F32" s="315">
        <v>18</v>
      </c>
      <c r="G32" s="315">
        <v>23</v>
      </c>
      <c r="H32" s="315">
        <v>20</v>
      </c>
      <c r="I32" s="315">
        <v>14</v>
      </c>
      <c r="J32" s="315">
        <v>7</v>
      </c>
      <c r="K32" s="316">
        <v>82</v>
      </c>
      <c r="L32" s="317">
        <v>82</v>
      </c>
      <c r="M32" s="311">
        <v>0</v>
      </c>
      <c r="N32" s="315">
        <v>0</v>
      </c>
      <c r="O32" s="312">
        <v>0</v>
      </c>
      <c r="P32" s="314">
        <v>0</v>
      </c>
      <c r="Q32" s="315">
        <v>1</v>
      </c>
      <c r="R32" s="315">
        <v>1</v>
      </c>
      <c r="S32" s="315">
        <v>3</v>
      </c>
      <c r="T32" s="315">
        <v>5</v>
      </c>
      <c r="U32" s="315">
        <v>5</v>
      </c>
      <c r="V32" s="312">
        <v>15</v>
      </c>
      <c r="W32" s="317">
        <v>15</v>
      </c>
      <c r="X32" s="311">
        <v>7</v>
      </c>
      <c r="Y32" s="315">
        <v>7</v>
      </c>
      <c r="Z32" s="312">
        <v>14</v>
      </c>
      <c r="AA32" s="314">
        <v>0</v>
      </c>
      <c r="AB32" s="315">
        <v>18</v>
      </c>
      <c r="AC32" s="315">
        <v>20</v>
      </c>
      <c r="AD32" s="315">
        <v>19</v>
      </c>
      <c r="AE32" s="315">
        <v>15</v>
      </c>
      <c r="AF32" s="315">
        <v>4</v>
      </c>
      <c r="AG32" s="312">
        <v>76</v>
      </c>
      <c r="AH32" s="317">
        <v>90</v>
      </c>
      <c r="AI32" s="311">
        <v>0</v>
      </c>
      <c r="AJ32" s="315">
        <v>1</v>
      </c>
      <c r="AK32" s="312">
        <v>1</v>
      </c>
      <c r="AL32" s="314">
        <v>0</v>
      </c>
      <c r="AM32" s="315">
        <v>2</v>
      </c>
      <c r="AN32" s="315">
        <v>1</v>
      </c>
      <c r="AO32" s="315">
        <v>2</v>
      </c>
      <c r="AP32" s="315">
        <v>1</v>
      </c>
      <c r="AQ32" s="315">
        <v>0</v>
      </c>
      <c r="AR32" s="312">
        <v>6</v>
      </c>
      <c r="AS32" s="317">
        <v>7</v>
      </c>
      <c r="AT32" s="311">
        <v>3</v>
      </c>
      <c r="AU32" s="315">
        <v>1</v>
      </c>
      <c r="AV32" s="312">
        <v>4</v>
      </c>
      <c r="AW32" s="314">
        <v>0</v>
      </c>
      <c r="AX32" s="315">
        <v>12</v>
      </c>
      <c r="AY32" s="315">
        <v>17</v>
      </c>
      <c r="AZ32" s="315">
        <v>23</v>
      </c>
      <c r="BA32" s="315">
        <v>17</v>
      </c>
      <c r="BB32" s="315">
        <v>10</v>
      </c>
      <c r="BC32" s="316">
        <v>79</v>
      </c>
      <c r="BD32" s="317">
        <v>83</v>
      </c>
      <c r="BE32" s="311">
        <v>0</v>
      </c>
      <c r="BF32" s="315">
        <v>0</v>
      </c>
      <c r="BG32" s="312">
        <v>0</v>
      </c>
      <c r="BH32" s="314">
        <v>0</v>
      </c>
      <c r="BI32" s="315">
        <v>33</v>
      </c>
      <c r="BJ32" s="315">
        <v>24</v>
      </c>
      <c r="BK32" s="315">
        <v>22</v>
      </c>
      <c r="BL32" s="315">
        <v>10</v>
      </c>
      <c r="BM32" s="315">
        <v>2</v>
      </c>
      <c r="BN32" s="312">
        <v>91</v>
      </c>
      <c r="BO32" s="317">
        <v>91</v>
      </c>
      <c r="BP32" s="311">
        <v>1</v>
      </c>
      <c r="BQ32" s="315">
        <v>1</v>
      </c>
      <c r="BR32" s="312">
        <v>2</v>
      </c>
      <c r="BS32" s="314">
        <v>0</v>
      </c>
      <c r="BT32" s="315">
        <v>6</v>
      </c>
      <c r="BU32" s="315">
        <v>11</v>
      </c>
      <c r="BV32" s="315">
        <v>4</v>
      </c>
      <c r="BW32" s="315">
        <v>6</v>
      </c>
      <c r="BX32" s="315">
        <v>0</v>
      </c>
      <c r="BY32" s="312">
        <v>27</v>
      </c>
      <c r="BZ32" s="317">
        <v>29</v>
      </c>
      <c r="CA32" s="311">
        <v>0</v>
      </c>
      <c r="CB32" s="315">
        <v>0</v>
      </c>
      <c r="CC32" s="312">
        <v>0</v>
      </c>
      <c r="CD32" s="314">
        <v>0</v>
      </c>
      <c r="CE32" s="315">
        <v>5</v>
      </c>
      <c r="CF32" s="315">
        <v>4</v>
      </c>
      <c r="CG32" s="315">
        <v>11</v>
      </c>
      <c r="CH32" s="315">
        <v>8</v>
      </c>
      <c r="CI32" s="315">
        <v>2</v>
      </c>
      <c r="CJ32" s="312">
        <v>30</v>
      </c>
      <c r="CK32" s="317">
        <v>30</v>
      </c>
      <c r="CL32" s="311">
        <v>0</v>
      </c>
      <c r="CM32" s="315">
        <v>0</v>
      </c>
      <c r="CN32" s="312">
        <v>0</v>
      </c>
      <c r="CO32" s="314">
        <v>0</v>
      </c>
      <c r="CP32" s="315">
        <v>0</v>
      </c>
      <c r="CQ32" s="315">
        <v>2</v>
      </c>
      <c r="CR32" s="315">
        <v>1</v>
      </c>
      <c r="CS32" s="315">
        <v>0</v>
      </c>
      <c r="CT32" s="315">
        <v>1</v>
      </c>
      <c r="CU32" s="312">
        <v>4</v>
      </c>
      <c r="CV32" s="317">
        <v>4</v>
      </c>
      <c r="CW32" s="311">
        <v>0</v>
      </c>
      <c r="CX32" s="315">
        <v>0</v>
      </c>
      <c r="CY32" s="312">
        <v>0</v>
      </c>
      <c r="CZ32" s="314">
        <v>0</v>
      </c>
      <c r="DA32" s="315">
        <v>0</v>
      </c>
      <c r="DB32" s="315">
        <v>0</v>
      </c>
      <c r="DC32" s="315">
        <v>0</v>
      </c>
      <c r="DD32" s="315">
        <v>0</v>
      </c>
      <c r="DE32" s="315">
        <v>0</v>
      </c>
      <c r="DF32" s="312">
        <v>0</v>
      </c>
      <c r="DG32" s="317">
        <v>0</v>
      </c>
      <c r="DH32" s="311">
        <v>0</v>
      </c>
      <c r="DI32" s="315">
        <v>0</v>
      </c>
      <c r="DJ32" s="312">
        <v>0</v>
      </c>
      <c r="DK32" s="314">
        <v>0</v>
      </c>
      <c r="DL32" s="315">
        <v>0</v>
      </c>
      <c r="DM32" s="315">
        <v>0</v>
      </c>
      <c r="DN32" s="315">
        <v>0</v>
      </c>
      <c r="DO32" s="315">
        <v>0</v>
      </c>
      <c r="DP32" s="315">
        <v>0</v>
      </c>
      <c r="DQ32" s="312">
        <v>0</v>
      </c>
      <c r="DR32" s="317">
        <v>0</v>
      </c>
      <c r="DS32" s="311">
        <v>21</v>
      </c>
      <c r="DT32" s="315">
        <v>25</v>
      </c>
      <c r="DU32" s="312">
        <v>46</v>
      </c>
      <c r="DV32" s="314">
        <v>0</v>
      </c>
      <c r="DW32" s="315">
        <v>49</v>
      </c>
      <c r="DX32" s="315">
        <v>67</v>
      </c>
      <c r="DY32" s="315">
        <v>52</v>
      </c>
      <c r="DZ32" s="315">
        <v>35</v>
      </c>
      <c r="EA32" s="315">
        <v>15</v>
      </c>
      <c r="EB32" s="312">
        <v>218</v>
      </c>
      <c r="EC32" s="317">
        <v>264</v>
      </c>
      <c r="ED32" s="311">
        <v>2</v>
      </c>
      <c r="EE32" s="315">
        <v>0</v>
      </c>
      <c r="EF32" s="312">
        <v>2</v>
      </c>
      <c r="EG32" s="314">
        <v>0</v>
      </c>
      <c r="EH32" s="315">
        <v>7</v>
      </c>
      <c r="EI32" s="315">
        <v>9</v>
      </c>
      <c r="EJ32" s="315">
        <v>3</v>
      </c>
      <c r="EK32" s="315">
        <v>4</v>
      </c>
      <c r="EL32" s="315">
        <v>2</v>
      </c>
      <c r="EM32" s="312">
        <v>25</v>
      </c>
      <c r="EN32" s="317">
        <v>27</v>
      </c>
      <c r="EO32" s="311">
        <v>27</v>
      </c>
      <c r="EP32" s="315">
        <v>30</v>
      </c>
      <c r="EQ32" s="312">
        <v>57</v>
      </c>
      <c r="ER32" s="314">
        <v>0</v>
      </c>
      <c r="ES32" s="315">
        <v>87</v>
      </c>
      <c r="ET32" s="315">
        <v>80</v>
      </c>
      <c r="EU32" s="315">
        <v>61</v>
      </c>
      <c r="EV32" s="315">
        <v>38</v>
      </c>
      <c r="EW32" s="315">
        <v>17</v>
      </c>
      <c r="EX32" s="312">
        <v>283</v>
      </c>
      <c r="EY32" s="317">
        <v>340</v>
      </c>
    </row>
    <row r="33" spans="1:155" ht="19.5" customHeight="1" x14ac:dyDescent="0.2">
      <c r="A33" s="296" t="s">
        <v>31</v>
      </c>
      <c r="B33" s="311">
        <v>0</v>
      </c>
      <c r="C33" s="315">
        <v>0</v>
      </c>
      <c r="D33" s="437">
        <v>0</v>
      </c>
      <c r="E33" s="314">
        <v>0</v>
      </c>
      <c r="F33" s="315">
        <v>17</v>
      </c>
      <c r="G33" s="315">
        <v>12</v>
      </c>
      <c r="H33" s="315">
        <v>10</v>
      </c>
      <c r="I33" s="315">
        <v>4</v>
      </c>
      <c r="J33" s="315">
        <v>8</v>
      </c>
      <c r="K33" s="316">
        <v>51</v>
      </c>
      <c r="L33" s="317">
        <v>51</v>
      </c>
      <c r="M33" s="311">
        <v>0</v>
      </c>
      <c r="N33" s="315">
        <v>0</v>
      </c>
      <c r="O33" s="312">
        <v>0</v>
      </c>
      <c r="P33" s="314">
        <v>0</v>
      </c>
      <c r="Q33" s="315">
        <v>0</v>
      </c>
      <c r="R33" s="315">
        <v>3</v>
      </c>
      <c r="S33" s="315">
        <v>4</v>
      </c>
      <c r="T33" s="315">
        <v>5</v>
      </c>
      <c r="U33" s="315">
        <v>4</v>
      </c>
      <c r="V33" s="312">
        <v>16</v>
      </c>
      <c r="W33" s="317">
        <v>16</v>
      </c>
      <c r="X33" s="311">
        <v>3</v>
      </c>
      <c r="Y33" s="315">
        <v>3</v>
      </c>
      <c r="Z33" s="312">
        <v>6</v>
      </c>
      <c r="AA33" s="314">
        <v>0</v>
      </c>
      <c r="AB33" s="315">
        <v>12</v>
      </c>
      <c r="AC33" s="315">
        <v>21</v>
      </c>
      <c r="AD33" s="315">
        <v>16</v>
      </c>
      <c r="AE33" s="315">
        <v>8</v>
      </c>
      <c r="AF33" s="315">
        <v>8</v>
      </c>
      <c r="AG33" s="312">
        <v>65</v>
      </c>
      <c r="AH33" s="317">
        <v>71</v>
      </c>
      <c r="AI33" s="311">
        <v>1</v>
      </c>
      <c r="AJ33" s="315">
        <v>1</v>
      </c>
      <c r="AK33" s="312">
        <v>2</v>
      </c>
      <c r="AL33" s="314">
        <v>0</v>
      </c>
      <c r="AM33" s="315">
        <v>1</v>
      </c>
      <c r="AN33" s="315">
        <v>5</v>
      </c>
      <c r="AO33" s="315">
        <v>1</v>
      </c>
      <c r="AP33" s="315">
        <v>2</v>
      </c>
      <c r="AQ33" s="315">
        <v>3</v>
      </c>
      <c r="AR33" s="312">
        <v>12</v>
      </c>
      <c r="AS33" s="317">
        <v>14</v>
      </c>
      <c r="AT33" s="311">
        <v>1</v>
      </c>
      <c r="AU33" s="315">
        <v>0</v>
      </c>
      <c r="AV33" s="312">
        <v>1</v>
      </c>
      <c r="AW33" s="314">
        <v>0</v>
      </c>
      <c r="AX33" s="315">
        <v>15</v>
      </c>
      <c r="AY33" s="315">
        <v>18</v>
      </c>
      <c r="AZ33" s="315">
        <v>15</v>
      </c>
      <c r="BA33" s="315">
        <v>11</v>
      </c>
      <c r="BB33" s="315">
        <v>6</v>
      </c>
      <c r="BC33" s="316">
        <v>65</v>
      </c>
      <c r="BD33" s="317">
        <v>66</v>
      </c>
      <c r="BE33" s="311">
        <v>0</v>
      </c>
      <c r="BF33" s="315">
        <v>0</v>
      </c>
      <c r="BG33" s="312">
        <v>0</v>
      </c>
      <c r="BH33" s="314">
        <v>0</v>
      </c>
      <c r="BI33" s="315">
        <v>39</v>
      </c>
      <c r="BJ33" s="315">
        <v>50</v>
      </c>
      <c r="BK33" s="315">
        <v>24</v>
      </c>
      <c r="BL33" s="315">
        <v>6</v>
      </c>
      <c r="BM33" s="315">
        <v>5</v>
      </c>
      <c r="BN33" s="312">
        <v>124</v>
      </c>
      <c r="BO33" s="317">
        <v>124</v>
      </c>
      <c r="BP33" s="311">
        <v>0</v>
      </c>
      <c r="BQ33" s="315">
        <v>1</v>
      </c>
      <c r="BR33" s="312">
        <v>1</v>
      </c>
      <c r="BS33" s="314">
        <v>0</v>
      </c>
      <c r="BT33" s="315">
        <v>3</v>
      </c>
      <c r="BU33" s="315">
        <v>8</v>
      </c>
      <c r="BV33" s="315">
        <v>4</v>
      </c>
      <c r="BW33" s="315">
        <v>2</v>
      </c>
      <c r="BX33" s="315">
        <v>3</v>
      </c>
      <c r="BY33" s="312">
        <v>20</v>
      </c>
      <c r="BZ33" s="317">
        <v>21</v>
      </c>
      <c r="CA33" s="311">
        <v>0</v>
      </c>
      <c r="CB33" s="315">
        <v>0</v>
      </c>
      <c r="CC33" s="312">
        <v>0</v>
      </c>
      <c r="CD33" s="314">
        <v>0</v>
      </c>
      <c r="CE33" s="315">
        <v>3</v>
      </c>
      <c r="CF33" s="315">
        <v>9</v>
      </c>
      <c r="CG33" s="315">
        <v>11</v>
      </c>
      <c r="CH33" s="315">
        <v>7</v>
      </c>
      <c r="CI33" s="315">
        <v>2</v>
      </c>
      <c r="CJ33" s="312">
        <v>32</v>
      </c>
      <c r="CK33" s="317">
        <v>32</v>
      </c>
      <c r="CL33" s="311">
        <v>0</v>
      </c>
      <c r="CM33" s="315">
        <v>0</v>
      </c>
      <c r="CN33" s="312">
        <v>0</v>
      </c>
      <c r="CO33" s="314">
        <v>0</v>
      </c>
      <c r="CP33" s="315">
        <v>0</v>
      </c>
      <c r="CQ33" s="315">
        <v>0</v>
      </c>
      <c r="CR33" s="315">
        <v>0</v>
      </c>
      <c r="CS33" s="315">
        <v>0</v>
      </c>
      <c r="CT33" s="315">
        <v>1</v>
      </c>
      <c r="CU33" s="312">
        <v>1</v>
      </c>
      <c r="CV33" s="317">
        <v>1</v>
      </c>
      <c r="CW33" s="311">
        <v>0</v>
      </c>
      <c r="CX33" s="315">
        <v>0</v>
      </c>
      <c r="CY33" s="312">
        <v>0</v>
      </c>
      <c r="CZ33" s="314">
        <v>0</v>
      </c>
      <c r="DA33" s="315">
        <v>0</v>
      </c>
      <c r="DB33" s="315">
        <v>0</v>
      </c>
      <c r="DC33" s="315">
        <v>0</v>
      </c>
      <c r="DD33" s="315">
        <v>0</v>
      </c>
      <c r="DE33" s="315">
        <v>0</v>
      </c>
      <c r="DF33" s="312">
        <v>0</v>
      </c>
      <c r="DG33" s="317">
        <v>0</v>
      </c>
      <c r="DH33" s="311">
        <v>0</v>
      </c>
      <c r="DI33" s="315">
        <v>0</v>
      </c>
      <c r="DJ33" s="312">
        <v>0</v>
      </c>
      <c r="DK33" s="314">
        <v>0</v>
      </c>
      <c r="DL33" s="315">
        <v>0</v>
      </c>
      <c r="DM33" s="315">
        <v>0</v>
      </c>
      <c r="DN33" s="315">
        <v>0</v>
      </c>
      <c r="DO33" s="315">
        <v>0</v>
      </c>
      <c r="DP33" s="315">
        <v>0</v>
      </c>
      <c r="DQ33" s="312">
        <v>0</v>
      </c>
      <c r="DR33" s="317">
        <v>0</v>
      </c>
      <c r="DS33" s="311">
        <v>21</v>
      </c>
      <c r="DT33" s="315">
        <v>41</v>
      </c>
      <c r="DU33" s="312">
        <v>62</v>
      </c>
      <c r="DV33" s="314">
        <v>0</v>
      </c>
      <c r="DW33" s="315">
        <v>56</v>
      </c>
      <c r="DX33" s="315">
        <v>75</v>
      </c>
      <c r="DY33" s="315">
        <v>38</v>
      </c>
      <c r="DZ33" s="315">
        <v>18</v>
      </c>
      <c r="EA33" s="315">
        <v>18</v>
      </c>
      <c r="EB33" s="312">
        <v>205</v>
      </c>
      <c r="EC33" s="317">
        <v>267</v>
      </c>
      <c r="ED33" s="311">
        <v>1</v>
      </c>
      <c r="EE33" s="315">
        <v>2</v>
      </c>
      <c r="EF33" s="312">
        <v>3</v>
      </c>
      <c r="EG33" s="314">
        <v>0</v>
      </c>
      <c r="EH33" s="315">
        <v>8</v>
      </c>
      <c r="EI33" s="315">
        <v>9</v>
      </c>
      <c r="EJ33" s="315">
        <v>5</v>
      </c>
      <c r="EK33" s="315">
        <v>2</v>
      </c>
      <c r="EL33" s="315">
        <v>1</v>
      </c>
      <c r="EM33" s="312">
        <v>25</v>
      </c>
      <c r="EN33" s="317">
        <v>28</v>
      </c>
      <c r="EO33" s="311">
        <v>25</v>
      </c>
      <c r="EP33" s="315">
        <v>41</v>
      </c>
      <c r="EQ33" s="312">
        <v>66</v>
      </c>
      <c r="ER33" s="314">
        <v>0</v>
      </c>
      <c r="ES33" s="315">
        <v>97</v>
      </c>
      <c r="ET33" s="315">
        <v>102</v>
      </c>
      <c r="EU33" s="315">
        <v>50</v>
      </c>
      <c r="EV33" s="315">
        <v>19</v>
      </c>
      <c r="EW33" s="315">
        <v>16</v>
      </c>
      <c r="EX33" s="312">
        <v>284</v>
      </c>
      <c r="EY33" s="317">
        <v>350</v>
      </c>
    </row>
    <row r="34" spans="1:155" ht="19.5" customHeight="1" x14ac:dyDescent="0.2">
      <c r="A34" s="296" t="s">
        <v>32</v>
      </c>
      <c r="B34" s="311">
        <v>0</v>
      </c>
      <c r="C34" s="315">
        <v>0</v>
      </c>
      <c r="D34" s="437">
        <v>0</v>
      </c>
      <c r="E34" s="314">
        <v>0</v>
      </c>
      <c r="F34" s="315">
        <v>35</v>
      </c>
      <c r="G34" s="315">
        <v>17</v>
      </c>
      <c r="H34" s="315">
        <v>10</v>
      </c>
      <c r="I34" s="315">
        <v>12</v>
      </c>
      <c r="J34" s="315">
        <v>9</v>
      </c>
      <c r="K34" s="316">
        <v>83</v>
      </c>
      <c r="L34" s="317">
        <v>83</v>
      </c>
      <c r="M34" s="311">
        <v>0</v>
      </c>
      <c r="N34" s="315">
        <v>0</v>
      </c>
      <c r="O34" s="312">
        <v>0</v>
      </c>
      <c r="P34" s="314">
        <v>0</v>
      </c>
      <c r="Q34" s="315">
        <v>0</v>
      </c>
      <c r="R34" s="315">
        <v>1</v>
      </c>
      <c r="S34" s="315">
        <v>2</v>
      </c>
      <c r="T34" s="315">
        <v>3</v>
      </c>
      <c r="U34" s="315">
        <v>10</v>
      </c>
      <c r="V34" s="312">
        <v>16</v>
      </c>
      <c r="W34" s="317">
        <v>16</v>
      </c>
      <c r="X34" s="311">
        <v>5</v>
      </c>
      <c r="Y34" s="315">
        <v>8</v>
      </c>
      <c r="Z34" s="312">
        <v>13</v>
      </c>
      <c r="AA34" s="314">
        <v>0</v>
      </c>
      <c r="AB34" s="315">
        <v>35</v>
      </c>
      <c r="AC34" s="315">
        <v>21</v>
      </c>
      <c r="AD34" s="315">
        <v>12</v>
      </c>
      <c r="AE34" s="315">
        <v>13</v>
      </c>
      <c r="AF34" s="315">
        <v>13</v>
      </c>
      <c r="AG34" s="312">
        <v>94</v>
      </c>
      <c r="AH34" s="317">
        <v>107</v>
      </c>
      <c r="AI34" s="311">
        <v>1</v>
      </c>
      <c r="AJ34" s="315">
        <v>1</v>
      </c>
      <c r="AK34" s="312">
        <v>2</v>
      </c>
      <c r="AL34" s="314">
        <v>0</v>
      </c>
      <c r="AM34" s="315">
        <v>6</v>
      </c>
      <c r="AN34" s="315">
        <v>0</v>
      </c>
      <c r="AO34" s="315">
        <v>3</v>
      </c>
      <c r="AP34" s="315">
        <v>1</v>
      </c>
      <c r="AQ34" s="315">
        <v>3</v>
      </c>
      <c r="AR34" s="312">
        <v>13</v>
      </c>
      <c r="AS34" s="317">
        <v>15</v>
      </c>
      <c r="AT34" s="311">
        <v>2</v>
      </c>
      <c r="AU34" s="315">
        <v>1</v>
      </c>
      <c r="AV34" s="312">
        <v>3</v>
      </c>
      <c r="AW34" s="314">
        <v>0</v>
      </c>
      <c r="AX34" s="315">
        <v>12</v>
      </c>
      <c r="AY34" s="315">
        <v>18</v>
      </c>
      <c r="AZ34" s="315">
        <v>21</v>
      </c>
      <c r="BA34" s="315">
        <v>24</v>
      </c>
      <c r="BB34" s="315">
        <v>15</v>
      </c>
      <c r="BC34" s="316">
        <v>90</v>
      </c>
      <c r="BD34" s="317">
        <v>93</v>
      </c>
      <c r="BE34" s="311">
        <v>0</v>
      </c>
      <c r="BF34" s="315">
        <v>0</v>
      </c>
      <c r="BG34" s="312">
        <v>0</v>
      </c>
      <c r="BH34" s="314">
        <v>0</v>
      </c>
      <c r="BI34" s="315">
        <v>50</v>
      </c>
      <c r="BJ34" s="315">
        <v>50</v>
      </c>
      <c r="BK34" s="315">
        <v>22</v>
      </c>
      <c r="BL34" s="315">
        <v>15</v>
      </c>
      <c r="BM34" s="315">
        <v>2</v>
      </c>
      <c r="BN34" s="312">
        <v>139</v>
      </c>
      <c r="BO34" s="317">
        <v>139</v>
      </c>
      <c r="BP34" s="311">
        <v>0</v>
      </c>
      <c r="BQ34" s="315">
        <v>0</v>
      </c>
      <c r="BR34" s="312">
        <v>0</v>
      </c>
      <c r="BS34" s="314">
        <v>0</v>
      </c>
      <c r="BT34" s="315">
        <v>11</v>
      </c>
      <c r="BU34" s="315">
        <v>17</v>
      </c>
      <c r="BV34" s="315">
        <v>5</v>
      </c>
      <c r="BW34" s="315">
        <v>5</v>
      </c>
      <c r="BX34" s="315">
        <v>3</v>
      </c>
      <c r="BY34" s="312">
        <v>41</v>
      </c>
      <c r="BZ34" s="317">
        <v>41</v>
      </c>
      <c r="CA34" s="311">
        <v>1</v>
      </c>
      <c r="CB34" s="315">
        <v>1</v>
      </c>
      <c r="CC34" s="312">
        <v>2</v>
      </c>
      <c r="CD34" s="314">
        <v>0</v>
      </c>
      <c r="CE34" s="315">
        <v>3</v>
      </c>
      <c r="CF34" s="315">
        <v>14</v>
      </c>
      <c r="CG34" s="315">
        <v>11</v>
      </c>
      <c r="CH34" s="315">
        <v>6</v>
      </c>
      <c r="CI34" s="315">
        <v>3</v>
      </c>
      <c r="CJ34" s="312">
        <v>37</v>
      </c>
      <c r="CK34" s="317">
        <v>39</v>
      </c>
      <c r="CL34" s="311">
        <v>0</v>
      </c>
      <c r="CM34" s="315">
        <v>0</v>
      </c>
      <c r="CN34" s="312">
        <v>0</v>
      </c>
      <c r="CO34" s="314">
        <v>0</v>
      </c>
      <c r="CP34" s="315">
        <v>0</v>
      </c>
      <c r="CQ34" s="315">
        <v>3</v>
      </c>
      <c r="CR34" s="315">
        <v>4</v>
      </c>
      <c r="CS34" s="315">
        <v>4</v>
      </c>
      <c r="CT34" s="315">
        <v>2</v>
      </c>
      <c r="CU34" s="312">
        <v>13</v>
      </c>
      <c r="CV34" s="317">
        <v>13</v>
      </c>
      <c r="CW34" s="311">
        <v>0</v>
      </c>
      <c r="CX34" s="315">
        <v>0</v>
      </c>
      <c r="CY34" s="312">
        <v>0</v>
      </c>
      <c r="CZ34" s="314">
        <v>0</v>
      </c>
      <c r="DA34" s="315">
        <v>0</v>
      </c>
      <c r="DB34" s="315">
        <v>0</v>
      </c>
      <c r="DC34" s="315">
        <v>0</v>
      </c>
      <c r="DD34" s="315">
        <v>0</v>
      </c>
      <c r="DE34" s="315">
        <v>0</v>
      </c>
      <c r="DF34" s="312">
        <v>0</v>
      </c>
      <c r="DG34" s="317">
        <v>0</v>
      </c>
      <c r="DH34" s="311">
        <v>0</v>
      </c>
      <c r="DI34" s="315">
        <v>0</v>
      </c>
      <c r="DJ34" s="312">
        <v>0</v>
      </c>
      <c r="DK34" s="314">
        <v>0</v>
      </c>
      <c r="DL34" s="315">
        <v>0</v>
      </c>
      <c r="DM34" s="315">
        <v>0</v>
      </c>
      <c r="DN34" s="315">
        <v>0</v>
      </c>
      <c r="DO34" s="315">
        <v>0</v>
      </c>
      <c r="DP34" s="315">
        <v>0</v>
      </c>
      <c r="DQ34" s="312">
        <v>0</v>
      </c>
      <c r="DR34" s="317">
        <v>0</v>
      </c>
      <c r="DS34" s="311">
        <v>26</v>
      </c>
      <c r="DT34" s="315">
        <v>45</v>
      </c>
      <c r="DU34" s="312">
        <v>71</v>
      </c>
      <c r="DV34" s="314">
        <v>0</v>
      </c>
      <c r="DW34" s="315">
        <v>73</v>
      </c>
      <c r="DX34" s="315">
        <v>70</v>
      </c>
      <c r="DY34" s="315">
        <v>45</v>
      </c>
      <c r="DZ34" s="315">
        <v>31</v>
      </c>
      <c r="EA34" s="315">
        <v>19</v>
      </c>
      <c r="EB34" s="312">
        <v>238</v>
      </c>
      <c r="EC34" s="317">
        <v>309</v>
      </c>
      <c r="ED34" s="311">
        <v>3</v>
      </c>
      <c r="EE34" s="315">
        <v>4</v>
      </c>
      <c r="EF34" s="312">
        <v>7</v>
      </c>
      <c r="EG34" s="314">
        <v>0</v>
      </c>
      <c r="EH34" s="315">
        <v>5</v>
      </c>
      <c r="EI34" s="315">
        <v>5</v>
      </c>
      <c r="EJ34" s="315">
        <v>7</v>
      </c>
      <c r="EK34" s="315">
        <v>7</v>
      </c>
      <c r="EL34" s="315">
        <v>3</v>
      </c>
      <c r="EM34" s="312">
        <v>27</v>
      </c>
      <c r="EN34" s="317">
        <v>34</v>
      </c>
      <c r="EO34" s="311">
        <v>29</v>
      </c>
      <c r="EP34" s="315">
        <v>48</v>
      </c>
      <c r="EQ34" s="312">
        <v>77</v>
      </c>
      <c r="ER34" s="314">
        <v>0</v>
      </c>
      <c r="ES34" s="315">
        <v>150</v>
      </c>
      <c r="ET34" s="315">
        <v>108</v>
      </c>
      <c r="EU34" s="315">
        <v>52</v>
      </c>
      <c r="EV34" s="315">
        <v>33</v>
      </c>
      <c r="EW34" s="315">
        <v>20</v>
      </c>
      <c r="EX34" s="312">
        <v>363</v>
      </c>
      <c r="EY34" s="317">
        <v>440</v>
      </c>
    </row>
    <row r="35" spans="1:155" ht="19.5" customHeight="1" x14ac:dyDescent="0.2">
      <c r="A35" s="296" t="s">
        <v>33</v>
      </c>
      <c r="B35" s="311">
        <v>0</v>
      </c>
      <c r="C35" s="315">
        <v>0</v>
      </c>
      <c r="D35" s="437">
        <v>0</v>
      </c>
      <c r="E35" s="314">
        <v>0</v>
      </c>
      <c r="F35" s="315">
        <v>23</v>
      </c>
      <c r="G35" s="315">
        <v>16</v>
      </c>
      <c r="H35" s="315">
        <v>11</v>
      </c>
      <c r="I35" s="315">
        <v>9</v>
      </c>
      <c r="J35" s="315">
        <v>9</v>
      </c>
      <c r="K35" s="316">
        <v>68</v>
      </c>
      <c r="L35" s="317">
        <v>68</v>
      </c>
      <c r="M35" s="311">
        <v>0</v>
      </c>
      <c r="N35" s="315">
        <v>0</v>
      </c>
      <c r="O35" s="312">
        <v>0</v>
      </c>
      <c r="P35" s="314">
        <v>0</v>
      </c>
      <c r="Q35" s="315">
        <v>0</v>
      </c>
      <c r="R35" s="315">
        <v>2</v>
      </c>
      <c r="S35" s="315">
        <v>2</v>
      </c>
      <c r="T35" s="315">
        <v>2</v>
      </c>
      <c r="U35" s="315">
        <v>3</v>
      </c>
      <c r="V35" s="312">
        <v>9</v>
      </c>
      <c r="W35" s="317">
        <v>9</v>
      </c>
      <c r="X35" s="311">
        <v>1</v>
      </c>
      <c r="Y35" s="315">
        <v>1</v>
      </c>
      <c r="Z35" s="312">
        <v>2</v>
      </c>
      <c r="AA35" s="314">
        <v>0</v>
      </c>
      <c r="AB35" s="315">
        <v>13</v>
      </c>
      <c r="AC35" s="315">
        <v>11</v>
      </c>
      <c r="AD35" s="315">
        <v>6</v>
      </c>
      <c r="AE35" s="315">
        <v>9</v>
      </c>
      <c r="AF35" s="315">
        <v>8</v>
      </c>
      <c r="AG35" s="312">
        <v>47</v>
      </c>
      <c r="AH35" s="317">
        <v>49</v>
      </c>
      <c r="AI35" s="311">
        <v>11</v>
      </c>
      <c r="AJ35" s="315">
        <v>25</v>
      </c>
      <c r="AK35" s="312">
        <v>36</v>
      </c>
      <c r="AL35" s="314">
        <v>0</v>
      </c>
      <c r="AM35" s="315">
        <v>24</v>
      </c>
      <c r="AN35" s="315">
        <v>15</v>
      </c>
      <c r="AO35" s="315">
        <v>5</v>
      </c>
      <c r="AP35" s="315">
        <v>4</v>
      </c>
      <c r="AQ35" s="315">
        <v>3</v>
      </c>
      <c r="AR35" s="312">
        <v>51</v>
      </c>
      <c r="AS35" s="317">
        <v>87</v>
      </c>
      <c r="AT35" s="311">
        <v>7</v>
      </c>
      <c r="AU35" s="315">
        <v>7</v>
      </c>
      <c r="AV35" s="312">
        <v>14</v>
      </c>
      <c r="AW35" s="314">
        <v>0</v>
      </c>
      <c r="AX35" s="315">
        <v>24</v>
      </c>
      <c r="AY35" s="315">
        <v>27</v>
      </c>
      <c r="AZ35" s="315">
        <v>21</v>
      </c>
      <c r="BA35" s="315">
        <v>10</v>
      </c>
      <c r="BB35" s="315">
        <v>12</v>
      </c>
      <c r="BC35" s="316">
        <v>94</v>
      </c>
      <c r="BD35" s="317">
        <v>108</v>
      </c>
      <c r="BE35" s="311">
        <v>0</v>
      </c>
      <c r="BF35" s="315">
        <v>0</v>
      </c>
      <c r="BG35" s="312">
        <v>0</v>
      </c>
      <c r="BH35" s="314">
        <v>0</v>
      </c>
      <c r="BI35" s="315">
        <v>15</v>
      </c>
      <c r="BJ35" s="315">
        <v>2</v>
      </c>
      <c r="BK35" s="315">
        <v>4</v>
      </c>
      <c r="BL35" s="315">
        <v>5</v>
      </c>
      <c r="BM35" s="315">
        <v>1</v>
      </c>
      <c r="BN35" s="312">
        <v>27</v>
      </c>
      <c r="BO35" s="317">
        <v>27</v>
      </c>
      <c r="BP35" s="311">
        <v>9</v>
      </c>
      <c r="BQ35" s="315">
        <v>11</v>
      </c>
      <c r="BR35" s="312">
        <v>20</v>
      </c>
      <c r="BS35" s="314">
        <v>0</v>
      </c>
      <c r="BT35" s="315">
        <v>21</v>
      </c>
      <c r="BU35" s="315">
        <v>22</v>
      </c>
      <c r="BV35" s="315">
        <v>6</v>
      </c>
      <c r="BW35" s="315">
        <v>1</v>
      </c>
      <c r="BX35" s="315">
        <v>2</v>
      </c>
      <c r="BY35" s="312">
        <v>52</v>
      </c>
      <c r="BZ35" s="317">
        <v>72</v>
      </c>
      <c r="CA35" s="311">
        <v>0</v>
      </c>
      <c r="CB35" s="315">
        <v>0</v>
      </c>
      <c r="CC35" s="312">
        <v>0</v>
      </c>
      <c r="CD35" s="314">
        <v>0</v>
      </c>
      <c r="CE35" s="315">
        <v>4</v>
      </c>
      <c r="CF35" s="315">
        <v>5</v>
      </c>
      <c r="CG35" s="315">
        <v>5</v>
      </c>
      <c r="CH35" s="315">
        <v>4</v>
      </c>
      <c r="CI35" s="315">
        <v>0</v>
      </c>
      <c r="CJ35" s="312">
        <v>18</v>
      </c>
      <c r="CK35" s="317">
        <v>18</v>
      </c>
      <c r="CL35" s="311">
        <v>0</v>
      </c>
      <c r="CM35" s="315">
        <v>0</v>
      </c>
      <c r="CN35" s="312">
        <v>0</v>
      </c>
      <c r="CO35" s="314">
        <v>0</v>
      </c>
      <c r="CP35" s="315">
        <v>2</v>
      </c>
      <c r="CQ35" s="315">
        <v>2</v>
      </c>
      <c r="CR35" s="315">
        <v>0</v>
      </c>
      <c r="CS35" s="315">
        <v>1</v>
      </c>
      <c r="CT35" s="315">
        <v>0</v>
      </c>
      <c r="CU35" s="312">
        <v>5</v>
      </c>
      <c r="CV35" s="317">
        <v>5</v>
      </c>
      <c r="CW35" s="311">
        <v>0</v>
      </c>
      <c r="CX35" s="315">
        <v>0</v>
      </c>
      <c r="CY35" s="312">
        <v>0</v>
      </c>
      <c r="CZ35" s="314">
        <v>0</v>
      </c>
      <c r="DA35" s="315">
        <v>0</v>
      </c>
      <c r="DB35" s="315">
        <v>0</v>
      </c>
      <c r="DC35" s="315">
        <v>0</v>
      </c>
      <c r="DD35" s="315">
        <v>0</v>
      </c>
      <c r="DE35" s="315">
        <v>0</v>
      </c>
      <c r="DF35" s="312">
        <v>0</v>
      </c>
      <c r="DG35" s="317">
        <v>0</v>
      </c>
      <c r="DH35" s="311">
        <v>0</v>
      </c>
      <c r="DI35" s="315">
        <v>0</v>
      </c>
      <c r="DJ35" s="312">
        <v>0</v>
      </c>
      <c r="DK35" s="314">
        <v>0</v>
      </c>
      <c r="DL35" s="315">
        <v>0</v>
      </c>
      <c r="DM35" s="315">
        <v>0</v>
      </c>
      <c r="DN35" s="315">
        <v>1</v>
      </c>
      <c r="DO35" s="315">
        <v>0</v>
      </c>
      <c r="DP35" s="315">
        <v>0</v>
      </c>
      <c r="DQ35" s="312">
        <v>1</v>
      </c>
      <c r="DR35" s="317">
        <v>1</v>
      </c>
      <c r="DS35" s="311">
        <v>24</v>
      </c>
      <c r="DT35" s="315">
        <v>40</v>
      </c>
      <c r="DU35" s="312">
        <v>64</v>
      </c>
      <c r="DV35" s="314">
        <v>0</v>
      </c>
      <c r="DW35" s="315">
        <v>54</v>
      </c>
      <c r="DX35" s="315">
        <v>51</v>
      </c>
      <c r="DY35" s="315">
        <v>25</v>
      </c>
      <c r="DZ35" s="315">
        <v>17</v>
      </c>
      <c r="EA35" s="315">
        <v>14</v>
      </c>
      <c r="EB35" s="312">
        <v>161</v>
      </c>
      <c r="EC35" s="317">
        <v>225</v>
      </c>
      <c r="ED35" s="311">
        <v>5</v>
      </c>
      <c r="EE35" s="315">
        <v>5</v>
      </c>
      <c r="EF35" s="312">
        <v>10</v>
      </c>
      <c r="EG35" s="314">
        <v>0</v>
      </c>
      <c r="EH35" s="315">
        <v>11</v>
      </c>
      <c r="EI35" s="315">
        <v>18</v>
      </c>
      <c r="EJ35" s="315">
        <v>9</v>
      </c>
      <c r="EK35" s="315">
        <v>7</v>
      </c>
      <c r="EL35" s="315">
        <v>4</v>
      </c>
      <c r="EM35" s="312">
        <v>49</v>
      </c>
      <c r="EN35" s="317">
        <v>59</v>
      </c>
      <c r="EO35" s="311">
        <v>39</v>
      </c>
      <c r="EP35" s="315">
        <v>59</v>
      </c>
      <c r="EQ35" s="312">
        <v>98</v>
      </c>
      <c r="ER35" s="314">
        <v>0</v>
      </c>
      <c r="ES35" s="315">
        <v>99</v>
      </c>
      <c r="ET35" s="315">
        <v>63</v>
      </c>
      <c r="EU35" s="315">
        <v>29</v>
      </c>
      <c r="EV35" s="315">
        <v>20</v>
      </c>
      <c r="EW35" s="315">
        <v>17</v>
      </c>
      <c r="EX35" s="312">
        <v>228</v>
      </c>
      <c r="EY35" s="317">
        <v>326</v>
      </c>
    </row>
    <row r="36" spans="1:155" ht="19.5" customHeight="1" x14ac:dyDescent="0.2">
      <c r="A36" s="296" t="s">
        <v>34</v>
      </c>
      <c r="B36" s="311">
        <v>0</v>
      </c>
      <c r="C36" s="315">
        <v>0</v>
      </c>
      <c r="D36" s="437">
        <v>0</v>
      </c>
      <c r="E36" s="314">
        <v>0</v>
      </c>
      <c r="F36" s="315">
        <v>15</v>
      </c>
      <c r="G36" s="315">
        <v>12</v>
      </c>
      <c r="H36" s="315">
        <v>7</v>
      </c>
      <c r="I36" s="315">
        <v>5</v>
      </c>
      <c r="J36" s="315">
        <v>2</v>
      </c>
      <c r="K36" s="316">
        <v>41</v>
      </c>
      <c r="L36" s="317">
        <v>41</v>
      </c>
      <c r="M36" s="311">
        <v>0</v>
      </c>
      <c r="N36" s="315">
        <v>0</v>
      </c>
      <c r="O36" s="312">
        <v>0</v>
      </c>
      <c r="P36" s="314">
        <v>0</v>
      </c>
      <c r="Q36" s="315">
        <v>0</v>
      </c>
      <c r="R36" s="315">
        <v>2</v>
      </c>
      <c r="S36" s="315">
        <v>0</v>
      </c>
      <c r="T36" s="315">
        <v>1</v>
      </c>
      <c r="U36" s="315">
        <v>5</v>
      </c>
      <c r="V36" s="312">
        <v>8</v>
      </c>
      <c r="W36" s="317">
        <v>8</v>
      </c>
      <c r="X36" s="311">
        <v>1</v>
      </c>
      <c r="Y36" s="315">
        <v>3</v>
      </c>
      <c r="Z36" s="312">
        <v>4</v>
      </c>
      <c r="AA36" s="314">
        <v>0</v>
      </c>
      <c r="AB36" s="315">
        <v>6</v>
      </c>
      <c r="AC36" s="315">
        <v>13</v>
      </c>
      <c r="AD36" s="315">
        <v>5</v>
      </c>
      <c r="AE36" s="315">
        <v>0</v>
      </c>
      <c r="AF36" s="315">
        <v>4</v>
      </c>
      <c r="AG36" s="312">
        <v>28</v>
      </c>
      <c r="AH36" s="317">
        <v>32</v>
      </c>
      <c r="AI36" s="311">
        <v>0</v>
      </c>
      <c r="AJ36" s="315">
        <v>1</v>
      </c>
      <c r="AK36" s="312">
        <v>1</v>
      </c>
      <c r="AL36" s="314">
        <v>0</v>
      </c>
      <c r="AM36" s="315">
        <v>5</v>
      </c>
      <c r="AN36" s="315">
        <v>6</v>
      </c>
      <c r="AO36" s="315">
        <v>1</v>
      </c>
      <c r="AP36" s="315">
        <v>1</v>
      </c>
      <c r="AQ36" s="315">
        <v>2</v>
      </c>
      <c r="AR36" s="312">
        <v>15</v>
      </c>
      <c r="AS36" s="317">
        <v>16</v>
      </c>
      <c r="AT36" s="311">
        <v>3</v>
      </c>
      <c r="AU36" s="315">
        <v>6</v>
      </c>
      <c r="AV36" s="312">
        <v>9</v>
      </c>
      <c r="AW36" s="314">
        <v>0</v>
      </c>
      <c r="AX36" s="315">
        <v>24</v>
      </c>
      <c r="AY36" s="315">
        <v>24</v>
      </c>
      <c r="AZ36" s="315">
        <v>21</v>
      </c>
      <c r="BA36" s="315">
        <v>15</v>
      </c>
      <c r="BB36" s="315">
        <v>14</v>
      </c>
      <c r="BC36" s="316">
        <v>98</v>
      </c>
      <c r="BD36" s="317">
        <v>107</v>
      </c>
      <c r="BE36" s="311">
        <v>0</v>
      </c>
      <c r="BF36" s="315">
        <v>0</v>
      </c>
      <c r="BG36" s="312">
        <v>0</v>
      </c>
      <c r="BH36" s="314">
        <v>0</v>
      </c>
      <c r="BI36" s="315">
        <v>36</v>
      </c>
      <c r="BJ36" s="315">
        <v>19</v>
      </c>
      <c r="BK36" s="315">
        <v>12</v>
      </c>
      <c r="BL36" s="315">
        <v>8</v>
      </c>
      <c r="BM36" s="315">
        <v>2</v>
      </c>
      <c r="BN36" s="312">
        <v>77</v>
      </c>
      <c r="BO36" s="317">
        <v>77</v>
      </c>
      <c r="BP36" s="311">
        <v>2</v>
      </c>
      <c r="BQ36" s="315">
        <v>9</v>
      </c>
      <c r="BR36" s="312">
        <v>11</v>
      </c>
      <c r="BS36" s="314">
        <v>0</v>
      </c>
      <c r="BT36" s="315">
        <v>12</v>
      </c>
      <c r="BU36" s="315">
        <v>5</v>
      </c>
      <c r="BV36" s="315">
        <v>3</v>
      </c>
      <c r="BW36" s="315">
        <v>4</v>
      </c>
      <c r="BX36" s="315">
        <v>0</v>
      </c>
      <c r="BY36" s="312">
        <v>24</v>
      </c>
      <c r="BZ36" s="317">
        <v>35</v>
      </c>
      <c r="CA36" s="311">
        <v>0</v>
      </c>
      <c r="CB36" s="315">
        <v>1</v>
      </c>
      <c r="CC36" s="312">
        <v>1</v>
      </c>
      <c r="CD36" s="314">
        <v>0</v>
      </c>
      <c r="CE36" s="315">
        <v>2</v>
      </c>
      <c r="CF36" s="315">
        <v>0</v>
      </c>
      <c r="CG36" s="315">
        <v>2</v>
      </c>
      <c r="CH36" s="315">
        <v>5</v>
      </c>
      <c r="CI36" s="315">
        <v>0</v>
      </c>
      <c r="CJ36" s="312">
        <v>9</v>
      </c>
      <c r="CK36" s="317">
        <v>10</v>
      </c>
      <c r="CL36" s="311">
        <v>0</v>
      </c>
      <c r="CM36" s="315">
        <v>0</v>
      </c>
      <c r="CN36" s="312">
        <v>0</v>
      </c>
      <c r="CO36" s="314">
        <v>0</v>
      </c>
      <c r="CP36" s="315">
        <v>0</v>
      </c>
      <c r="CQ36" s="315">
        <v>0</v>
      </c>
      <c r="CR36" s="315">
        <v>0</v>
      </c>
      <c r="CS36" s="315">
        <v>1</v>
      </c>
      <c r="CT36" s="315">
        <v>0</v>
      </c>
      <c r="CU36" s="312">
        <v>1</v>
      </c>
      <c r="CV36" s="317">
        <v>1</v>
      </c>
      <c r="CW36" s="311">
        <v>0</v>
      </c>
      <c r="CX36" s="315">
        <v>0</v>
      </c>
      <c r="CY36" s="312">
        <v>0</v>
      </c>
      <c r="CZ36" s="314">
        <v>0</v>
      </c>
      <c r="DA36" s="315">
        <v>0</v>
      </c>
      <c r="DB36" s="315">
        <v>0</v>
      </c>
      <c r="DC36" s="315">
        <v>0</v>
      </c>
      <c r="DD36" s="315">
        <v>0</v>
      </c>
      <c r="DE36" s="315">
        <v>0</v>
      </c>
      <c r="DF36" s="312">
        <v>0</v>
      </c>
      <c r="DG36" s="317">
        <v>0</v>
      </c>
      <c r="DH36" s="311">
        <v>0</v>
      </c>
      <c r="DI36" s="315">
        <v>0</v>
      </c>
      <c r="DJ36" s="312">
        <v>0</v>
      </c>
      <c r="DK36" s="314">
        <v>0</v>
      </c>
      <c r="DL36" s="315">
        <v>0</v>
      </c>
      <c r="DM36" s="315">
        <v>0</v>
      </c>
      <c r="DN36" s="315">
        <v>0</v>
      </c>
      <c r="DO36" s="315">
        <v>0</v>
      </c>
      <c r="DP36" s="315">
        <v>0</v>
      </c>
      <c r="DQ36" s="312">
        <v>0</v>
      </c>
      <c r="DR36" s="317">
        <v>0</v>
      </c>
      <c r="DS36" s="311">
        <v>12</v>
      </c>
      <c r="DT36" s="315">
        <v>21</v>
      </c>
      <c r="DU36" s="312">
        <v>33</v>
      </c>
      <c r="DV36" s="314">
        <v>0</v>
      </c>
      <c r="DW36" s="315">
        <v>56</v>
      </c>
      <c r="DX36" s="315">
        <v>48</v>
      </c>
      <c r="DY36" s="315">
        <v>22</v>
      </c>
      <c r="DZ36" s="315">
        <v>22</v>
      </c>
      <c r="EA36" s="315">
        <v>11</v>
      </c>
      <c r="EB36" s="312">
        <v>159</v>
      </c>
      <c r="EC36" s="317">
        <v>192</v>
      </c>
      <c r="ED36" s="311">
        <v>5</v>
      </c>
      <c r="EE36" s="315">
        <v>1</v>
      </c>
      <c r="EF36" s="312">
        <v>6</v>
      </c>
      <c r="EG36" s="314">
        <v>0</v>
      </c>
      <c r="EH36" s="315">
        <v>8</v>
      </c>
      <c r="EI36" s="315">
        <v>6</v>
      </c>
      <c r="EJ36" s="315">
        <v>4</v>
      </c>
      <c r="EK36" s="315">
        <v>4</v>
      </c>
      <c r="EL36" s="315">
        <v>2</v>
      </c>
      <c r="EM36" s="312">
        <v>24</v>
      </c>
      <c r="EN36" s="317">
        <v>30</v>
      </c>
      <c r="EO36" s="311">
        <v>14</v>
      </c>
      <c r="EP36" s="315">
        <v>28</v>
      </c>
      <c r="EQ36" s="312">
        <v>42</v>
      </c>
      <c r="ER36" s="314">
        <v>0</v>
      </c>
      <c r="ES36" s="315">
        <v>80</v>
      </c>
      <c r="ET36" s="315">
        <v>48</v>
      </c>
      <c r="EU36" s="315">
        <v>26</v>
      </c>
      <c r="EV36" s="315">
        <v>20</v>
      </c>
      <c r="EW36" s="315">
        <v>9</v>
      </c>
      <c r="EX36" s="312">
        <v>183</v>
      </c>
      <c r="EY36" s="317">
        <v>225</v>
      </c>
    </row>
    <row r="37" spans="1:155" ht="19.5" customHeight="1" x14ac:dyDescent="0.2">
      <c r="A37" s="296" t="s">
        <v>35</v>
      </c>
      <c r="B37" s="311">
        <v>0</v>
      </c>
      <c r="C37" s="315">
        <v>0</v>
      </c>
      <c r="D37" s="437">
        <v>0</v>
      </c>
      <c r="E37" s="314">
        <v>0</v>
      </c>
      <c r="F37" s="315">
        <v>107</v>
      </c>
      <c r="G37" s="315">
        <v>60</v>
      </c>
      <c r="H37" s="315">
        <v>32</v>
      </c>
      <c r="I37" s="315">
        <v>24</v>
      </c>
      <c r="J37" s="315">
        <v>18</v>
      </c>
      <c r="K37" s="316">
        <v>241</v>
      </c>
      <c r="L37" s="317">
        <v>241</v>
      </c>
      <c r="M37" s="311">
        <v>0</v>
      </c>
      <c r="N37" s="315">
        <v>0</v>
      </c>
      <c r="O37" s="312">
        <v>0</v>
      </c>
      <c r="P37" s="314">
        <v>0</v>
      </c>
      <c r="Q37" s="315">
        <v>0</v>
      </c>
      <c r="R37" s="315">
        <v>5</v>
      </c>
      <c r="S37" s="315">
        <v>3</v>
      </c>
      <c r="T37" s="315">
        <v>10</v>
      </c>
      <c r="U37" s="315">
        <v>9</v>
      </c>
      <c r="V37" s="312">
        <v>27</v>
      </c>
      <c r="W37" s="317">
        <v>27</v>
      </c>
      <c r="X37" s="311">
        <v>2</v>
      </c>
      <c r="Y37" s="315">
        <v>5</v>
      </c>
      <c r="Z37" s="312">
        <v>7</v>
      </c>
      <c r="AA37" s="314">
        <v>0</v>
      </c>
      <c r="AB37" s="315">
        <v>38</v>
      </c>
      <c r="AC37" s="315">
        <v>35</v>
      </c>
      <c r="AD37" s="315">
        <v>14</v>
      </c>
      <c r="AE37" s="315">
        <v>19</v>
      </c>
      <c r="AF37" s="315">
        <v>7</v>
      </c>
      <c r="AG37" s="312">
        <v>113</v>
      </c>
      <c r="AH37" s="317">
        <v>120</v>
      </c>
      <c r="AI37" s="311">
        <v>1</v>
      </c>
      <c r="AJ37" s="315">
        <v>5</v>
      </c>
      <c r="AK37" s="312">
        <v>6</v>
      </c>
      <c r="AL37" s="314">
        <v>0</v>
      </c>
      <c r="AM37" s="315">
        <v>18</v>
      </c>
      <c r="AN37" s="315">
        <v>13</v>
      </c>
      <c r="AO37" s="315">
        <v>4</v>
      </c>
      <c r="AP37" s="315">
        <v>5</v>
      </c>
      <c r="AQ37" s="315">
        <v>3</v>
      </c>
      <c r="AR37" s="312">
        <v>43</v>
      </c>
      <c r="AS37" s="317">
        <v>49</v>
      </c>
      <c r="AT37" s="311">
        <v>26</v>
      </c>
      <c r="AU37" s="315">
        <v>24</v>
      </c>
      <c r="AV37" s="312">
        <v>50</v>
      </c>
      <c r="AW37" s="314">
        <v>0</v>
      </c>
      <c r="AX37" s="315">
        <v>83</v>
      </c>
      <c r="AY37" s="315">
        <v>83</v>
      </c>
      <c r="AZ37" s="315">
        <v>77</v>
      </c>
      <c r="BA37" s="315">
        <v>76</v>
      </c>
      <c r="BB37" s="315">
        <v>32</v>
      </c>
      <c r="BC37" s="316">
        <v>351</v>
      </c>
      <c r="BD37" s="317">
        <v>401</v>
      </c>
      <c r="BE37" s="311">
        <v>0</v>
      </c>
      <c r="BF37" s="315">
        <v>0</v>
      </c>
      <c r="BG37" s="312">
        <v>0</v>
      </c>
      <c r="BH37" s="314">
        <v>0</v>
      </c>
      <c r="BI37" s="315">
        <v>135</v>
      </c>
      <c r="BJ37" s="315">
        <v>89</v>
      </c>
      <c r="BK37" s="315">
        <v>47</v>
      </c>
      <c r="BL37" s="315">
        <v>25</v>
      </c>
      <c r="BM37" s="315">
        <v>10</v>
      </c>
      <c r="BN37" s="312">
        <v>306</v>
      </c>
      <c r="BO37" s="317">
        <v>306</v>
      </c>
      <c r="BP37" s="311">
        <v>13</v>
      </c>
      <c r="BQ37" s="315">
        <v>32</v>
      </c>
      <c r="BR37" s="312">
        <v>45</v>
      </c>
      <c r="BS37" s="314">
        <v>0</v>
      </c>
      <c r="BT37" s="315">
        <v>65</v>
      </c>
      <c r="BU37" s="315">
        <v>31</v>
      </c>
      <c r="BV37" s="315">
        <v>14</v>
      </c>
      <c r="BW37" s="315">
        <v>11</v>
      </c>
      <c r="BX37" s="315">
        <v>1</v>
      </c>
      <c r="BY37" s="312">
        <v>122</v>
      </c>
      <c r="BZ37" s="317">
        <v>167</v>
      </c>
      <c r="CA37" s="311">
        <v>0</v>
      </c>
      <c r="CB37" s="315">
        <v>0</v>
      </c>
      <c r="CC37" s="312">
        <v>0</v>
      </c>
      <c r="CD37" s="314">
        <v>0</v>
      </c>
      <c r="CE37" s="315">
        <v>3</v>
      </c>
      <c r="CF37" s="315">
        <v>14</v>
      </c>
      <c r="CG37" s="315">
        <v>10</v>
      </c>
      <c r="CH37" s="315">
        <v>7</v>
      </c>
      <c r="CI37" s="315">
        <v>3</v>
      </c>
      <c r="CJ37" s="312">
        <v>37</v>
      </c>
      <c r="CK37" s="317">
        <v>37</v>
      </c>
      <c r="CL37" s="311">
        <v>0</v>
      </c>
      <c r="CM37" s="315">
        <v>0</v>
      </c>
      <c r="CN37" s="312">
        <v>0</v>
      </c>
      <c r="CO37" s="314">
        <v>0</v>
      </c>
      <c r="CP37" s="315">
        <v>4</v>
      </c>
      <c r="CQ37" s="315">
        <v>1</v>
      </c>
      <c r="CR37" s="315">
        <v>0</v>
      </c>
      <c r="CS37" s="315">
        <v>1</v>
      </c>
      <c r="CT37" s="315">
        <v>1</v>
      </c>
      <c r="CU37" s="312">
        <v>7</v>
      </c>
      <c r="CV37" s="317">
        <v>7</v>
      </c>
      <c r="CW37" s="311">
        <v>0</v>
      </c>
      <c r="CX37" s="315">
        <v>0</v>
      </c>
      <c r="CY37" s="312">
        <v>0</v>
      </c>
      <c r="CZ37" s="314">
        <v>0</v>
      </c>
      <c r="DA37" s="315">
        <v>0</v>
      </c>
      <c r="DB37" s="315">
        <v>0</v>
      </c>
      <c r="DC37" s="315">
        <v>0</v>
      </c>
      <c r="DD37" s="315">
        <v>0</v>
      </c>
      <c r="DE37" s="315">
        <v>0</v>
      </c>
      <c r="DF37" s="312">
        <v>0</v>
      </c>
      <c r="DG37" s="317">
        <v>0</v>
      </c>
      <c r="DH37" s="311">
        <v>0</v>
      </c>
      <c r="DI37" s="315">
        <v>0</v>
      </c>
      <c r="DJ37" s="312">
        <v>0</v>
      </c>
      <c r="DK37" s="314">
        <v>0</v>
      </c>
      <c r="DL37" s="315">
        <v>0</v>
      </c>
      <c r="DM37" s="315">
        <v>0</v>
      </c>
      <c r="DN37" s="315">
        <v>0</v>
      </c>
      <c r="DO37" s="315">
        <v>0</v>
      </c>
      <c r="DP37" s="315">
        <v>0</v>
      </c>
      <c r="DQ37" s="312">
        <v>0</v>
      </c>
      <c r="DR37" s="317">
        <v>0</v>
      </c>
      <c r="DS37" s="311">
        <v>30</v>
      </c>
      <c r="DT37" s="315">
        <v>81</v>
      </c>
      <c r="DU37" s="312">
        <v>111</v>
      </c>
      <c r="DV37" s="314">
        <v>0</v>
      </c>
      <c r="DW37" s="315">
        <v>150</v>
      </c>
      <c r="DX37" s="315">
        <v>149</v>
      </c>
      <c r="DY37" s="315">
        <v>75</v>
      </c>
      <c r="DZ37" s="315">
        <v>61</v>
      </c>
      <c r="EA37" s="315">
        <v>26</v>
      </c>
      <c r="EB37" s="312">
        <v>461</v>
      </c>
      <c r="EC37" s="317">
        <v>572</v>
      </c>
      <c r="ED37" s="311">
        <v>21</v>
      </c>
      <c r="EE37" s="315">
        <v>17</v>
      </c>
      <c r="EF37" s="312">
        <v>38</v>
      </c>
      <c r="EG37" s="314">
        <v>0</v>
      </c>
      <c r="EH37" s="315">
        <v>39</v>
      </c>
      <c r="EI37" s="315">
        <v>25</v>
      </c>
      <c r="EJ37" s="315">
        <v>24</v>
      </c>
      <c r="EK37" s="315">
        <v>25</v>
      </c>
      <c r="EL37" s="315">
        <v>10</v>
      </c>
      <c r="EM37" s="312">
        <v>123</v>
      </c>
      <c r="EN37" s="317">
        <v>161</v>
      </c>
      <c r="EO37" s="311">
        <v>41</v>
      </c>
      <c r="EP37" s="315">
        <v>101</v>
      </c>
      <c r="EQ37" s="312">
        <v>142</v>
      </c>
      <c r="ER37" s="314">
        <v>0</v>
      </c>
      <c r="ES37" s="315">
        <v>292</v>
      </c>
      <c r="ET37" s="315">
        <v>195</v>
      </c>
      <c r="EU37" s="315">
        <v>93</v>
      </c>
      <c r="EV37" s="315">
        <v>72</v>
      </c>
      <c r="EW37" s="315">
        <v>29</v>
      </c>
      <c r="EX37" s="312">
        <v>681</v>
      </c>
      <c r="EY37" s="317">
        <v>823</v>
      </c>
    </row>
    <row r="38" spans="1:155" ht="19.5" customHeight="1" x14ac:dyDescent="0.2">
      <c r="A38" s="296" t="s">
        <v>36</v>
      </c>
      <c r="B38" s="311">
        <v>0</v>
      </c>
      <c r="C38" s="315">
        <v>0</v>
      </c>
      <c r="D38" s="437">
        <v>0</v>
      </c>
      <c r="E38" s="314">
        <v>0</v>
      </c>
      <c r="F38" s="315">
        <v>63</v>
      </c>
      <c r="G38" s="315">
        <v>63</v>
      </c>
      <c r="H38" s="315">
        <v>39</v>
      </c>
      <c r="I38" s="315">
        <v>35</v>
      </c>
      <c r="J38" s="315">
        <v>26</v>
      </c>
      <c r="K38" s="316">
        <v>226</v>
      </c>
      <c r="L38" s="317">
        <v>226</v>
      </c>
      <c r="M38" s="311">
        <v>0</v>
      </c>
      <c r="N38" s="315">
        <v>0</v>
      </c>
      <c r="O38" s="312">
        <v>0</v>
      </c>
      <c r="P38" s="314">
        <v>0</v>
      </c>
      <c r="Q38" s="315">
        <v>6</v>
      </c>
      <c r="R38" s="315">
        <v>6</v>
      </c>
      <c r="S38" s="315">
        <v>2</v>
      </c>
      <c r="T38" s="315">
        <v>9</v>
      </c>
      <c r="U38" s="315">
        <v>15</v>
      </c>
      <c r="V38" s="312">
        <v>38</v>
      </c>
      <c r="W38" s="317">
        <v>38</v>
      </c>
      <c r="X38" s="311">
        <v>13</v>
      </c>
      <c r="Y38" s="315">
        <v>19</v>
      </c>
      <c r="Z38" s="312">
        <v>32</v>
      </c>
      <c r="AA38" s="314">
        <v>0</v>
      </c>
      <c r="AB38" s="315">
        <v>50</v>
      </c>
      <c r="AC38" s="315">
        <v>54</v>
      </c>
      <c r="AD38" s="315">
        <v>34</v>
      </c>
      <c r="AE38" s="315">
        <v>28</v>
      </c>
      <c r="AF38" s="315">
        <v>31</v>
      </c>
      <c r="AG38" s="312">
        <v>197</v>
      </c>
      <c r="AH38" s="317">
        <v>229</v>
      </c>
      <c r="AI38" s="311">
        <v>2</v>
      </c>
      <c r="AJ38" s="315">
        <v>0</v>
      </c>
      <c r="AK38" s="312">
        <v>2</v>
      </c>
      <c r="AL38" s="314">
        <v>0</v>
      </c>
      <c r="AM38" s="315">
        <v>0</v>
      </c>
      <c r="AN38" s="315">
        <v>1</v>
      </c>
      <c r="AO38" s="315">
        <v>1</v>
      </c>
      <c r="AP38" s="315">
        <v>2</v>
      </c>
      <c r="AQ38" s="315">
        <v>1</v>
      </c>
      <c r="AR38" s="312">
        <v>5</v>
      </c>
      <c r="AS38" s="317">
        <v>7</v>
      </c>
      <c r="AT38" s="311">
        <v>3</v>
      </c>
      <c r="AU38" s="315">
        <v>6</v>
      </c>
      <c r="AV38" s="312">
        <v>9</v>
      </c>
      <c r="AW38" s="314">
        <v>0</v>
      </c>
      <c r="AX38" s="315">
        <v>36</v>
      </c>
      <c r="AY38" s="315">
        <v>58</v>
      </c>
      <c r="AZ38" s="315">
        <v>78</v>
      </c>
      <c r="BA38" s="315">
        <v>48</v>
      </c>
      <c r="BB38" s="315">
        <v>44</v>
      </c>
      <c r="BC38" s="316">
        <v>264</v>
      </c>
      <c r="BD38" s="317">
        <v>273</v>
      </c>
      <c r="BE38" s="311">
        <v>0</v>
      </c>
      <c r="BF38" s="315">
        <v>0</v>
      </c>
      <c r="BG38" s="312">
        <v>0</v>
      </c>
      <c r="BH38" s="314">
        <v>0</v>
      </c>
      <c r="BI38" s="315">
        <v>93</v>
      </c>
      <c r="BJ38" s="315">
        <v>88</v>
      </c>
      <c r="BK38" s="315">
        <v>47</v>
      </c>
      <c r="BL38" s="315">
        <v>25</v>
      </c>
      <c r="BM38" s="315">
        <v>13</v>
      </c>
      <c r="BN38" s="312">
        <v>266</v>
      </c>
      <c r="BO38" s="317">
        <v>266</v>
      </c>
      <c r="BP38" s="311">
        <v>5</v>
      </c>
      <c r="BQ38" s="315">
        <v>13</v>
      </c>
      <c r="BR38" s="312">
        <v>18</v>
      </c>
      <c r="BS38" s="314">
        <v>0</v>
      </c>
      <c r="BT38" s="315">
        <v>22</v>
      </c>
      <c r="BU38" s="315">
        <v>24</v>
      </c>
      <c r="BV38" s="315">
        <v>16</v>
      </c>
      <c r="BW38" s="315">
        <v>5</v>
      </c>
      <c r="BX38" s="315">
        <v>1</v>
      </c>
      <c r="BY38" s="312">
        <v>68</v>
      </c>
      <c r="BZ38" s="317">
        <v>86</v>
      </c>
      <c r="CA38" s="311">
        <v>0</v>
      </c>
      <c r="CB38" s="315">
        <v>3</v>
      </c>
      <c r="CC38" s="312">
        <v>3</v>
      </c>
      <c r="CD38" s="314">
        <v>0</v>
      </c>
      <c r="CE38" s="315">
        <v>12</v>
      </c>
      <c r="CF38" s="315">
        <v>22</v>
      </c>
      <c r="CG38" s="315">
        <v>23</v>
      </c>
      <c r="CH38" s="315">
        <v>13</v>
      </c>
      <c r="CI38" s="315">
        <v>11</v>
      </c>
      <c r="CJ38" s="312">
        <v>81</v>
      </c>
      <c r="CK38" s="317">
        <v>84</v>
      </c>
      <c r="CL38" s="311">
        <v>0</v>
      </c>
      <c r="CM38" s="315">
        <v>0</v>
      </c>
      <c r="CN38" s="312">
        <v>0</v>
      </c>
      <c r="CO38" s="314">
        <v>0</v>
      </c>
      <c r="CP38" s="315">
        <v>0</v>
      </c>
      <c r="CQ38" s="315">
        <v>1</v>
      </c>
      <c r="CR38" s="315">
        <v>1</v>
      </c>
      <c r="CS38" s="315">
        <v>0</v>
      </c>
      <c r="CT38" s="315">
        <v>0</v>
      </c>
      <c r="CU38" s="312">
        <v>2</v>
      </c>
      <c r="CV38" s="317">
        <v>2</v>
      </c>
      <c r="CW38" s="311">
        <v>0</v>
      </c>
      <c r="CX38" s="315">
        <v>0</v>
      </c>
      <c r="CY38" s="312">
        <v>0</v>
      </c>
      <c r="CZ38" s="314">
        <v>0</v>
      </c>
      <c r="DA38" s="315">
        <v>0</v>
      </c>
      <c r="DB38" s="315">
        <v>0</v>
      </c>
      <c r="DC38" s="315">
        <v>0</v>
      </c>
      <c r="DD38" s="315">
        <v>0</v>
      </c>
      <c r="DE38" s="315">
        <v>0</v>
      </c>
      <c r="DF38" s="312">
        <v>0</v>
      </c>
      <c r="DG38" s="317">
        <v>0</v>
      </c>
      <c r="DH38" s="311">
        <v>0</v>
      </c>
      <c r="DI38" s="315">
        <v>0</v>
      </c>
      <c r="DJ38" s="312">
        <v>0</v>
      </c>
      <c r="DK38" s="314">
        <v>0</v>
      </c>
      <c r="DL38" s="315">
        <v>0</v>
      </c>
      <c r="DM38" s="315">
        <v>0</v>
      </c>
      <c r="DN38" s="315">
        <v>0</v>
      </c>
      <c r="DO38" s="315">
        <v>0</v>
      </c>
      <c r="DP38" s="315">
        <v>0</v>
      </c>
      <c r="DQ38" s="312">
        <v>0</v>
      </c>
      <c r="DR38" s="317">
        <v>0</v>
      </c>
      <c r="DS38" s="311">
        <v>35</v>
      </c>
      <c r="DT38" s="315">
        <v>92</v>
      </c>
      <c r="DU38" s="312">
        <v>127</v>
      </c>
      <c r="DV38" s="314">
        <v>0</v>
      </c>
      <c r="DW38" s="315">
        <v>151</v>
      </c>
      <c r="DX38" s="315">
        <v>165</v>
      </c>
      <c r="DY38" s="315">
        <v>100</v>
      </c>
      <c r="DZ38" s="315">
        <v>70</v>
      </c>
      <c r="EA38" s="315">
        <v>43</v>
      </c>
      <c r="EB38" s="312">
        <v>529</v>
      </c>
      <c r="EC38" s="317">
        <v>656</v>
      </c>
      <c r="ED38" s="311">
        <v>1</v>
      </c>
      <c r="EE38" s="315">
        <v>1</v>
      </c>
      <c r="EF38" s="312">
        <v>2</v>
      </c>
      <c r="EG38" s="314">
        <v>0</v>
      </c>
      <c r="EH38" s="315">
        <v>8</v>
      </c>
      <c r="EI38" s="315">
        <v>15</v>
      </c>
      <c r="EJ38" s="315">
        <v>18</v>
      </c>
      <c r="EK38" s="315">
        <v>6</v>
      </c>
      <c r="EL38" s="315">
        <v>6</v>
      </c>
      <c r="EM38" s="312">
        <v>53</v>
      </c>
      <c r="EN38" s="317">
        <v>55</v>
      </c>
      <c r="EO38" s="311">
        <v>51</v>
      </c>
      <c r="EP38" s="315">
        <v>113</v>
      </c>
      <c r="EQ38" s="312">
        <v>164</v>
      </c>
      <c r="ER38" s="314">
        <v>0</v>
      </c>
      <c r="ES38" s="315">
        <v>257</v>
      </c>
      <c r="ET38" s="315">
        <v>239</v>
      </c>
      <c r="EU38" s="315">
        <v>135</v>
      </c>
      <c r="EV38" s="315">
        <v>83</v>
      </c>
      <c r="EW38" s="315">
        <v>55</v>
      </c>
      <c r="EX38" s="312">
        <v>769</v>
      </c>
      <c r="EY38" s="317">
        <v>933</v>
      </c>
    </row>
    <row r="39" spans="1:155" ht="19.5" customHeight="1" thickBot="1" x14ac:dyDescent="0.25">
      <c r="A39" s="297" t="s">
        <v>37</v>
      </c>
      <c r="B39" s="318">
        <v>0</v>
      </c>
      <c r="C39" s="322">
        <v>0</v>
      </c>
      <c r="D39" s="438">
        <v>0</v>
      </c>
      <c r="E39" s="321">
        <v>0</v>
      </c>
      <c r="F39" s="322">
        <v>3</v>
      </c>
      <c r="G39" s="322">
        <v>7</v>
      </c>
      <c r="H39" s="322">
        <v>6</v>
      </c>
      <c r="I39" s="322">
        <v>1</v>
      </c>
      <c r="J39" s="322">
        <v>3</v>
      </c>
      <c r="K39" s="323">
        <v>20</v>
      </c>
      <c r="L39" s="324">
        <v>20</v>
      </c>
      <c r="M39" s="318">
        <v>0</v>
      </c>
      <c r="N39" s="322">
        <v>0</v>
      </c>
      <c r="O39" s="319">
        <v>0</v>
      </c>
      <c r="P39" s="321">
        <v>0</v>
      </c>
      <c r="Q39" s="322">
        <v>1</v>
      </c>
      <c r="R39" s="322">
        <v>0</v>
      </c>
      <c r="S39" s="322">
        <v>0</v>
      </c>
      <c r="T39" s="322">
        <v>1</v>
      </c>
      <c r="U39" s="322">
        <v>0</v>
      </c>
      <c r="V39" s="319">
        <v>2</v>
      </c>
      <c r="W39" s="324">
        <v>2</v>
      </c>
      <c r="X39" s="318">
        <v>0</v>
      </c>
      <c r="Y39" s="322">
        <v>2</v>
      </c>
      <c r="Z39" s="319">
        <v>2</v>
      </c>
      <c r="AA39" s="321">
        <v>0</v>
      </c>
      <c r="AB39" s="322">
        <v>4</v>
      </c>
      <c r="AC39" s="322">
        <v>7</v>
      </c>
      <c r="AD39" s="322">
        <v>2</v>
      </c>
      <c r="AE39" s="322">
        <v>3</v>
      </c>
      <c r="AF39" s="322">
        <v>2</v>
      </c>
      <c r="AG39" s="319">
        <v>18</v>
      </c>
      <c r="AH39" s="324">
        <v>20</v>
      </c>
      <c r="AI39" s="318">
        <v>0</v>
      </c>
      <c r="AJ39" s="322">
        <v>0</v>
      </c>
      <c r="AK39" s="319">
        <v>0</v>
      </c>
      <c r="AL39" s="321">
        <v>0</v>
      </c>
      <c r="AM39" s="322">
        <v>2</v>
      </c>
      <c r="AN39" s="322">
        <v>1</v>
      </c>
      <c r="AO39" s="322">
        <v>2</v>
      </c>
      <c r="AP39" s="322">
        <v>1</v>
      </c>
      <c r="AQ39" s="322">
        <v>0</v>
      </c>
      <c r="AR39" s="319">
        <v>6</v>
      </c>
      <c r="AS39" s="324">
        <v>6</v>
      </c>
      <c r="AT39" s="318">
        <v>0</v>
      </c>
      <c r="AU39" s="322">
        <v>0</v>
      </c>
      <c r="AV39" s="319">
        <v>0</v>
      </c>
      <c r="AW39" s="321">
        <v>0</v>
      </c>
      <c r="AX39" s="322">
        <v>3</v>
      </c>
      <c r="AY39" s="322">
        <v>3</v>
      </c>
      <c r="AZ39" s="322">
        <v>5</v>
      </c>
      <c r="BA39" s="322">
        <v>3</v>
      </c>
      <c r="BB39" s="322">
        <v>4</v>
      </c>
      <c r="BC39" s="323">
        <v>18</v>
      </c>
      <c r="BD39" s="324">
        <v>18</v>
      </c>
      <c r="BE39" s="318">
        <v>0</v>
      </c>
      <c r="BF39" s="322">
        <v>0</v>
      </c>
      <c r="BG39" s="319">
        <v>0</v>
      </c>
      <c r="BH39" s="321">
        <v>0</v>
      </c>
      <c r="BI39" s="322">
        <v>7</v>
      </c>
      <c r="BJ39" s="322">
        <v>3</v>
      </c>
      <c r="BK39" s="322">
        <v>4</v>
      </c>
      <c r="BL39" s="322">
        <v>3</v>
      </c>
      <c r="BM39" s="322">
        <v>2</v>
      </c>
      <c r="BN39" s="319">
        <v>19</v>
      </c>
      <c r="BO39" s="324">
        <v>19</v>
      </c>
      <c r="BP39" s="318">
        <v>2</v>
      </c>
      <c r="BQ39" s="322">
        <v>0</v>
      </c>
      <c r="BR39" s="319">
        <v>2</v>
      </c>
      <c r="BS39" s="321">
        <v>0</v>
      </c>
      <c r="BT39" s="322">
        <v>8</v>
      </c>
      <c r="BU39" s="322">
        <v>3</v>
      </c>
      <c r="BV39" s="322">
        <v>3</v>
      </c>
      <c r="BW39" s="322">
        <v>3</v>
      </c>
      <c r="BX39" s="322">
        <v>0</v>
      </c>
      <c r="BY39" s="319">
        <v>17</v>
      </c>
      <c r="BZ39" s="324">
        <v>19</v>
      </c>
      <c r="CA39" s="318">
        <v>0</v>
      </c>
      <c r="CB39" s="322">
        <v>0</v>
      </c>
      <c r="CC39" s="319">
        <v>0</v>
      </c>
      <c r="CD39" s="321">
        <v>0</v>
      </c>
      <c r="CE39" s="322">
        <v>1</v>
      </c>
      <c r="CF39" s="322">
        <v>2</v>
      </c>
      <c r="CG39" s="322">
        <v>3</v>
      </c>
      <c r="CH39" s="322">
        <v>0</v>
      </c>
      <c r="CI39" s="322">
        <v>1</v>
      </c>
      <c r="CJ39" s="319">
        <v>7</v>
      </c>
      <c r="CK39" s="324">
        <v>7</v>
      </c>
      <c r="CL39" s="318">
        <v>0</v>
      </c>
      <c r="CM39" s="322">
        <v>0</v>
      </c>
      <c r="CN39" s="319">
        <v>0</v>
      </c>
      <c r="CO39" s="321">
        <v>0</v>
      </c>
      <c r="CP39" s="322">
        <v>1</v>
      </c>
      <c r="CQ39" s="322">
        <v>0</v>
      </c>
      <c r="CR39" s="322">
        <v>1</v>
      </c>
      <c r="CS39" s="322">
        <v>2</v>
      </c>
      <c r="CT39" s="322">
        <v>0</v>
      </c>
      <c r="CU39" s="319">
        <v>4</v>
      </c>
      <c r="CV39" s="324">
        <v>4</v>
      </c>
      <c r="CW39" s="318">
        <v>0</v>
      </c>
      <c r="CX39" s="322">
        <v>0</v>
      </c>
      <c r="CY39" s="319">
        <v>0</v>
      </c>
      <c r="CZ39" s="321">
        <v>0</v>
      </c>
      <c r="DA39" s="322">
        <v>0</v>
      </c>
      <c r="DB39" s="322">
        <v>0</v>
      </c>
      <c r="DC39" s="322">
        <v>0</v>
      </c>
      <c r="DD39" s="322">
        <v>0</v>
      </c>
      <c r="DE39" s="322">
        <v>0</v>
      </c>
      <c r="DF39" s="319">
        <v>0</v>
      </c>
      <c r="DG39" s="324">
        <v>0</v>
      </c>
      <c r="DH39" s="318">
        <v>0</v>
      </c>
      <c r="DI39" s="322">
        <v>0</v>
      </c>
      <c r="DJ39" s="319">
        <v>0</v>
      </c>
      <c r="DK39" s="321">
        <v>0</v>
      </c>
      <c r="DL39" s="322">
        <v>0</v>
      </c>
      <c r="DM39" s="322">
        <v>0</v>
      </c>
      <c r="DN39" s="322">
        <v>0</v>
      </c>
      <c r="DO39" s="322">
        <v>0</v>
      </c>
      <c r="DP39" s="322">
        <v>0</v>
      </c>
      <c r="DQ39" s="319">
        <v>0</v>
      </c>
      <c r="DR39" s="324">
        <v>0</v>
      </c>
      <c r="DS39" s="318">
        <v>7</v>
      </c>
      <c r="DT39" s="322">
        <v>5</v>
      </c>
      <c r="DU39" s="319">
        <v>12</v>
      </c>
      <c r="DV39" s="321">
        <v>0</v>
      </c>
      <c r="DW39" s="322">
        <v>25</v>
      </c>
      <c r="DX39" s="322">
        <v>20</v>
      </c>
      <c r="DY39" s="322">
        <v>13</v>
      </c>
      <c r="DZ39" s="322">
        <v>7</v>
      </c>
      <c r="EA39" s="322">
        <v>5</v>
      </c>
      <c r="EB39" s="319">
        <v>70</v>
      </c>
      <c r="EC39" s="324">
        <v>82</v>
      </c>
      <c r="ED39" s="318">
        <v>0</v>
      </c>
      <c r="EE39" s="322">
        <v>0</v>
      </c>
      <c r="EF39" s="319">
        <v>0</v>
      </c>
      <c r="EG39" s="321">
        <v>0</v>
      </c>
      <c r="EH39" s="322">
        <v>0</v>
      </c>
      <c r="EI39" s="322">
        <v>0</v>
      </c>
      <c r="EJ39" s="322">
        <v>0</v>
      </c>
      <c r="EK39" s="322">
        <v>1</v>
      </c>
      <c r="EL39" s="322">
        <v>1</v>
      </c>
      <c r="EM39" s="319">
        <v>2</v>
      </c>
      <c r="EN39" s="324">
        <v>2</v>
      </c>
      <c r="EO39" s="318">
        <v>8</v>
      </c>
      <c r="EP39" s="322">
        <v>6</v>
      </c>
      <c r="EQ39" s="319">
        <v>14</v>
      </c>
      <c r="ER39" s="321">
        <v>0</v>
      </c>
      <c r="ES39" s="322">
        <v>34</v>
      </c>
      <c r="ET39" s="322">
        <v>24</v>
      </c>
      <c r="EU39" s="322">
        <v>15</v>
      </c>
      <c r="EV39" s="322">
        <v>7</v>
      </c>
      <c r="EW39" s="322">
        <v>5</v>
      </c>
      <c r="EX39" s="319">
        <v>85</v>
      </c>
      <c r="EY39" s="324">
        <v>99</v>
      </c>
    </row>
  </sheetData>
  <mergeCells count="59">
    <mergeCell ref="EO3:EY3"/>
    <mergeCell ref="ED3:EN3"/>
    <mergeCell ref="ER4:EX4"/>
    <mergeCell ref="EY4:EY5"/>
    <mergeCell ref="EC4:EC5"/>
    <mergeCell ref="ED4:EF4"/>
    <mergeCell ref="EG4:EM4"/>
    <mergeCell ref="EN4:EN5"/>
    <mergeCell ref="EO4:EQ4"/>
    <mergeCell ref="DS3:EC3"/>
    <mergeCell ref="DS4:DU4"/>
    <mergeCell ref="DV4:EB4"/>
    <mergeCell ref="DH3:DR3"/>
    <mergeCell ref="DH4:DJ4"/>
    <mergeCell ref="DK4:DQ4"/>
    <mergeCell ref="DR4:DR5"/>
    <mergeCell ref="BH4:BN4"/>
    <mergeCell ref="CW3:DG3"/>
    <mergeCell ref="CL3:CV3"/>
    <mergeCell ref="CW4:CY4"/>
    <mergeCell ref="CZ4:DF4"/>
    <mergeCell ref="DG4:DG5"/>
    <mergeCell ref="H1:I1"/>
    <mergeCell ref="K1:L1"/>
    <mergeCell ref="BE3:BO3"/>
    <mergeCell ref="BP3:BZ3"/>
    <mergeCell ref="CA3:CK3"/>
    <mergeCell ref="A3:A5"/>
    <mergeCell ref="M3:W3"/>
    <mergeCell ref="X3:AH3"/>
    <mergeCell ref="AI3:AS3"/>
    <mergeCell ref="AT3:BD3"/>
    <mergeCell ref="B3:L3"/>
    <mergeCell ref="B4:D4"/>
    <mergeCell ref="E4:K4"/>
    <mergeCell ref="L4:L5"/>
    <mergeCell ref="BD4:BD5"/>
    <mergeCell ref="M4:O4"/>
    <mergeCell ref="P4:V4"/>
    <mergeCell ref="AI4:AK4"/>
    <mergeCell ref="AL4:AR4"/>
    <mergeCell ref="AS4:AS5"/>
    <mergeCell ref="AT4:AV4"/>
    <mergeCell ref="W4:W5"/>
    <mergeCell ref="X4:Z4"/>
    <mergeCell ref="AA4:AG4"/>
    <mergeCell ref="AH4:AH5"/>
    <mergeCell ref="CV4:CV5"/>
    <mergeCell ref="BP4:BR4"/>
    <mergeCell ref="BS4:BY4"/>
    <mergeCell ref="BO4:BO5"/>
    <mergeCell ref="CA4:CC4"/>
    <mergeCell ref="CD4:CJ4"/>
    <mergeCell ref="CK4:CK5"/>
    <mergeCell ref="CL4:CN4"/>
    <mergeCell ref="CO4:CU4"/>
    <mergeCell ref="BZ4:BZ5"/>
    <mergeCell ref="AW4:BC4"/>
    <mergeCell ref="BE4:BG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33203125" style="290" customWidth="1"/>
    <col min="5" max="5" width="7.6640625" style="290" customWidth="1"/>
    <col min="6" max="6" width="10.21875" style="290" customWidth="1"/>
    <col min="7" max="7" width="10.44140625" style="290" customWidth="1"/>
    <col min="8" max="15" width="9" style="290"/>
    <col min="16" max="16" width="7.21875" style="290" customWidth="1"/>
    <col min="17" max="26" width="9" style="290"/>
    <col min="27" max="27" width="7.6640625" style="290" customWidth="1"/>
    <col min="28" max="37" width="9" style="290"/>
    <col min="38" max="38" width="7.6640625" style="290" customWidth="1"/>
    <col min="39" max="48" width="9" style="290"/>
    <col min="49" max="49" width="7.21875" style="290" customWidth="1"/>
    <col min="50" max="59" width="9" style="290"/>
    <col min="60" max="60" width="7.21875" style="290" customWidth="1"/>
    <col min="61" max="70" width="9" style="290"/>
    <col min="71" max="71" width="7.33203125" style="290" customWidth="1"/>
    <col min="72" max="81" width="9" style="290"/>
    <col min="82" max="82" width="7.44140625" style="290" customWidth="1"/>
    <col min="83" max="92" width="9" style="290"/>
    <col min="93" max="93" width="7.6640625" style="290" customWidth="1"/>
    <col min="94" max="103" width="9" style="290"/>
    <col min="104" max="104" width="7.44140625" style="290" customWidth="1"/>
    <col min="105" max="114" width="9" style="290"/>
    <col min="115" max="115" width="7.44140625" style="290" customWidth="1"/>
    <col min="116" max="125" width="9" style="290"/>
    <col min="126" max="126" width="7.44140625" style="290" customWidth="1"/>
    <col min="127" max="136" width="9" style="290"/>
    <col min="137" max="137" width="7.33203125" style="290" customWidth="1"/>
    <col min="138" max="147" width="9" style="290"/>
    <col min="148" max="148" width="7.77734375" style="290" customWidth="1"/>
    <col min="149" max="16384" width="9" style="290"/>
  </cols>
  <sheetData>
    <row r="1" spans="1:155" ht="24" customHeight="1" x14ac:dyDescent="0.2">
      <c r="A1" s="325" t="s">
        <v>122</v>
      </c>
      <c r="H1" s="522">
        <f>第１表!F2</f>
        <v>4</v>
      </c>
      <c r="I1" s="522"/>
      <c r="J1" s="282">
        <f>第１表!G2</f>
        <v>3</v>
      </c>
      <c r="K1" s="523">
        <f>IF(J1&lt;3,J1+12-2,J1-2)</f>
        <v>1</v>
      </c>
      <c r="L1" s="523"/>
    </row>
    <row r="2" spans="1:155" ht="21" customHeight="1" thickBot="1" x14ac:dyDescent="0.25">
      <c r="A2" s="325" t="s">
        <v>131</v>
      </c>
      <c r="F2" s="281"/>
      <c r="G2" s="282"/>
      <c r="I2" s="359"/>
      <c r="J2" s="359"/>
    </row>
    <row r="3" spans="1:155" ht="23.25" customHeight="1" thickBot="1" x14ac:dyDescent="0.25">
      <c r="A3" s="531"/>
      <c r="B3" s="534" t="s">
        <v>70</v>
      </c>
      <c r="C3" s="535"/>
      <c r="D3" s="535"/>
      <c r="E3" s="535"/>
      <c r="F3" s="535"/>
      <c r="G3" s="535"/>
      <c r="H3" s="535"/>
      <c r="I3" s="535"/>
      <c r="J3" s="535"/>
      <c r="K3" s="535"/>
      <c r="L3" s="536"/>
      <c r="M3" s="534" t="s">
        <v>71</v>
      </c>
      <c r="N3" s="535"/>
      <c r="O3" s="535"/>
      <c r="P3" s="535"/>
      <c r="Q3" s="535"/>
      <c r="R3" s="535"/>
      <c r="S3" s="535"/>
      <c r="T3" s="535"/>
      <c r="U3" s="535"/>
      <c r="V3" s="535"/>
      <c r="W3" s="536"/>
      <c r="X3" s="534" t="s">
        <v>72</v>
      </c>
      <c r="Y3" s="535"/>
      <c r="Z3" s="535"/>
      <c r="AA3" s="535"/>
      <c r="AB3" s="535"/>
      <c r="AC3" s="535"/>
      <c r="AD3" s="535"/>
      <c r="AE3" s="535"/>
      <c r="AF3" s="535"/>
      <c r="AG3" s="535"/>
      <c r="AH3" s="536"/>
      <c r="AI3" s="534" t="s">
        <v>73</v>
      </c>
      <c r="AJ3" s="535"/>
      <c r="AK3" s="535"/>
      <c r="AL3" s="535"/>
      <c r="AM3" s="535"/>
      <c r="AN3" s="535"/>
      <c r="AO3" s="535"/>
      <c r="AP3" s="535"/>
      <c r="AQ3" s="535"/>
      <c r="AR3" s="535"/>
      <c r="AS3" s="536"/>
      <c r="AT3" s="534" t="s">
        <v>74</v>
      </c>
      <c r="AU3" s="535"/>
      <c r="AV3" s="535"/>
      <c r="AW3" s="535"/>
      <c r="AX3" s="535"/>
      <c r="AY3" s="535"/>
      <c r="AZ3" s="535"/>
      <c r="BA3" s="535"/>
      <c r="BB3" s="535"/>
      <c r="BC3" s="535"/>
      <c r="BD3" s="536"/>
      <c r="BE3" s="534" t="s">
        <v>75</v>
      </c>
      <c r="BF3" s="535"/>
      <c r="BG3" s="535"/>
      <c r="BH3" s="535"/>
      <c r="BI3" s="535"/>
      <c r="BJ3" s="535"/>
      <c r="BK3" s="535"/>
      <c r="BL3" s="535"/>
      <c r="BM3" s="535"/>
      <c r="BN3" s="535"/>
      <c r="BO3" s="536"/>
      <c r="BP3" s="534" t="s">
        <v>76</v>
      </c>
      <c r="BQ3" s="535"/>
      <c r="BR3" s="535"/>
      <c r="BS3" s="535"/>
      <c r="BT3" s="535"/>
      <c r="BU3" s="535"/>
      <c r="BV3" s="535"/>
      <c r="BW3" s="535"/>
      <c r="BX3" s="535"/>
      <c r="BY3" s="535"/>
      <c r="BZ3" s="536"/>
      <c r="CA3" s="534" t="s">
        <v>77</v>
      </c>
      <c r="CB3" s="535"/>
      <c r="CC3" s="535"/>
      <c r="CD3" s="535"/>
      <c r="CE3" s="535"/>
      <c r="CF3" s="535"/>
      <c r="CG3" s="535"/>
      <c r="CH3" s="535"/>
      <c r="CI3" s="535"/>
      <c r="CJ3" s="535"/>
      <c r="CK3" s="536"/>
      <c r="CL3" s="534" t="s">
        <v>78</v>
      </c>
      <c r="CM3" s="535"/>
      <c r="CN3" s="535"/>
      <c r="CO3" s="535"/>
      <c r="CP3" s="535"/>
      <c r="CQ3" s="535"/>
      <c r="CR3" s="535"/>
      <c r="CS3" s="535"/>
      <c r="CT3" s="535"/>
      <c r="CU3" s="535"/>
      <c r="CV3" s="536"/>
      <c r="CW3" s="534" t="s">
        <v>79</v>
      </c>
      <c r="CX3" s="535"/>
      <c r="CY3" s="535"/>
      <c r="CZ3" s="535"/>
      <c r="DA3" s="535"/>
      <c r="DB3" s="535"/>
      <c r="DC3" s="535"/>
      <c r="DD3" s="535"/>
      <c r="DE3" s="535"/>
      <c r="DF3" s="535"/>
      <c r="DG3" s="536"/>
      <c r="DH3" s="534" t="s">
        <v>152</v>
      </c>
      <c r="DI3" s="535"/>
      <c r="DJ3" s="535"/>
      <c r="DK3" s="535"/>
      <c r="DL3" s="535"/>
      <c r="DM3" s="535"/>
      <c r="DN3" s="535"/>
      <c r="DO3" s="535"/>
      <c r="DP3" s="535"/>
      <c r="DQ3" s="535"/>
      <c r="DR3" s="536"/>
      <c r="DS3" s="534" t="s">
        <v>80</v>
      </c>
      <c r="DT3" s="535"/>
      <c r="DU3" s="535"/>
      <c r="DV3" s="535"/>
      <c r="DW3" s="535"/>
      <c r="DX3" s="535"/>
      <c r="DY3" s="535"/>
      <c r="DZ3" s="535"/>
      <c r="EA3" s="535"/>
      <c r="EB3" s="535"/>
      <c r="EC3" s="536"/>
      <c r="ED3" s="534" t="s">
        <v>68</v>
      </c>
      <c r="EE3" s="535"/>
      <c r="EF3" s="535"/>
      <c r="EG3" s="535"/>
      <c r="EH3" s="535"/>
      <c r="EI3" s="535"/>
      <c r="EJ3" s="535"/>
      <c r="EK3" s="535"/>
      <c r="EL3" s="535"/>
      <c r="EM3" s="535"/>
      <c r="EN3" s="536"/>
      <c r="EO3" s="537" t="s">
        <v>69</v>
      </c>
      <c r="EP3" s="538"/>
      <c r="EQ3" s="538"/>
      <c r="ER3" s="538"/>
      <c r="ES3" s="538"/>
      <c r="ET3" s="538"/>
      <c r="EU3" s="538"/>
      <c r="EV3" s="538"/>
      <c r="EW3" s="538"/>
      <c r="EX3" s="538"/>
      <c r="EY3" s="539"/>
    </row>
    <row r="4" spans="1:155" ht="22.5" customHeight="1" x14ac:dyDescent="0.2">
      <c r="A4" s="532"/>
      <c r="B4" s="526" t="s">
        <v>61</v>
      </c>
      <c r="C4" s="527"/>
      <c r="D4" s="528"/>
      <c r="E4" s="529" t="s">
        <v>62</v>
      </c>
      <c r="F4" s="527"/>
      <c r="G4" s="527"/>
      <c r="H4" s="527"/>
      <c r="I4" s="527"/>
      <c r="J4" s="527"/>
      <c r="K4" s="530"/>
      <c r="L4" s="524" t="s">
        <v>52</v>
      </c>
      <c r="M4" s="526" t="s">
        <v>61</v>
      </c>
      <c r="N4" s="527"/>
      <c r="O4" s="528"/>
      <c r="P4" s="529" t="s">
        <v>62</v>
      </c>
      <c r="Q4" s="527"/>
      <c r="R4" s="527"/>
      <c r="S4" s="527"/>
      <c r="T4" s="527"/>
      <c r="U4" s="527"/>
      <c r="V4" s="528"/>
      <c r="W4" s="524" t="s">
        <v>52</v>
      </c>
      <c r="X4" s="526" t="s">
        <v>61</v>
      </c>
      <c r="Y4" s="527"/>
      <c r="Z4" s="528"/>
      <c r="AA4" s="529" t="s">
        <v>62</v>
      </c>
      <c r="AB4" s="527"/>
      <c r="AC4" s="527"/>
      <c r="AD4" s="527"/>
      <c r="AE4" s="527"/>
      <c r="AF4" s="527"/>
      <c r="AG4" s="528"/>
      <c r="AH4" s="524" t="s">
        <v>52</v>
      </c>
      <c r="AI4" s="526" t="s">
        <v>61</v>
      </c>
      <c r="AJ4" s="527"/>
      <c r="AK4" s="528"/>
      <c r="AL4" s="529" t="s">
        <v>62</v>
      </c>
      <c r="AM4" s="527"/>
      <c r="AN4" s="527"/>
      <c r="AO4" s="527"/>
      <c r="AP4" s="527"/>
      <c r="AQ4" s="527"/>
      <c r="AR4" s="528"/>
      <c r="AS4" s="524" t="s">
        <v>52</v>
      </c>
      <c r="AT4" s="526" t="s">
        <v>61</v>
      </c>
      <c r="AU4" s="527"/>
      <c r="AV4" s="528"/>
      <c r="AW4" s="529" t="s">
        <v>62</v>
      </c>
      <c r="AX4" s="527"/>
      <c r="AY4" s="527"/>
      <c r="AZ4" s="527"/>
      <c r="BA4" s="527"/>
      <c r="BB4" s="527"/>
      <c r="BC4" s="530"/>
      <c r="BD4" s="524" t="s">
        <v>52</v>
      </c>
      <c r="BE4" s="526" t="s">
        <v>61</v>
      </c>
      <c r="BF4" s="527"/>
      <c r="BG4" s="528"/>
      <c r="BH4" s="529" t="s">
        <v>62</v>
      </c>
      <c r="BI4" s="527"/>
      <c r="BJ4" s="527"/>
      <c r="BK4" s="527"/>
      <c r="BL4" s="527"/>
      <c r="BM4" s="527"/>
      <c r="BN4" s="528"/>
      <c r="BO4" s="524" t="s">
        <v>52</v>
      </c>
      <c r="BP4" s="526" t="s">
        <v>61</v>
      </c>
      <c r="BQ4" s="527"/>
      <c r="BR4" s="528"/>
      <c r="BS4" s="529" t="s">
        <v>62</v>
      </c>
      <c r="BT4" s="527"/>
      <c r="BU4" s="527"/>
      <c r="BV4" s="527"/>
      <c r="BW4" s="527"/>
      <c r="BX4" s="527"/>
      <c r="BY4" s="528"/>
      <c r="BZ4" s="524" t="s">
        <v>52</v>
      </c>
      <c r="CA4" s="526" t="s">
        <v>61</v>
      </c>
      <c r="CB4" s="527"/>
      <c r="CC4" s="528"/>
      <c r="CD4" s="529" t="s">
        <v>62</v>
      </c>
      <c r="CE4" s="527"/>
      <c r="CF4" s="527"/>
      <c r="CG4" s="527"/>
      <c r="CH4" s="527"/>
      <c r="CI4" s="527"/>
      <c r="CJ4" s="528"/>
      <c r="CK4" s="524" t="s">
        <v>52</v>
      </c>
      <c r="CL4" s="526" t="s">
        <v>61</v>
      </c>
      <c r="CM4" s="527"/>
      <c r="CN4" s="528"/>
      <c r="CO4" s="529" t="s">
        <v>62</v>
      </c>
      <c r="CP4" s="527"/>
      <c r="CQ4" s="527"/>
      <c r="CR4" s="527"/>
      <c r="CS4" s="527"/>
      <c r="CT4" s="527"/>
      <c r="CU4" s="528"/>
      <c r="CV4" s="524" t="s">
        <v>52</v>
      </c>
      <c r="CW4" s="526" t="s">
        <v>61</v>
      </c>
      <c r="CX4" s="527"/>
      <c r="CY4" s="528"/>
      <c r="CZ4" s="529" t="s">
        <v>62</v>
      </c>
      <c r="DA4" s="527"/>
      <c r="DB4" s="527"/>
      <c r="DC4" s="527"/>
      <c r="DD4" s="527"/>
      <c r="DE4" s="527"/>
      <c r="DF4" s="528"/>
      <c r="DG4" s="524" t="s">
        <v>52</v>
      </c>
      <c r="DH4" s="526" t="s">
        <v>61</v>
      </c>
      <c r="DI4" s="527"/>
      <c r="DJ4" s="528"/>
      <c r="DK4" s="529" t="s">
        <v>62</v>
      </c>
      <c r="DL4" s="527"/>
      <c r="DM4" s="527"/>
      <c r="DN4" s="527"/>
      <c r="DO4" s="527"/>
      <c r="DP4" s="527"/>
      <c r="DQ4" s="528"/>
      <c r="DR4" s="524" t="s">
        <v>52</v>
      </c>
      <c r="DS4" s="526" t="s">
        <v>61</v>
      </c>
      <c r="DT4" s="527"/>
      <c r="DU4" s="528"/>
      <c r="DV4" s="529" t="s">
        <v>62</v>
      </c>
      <c r="DW4" s="527"/>
      <c r="DX4" s="527"/>
      <c r="DY4" s="527"/>
      <c r="DZ4" s="527"/>
      <c r="EA4" s="527"/>
      <c r="EB4" s="528"/>
      <c r="EC4" s="524" t="s">
        <v>52</v>
      </c>
      <c r="ED4" s="526" t="s">
        <v>61</v>
      </c>
      <c r="EE4" s="527"/>
      <c r="EF4" s="528"/>
      <c r="EG4" s="529" t="s">
        <v>62</v>
      </c>
      <c r="EH4" s="527"/>
      <c r="EI4" s="527"/>
      <c r="EJ4" s="527"/>
      <c r="EK4" s="527"/>
      <c r="EL4" s="527"/>
      <c r="EM4" s="528"/>
      <c r="EN4" s="524" t="s">
        <v>52</v>
      </c>
      <c r="EO4" s="526" t="s">
        <v>61</v>
      </c>
      <c r="EP4" s="527"/>
      <c r="EQ4" s="528"/>
      <c r="ER4" s="529" t="s">
        <v>62</v>
      </c>
      <c r="ES4" s="527"/>
      <c r="ET4" s="527"/>
      <c r="EU4" s="527"/>
      <c r="EV4" s="527"/>
      <c r="EW4" s="527"/>
      <c r="EX4" s="528"/>
      <c r="EY4" s="524" t="s">
        <v>52</v>
      </c>
    </row>
    <row r="5" spans="1:155" ht="34.5" customHeight="1" thickBot="1" x14ac:dyDescent="0.25">
      <c r="A5" s="533"/>
      <c r="B5" s="360" t="s">
        <v>43</v>
      </c>
      <c r="C5" s="294" t="s">
        <v>44</v>
      </c>
      <c r="D5" s="435" t="s">
        <v>45</v>
      </c>
      <c r="E5" s="302" t="s">
        <v>83</v>
      </c>
      <c r="F5" s="294" t="s">
        <v>47</v>
      </c>
      <c r="G5" s="294" t="s">
        <v>48</v>
      </c>
      <c r="H5" s="294" t="s">
        <v>49</v>
      </c>
      <c r="I5" s="294" t="s">
        <v>50</v>
      </c>
      <c r="J5" s="294" t="s">
        <v>51</v>
      </c>
      <c r="K5" s="303" t="s">
        <v>45</v>
      </c>
      <c r="L5" s="525"/>
      <c r="M5" s="360" t="s">
        <v>43</v>
      </c>
      <c r="N5" s="294" t="s">
        <v>44</v>
      </c>
      <c r="O5" s="300" t="s">
        <v>45</v>
      </c>
      <c r="P5" s="302" t="s">
        <v>83</v>
      </c>
      <c r="Q5" s="294" t="s">
        <v>47</v>
      </c>
      <c r="R5" s="294" t="s">
        <v>48</v>
      </c>
      <c r="S5" s="294" t="s">
        <v>49</v>
      </c>
      <c r="T5" s="294" t="s">
        <v>50</v>
      </c>
      <c r="U5" s="294" t="s">
        <v>51</v>
      </c>
      <c r="V5" s="300" t="s">
        <v>45</v>
      </c>
      <c r="W5" s="525"/>
      <c r="X5" s="360" t="s">
        <v>43</v>
      </c>
      <c r="Y5" s="294" t="s">
        <v>44</v>
      </c>
      <c r="Z5" s="300" t="s">
        <v>45</v>
      </c>
      <c r="AA5" s="302" t="s">
        <v>83</v>
      </c>
      <c r="AB5" s="294" t="s">
        <v>47</v>
      </c>
      <c r="AC5" s="294" t="s">
        <v>48</v>
      </c>
      <c r="AD5" s="294" t="s">
        <v>49</v>
      </c>
      <c r="AE5" s="294" t="s">
        <v>50</v>
      </c>
      <c r="AF5" s="294" t="s">
        <v>51</v>
      </c>
      <c r="AG5" s="300" t="s">
        <v>45</v>
      </c>
      <c r="AH5" s="525"/>
      <c r="AI5" s="360" t="s">
        <v>43</v>
      </c>
      <c r="AJ5" s="294" t="s">
        <v>44</v>
      </c>
      <c r="AK5" s="300" t="s">
        <v>45</v>
      </c>
      <c r="AL5" s="302" t="s">
        <v>83</v>
      </c>
      <c r="AM5" s="294" t="s">
        <v>47</v>
      </c>
      <c r="AN5" s="294" t="s">
        <v>48</v>
      </c>
      <c r="AO5" s="294" t="s">
        <v>49</v>
      </c>
      <c r="AP5" s="294" t="s">
        <v>50</v>
      </c>
      <c r="AQ5" s="294" t="s">
        <v>51</v>
      </c>
      <c r="AR5" s="300" t="s">
        <v>45</v>
      </c>
      <c r="AS5" s="525"/>
      <c r="AT5" s="360" t="s">
        <v>43</v>
      </c>
      <c r="AU5" s="294" t="s">
        <v>44</v>
      </c>
      <c r="AV5" s="300" t="s">
        <v>45</v>
      </c>
      <c r="AW5" s="302" t="s">
        <v>83</v>
      </c>
      <c r="AX5" s="294" t="s">
        <v>47</v>
      </c>
      <c r="AY5" s="294" t="s">
        <v>48</v>
      </c>
      <c r="AZ5" s="294" t="s">
        <v>49</v>
      </c>
      <c r="BA5" s="294" t="s">
        <v>50</v>
      </c>
      <c r="BB5" s="294" t="s">
        <v>51</v>
      </c>
      <c r="BC5" s="303" t="s">
        <v>45</v>
      </c>
      <c r="BD5" s="525"/>
      <c r="BE5" s="360" t="s">
        <v>43</v>
      </c>
      <c r="BF5" s="294" t="s">
        <v>44</v>
      </c>
      <c r="BG5" s="300" t="s">
        <v>45</v>
      </c>
      <c r="BH5" s="302" t="s">
        <v>83</v>
      </c>
      <c r="BI5" s="294" t="s">
        <v>47</v>
      </c>
      <c r="BJ5" s="294" t="s">
        <v>48</v>
      </c>
      <c r="BK5" s="294" t="s">
        <v>49</v>
      </c>
      <c r="BL5" s="294" t="s">
        <v>50</v>
      </c>
      <c r="BM5" s="294" t="s">
        <v>51</v>
      </c>
      <c r="BN5" s="300" t="s">
        <v>45</v>
      </c>
      <c r="BO5" s="525"/>
      <c r="BP5" s="360" t="s">
        <v>43</v>
      </c>
      <c r="BQ5" s="294" t="s">
        <v>44</v>
      </c>
      <c r="BR5" s="300" t="s">
        <v>45</v>
      </c>
      <c r="BS5" s="302" t="s">
        <v>83</v>
      </c>
      <c r="BT5" s="294" t="s">
        <v>47</v>
      </c>
      <c r="BU5" s="294" t="s">
        <v>48</v>
      </c>
      <c r="BV5" s="294" t="s">
        <v>49</v>
      </c>
      <c r="BW5" s="294" t="s">
        <v>50</v>
      </c>
      <c r="BX5" s="294" t="s">
        <v>51</v>
      </c>
      <c r="BY5" s="300" t="s">
        <v>45</v>
      </c>
      <c r="BZ5" s="525"/>
      <c r="CA5" s="360" t="s">
        <v>43</v>
      </c>
      <c r="CB5" s="294" t="s">
        <v>44</v>
      </c>
      <c r="CC5" s="300" t="s">
        <v>45</v>
      </c>
      <c r="CD5" s="302" t="s">
        <v>83</v>
      </c>
      <c r="CE5" s="294" t="s">
        <v>47</v>
      </c>
      <c r="CF5" s="294" t="s">
        <v>48</v>
      </c>
      <c r="CG5" s="294" t="s">
        <v>49</v>
      </c>
      <c r="CH5" s="294" t="s">
        <v>50</v>
      </c>
      <c r="CI5" s="294" t="s">
        <v>51</v>
      </c>
      <c r="CJ5" s="300" t="s">
        <v>45</v>
      </c>
      <c r="CK5" s="525"/>
      <c r="CL5" s="360" t="s">
        <v>43</v>
      </c>
      <c r="CM5" s="294" t="s">
        <v>44</v>
      </c>
      <c r="CN5" s="300" t="s">
        <v>45</v>
      </c>
      <c r="CO5" s="302" t="s">
        <v>83</v>
      </c>
      <c r="CP5" s="294" t="s">
        <v>47</v>
      </c>
      <c r="CQ5" s="294" t="s">
        <v>48</v>
      </c>
      <c r="CR5" s="294" t="s">
        <v>49</v>
      </c>
      <c r="CS5" s="294" t="s">
        <v>50</v>
      </c>
      <c r="CT5" s="294" t="s">
        <v>51</v>
      </c>
      <c r="CU5" s="300" t="s">
        <v>45</v>
      </c>
      <c r="CV5" s="525"/>
      <c r="CW5" s="360" t="s">
        <v>43</v>
      </c>
      <c r="CX5" s="294" t="s">
        <v>44</v>
      </c>
      <c r="CY5" s="300" t="s">
        <v>45</v>
      </c>
      <c r="CZ5" s="302" t="s">
        <v>83</v>
      </c>
      <c r="DA5" s="294" t="s">
        <v>47</v>
      </c>
      <c r="DB5" s="294" t="s">
        <v>48</v>
      </c>
      <c r="DC5" s="294" t="s">
        <v>49</v>
      </c>
      <c r="DD5" s="294" t="s">
        <v>50</v>
      </c>
      <c r="DE5" s="294" t="s">
        <v>51</v>
      </c>
      <c r="DF5" s="300" t="s">
        <v>45</v>
      </c>
      <c r="DG5" s="525"/>
      <c r="DH5" s="386" t="s">
        <v>43</v>
      </c>
      <c r="DI5" s="294" t="s">
        <v>44</v>
      </c>
      <c r="DJ5" s="300" t="s">
        <v>45</v>
      </c>
      <c r="DK5" s="302" t="s">
        <v>83</v>
      </c>
      <c r="DL5" s="294" t="s">
        <v>47</v>
      </c>
      <c r="DM5" s="294" t="s">
        <v>48</v>
      </c>
      <c r="DN5" s="294" t="s">
        <v>49</v>
      </c>
      <c r="DO5" s="294" t="s">
        <v>50</v>
      </c>
      <c r="DP5" s="294" t="s">
        <v>51</v>
      </c>
      <c r="DQ5" s="300" t="s">
        <v>45</v>
      </c>
      <c r="DR5" s="525"/>
      <c r="DS5" s="360" t="s">
        <v>43</v>
      </c>
      <c r="DT5" s="294" t="s">
        <v>44</v>
      </c>
      <c r="DU5" s="300" t="s">
        <v>45</v>
      </c>
      <c r="DV5" s="302" t="s">
        <v>83</v>
      </c>
      <c r="DW5" s="294" t="s">
        <v>47</v>
      </c>
      <c r="DX5" s="294" t="s">
        <v>48</v>
      </c>
      <c r="DY5" s="294" t="s">
        <v>49</v>
      </c>
      <c r="DZ5" s="294" t="s">
        <v>50</v>
      </c>
      <c r="EA5" s="294" t="s">
        <v>51</v>
      </c>
      <c r="EB5" s="300" t="s">
        <v>45</v>
      </c>
      <c r="EC5" s="525"/>
      <c r="ED5" s="360" t="s">
        <v>43</v>
      </c>
      <c r="EE5" s="294" t="s">
        <v>44</v>
      </c>
      <c r="EF5" s="300" t="s">
        <v>45</v>
      </c>
      <c r="EG5" s="302" t="s">
        <v>83</v>
      </c>
      <c r="EH5" s="294" t="s">
        <v>47</v>
      </c>
      <c r="EI5" s="294" t="s">
        <v>48</v>
      </c>
      <c r="EJ5" s="294" t="s">
        <v>49</v>
      </c>
      <c r="EK5" s="294" t="s">
        <v>50</v>
      </c>
      <c r="EL5" s="294" t="s">
        <v>51</v>
      </c>
      <c r="EM5" s="300" t="s">
        <v>45</v>
      </c>
      <c r="EN5" s="525"/>
      <c r="EO5" s="360" t="s">
        <v>43</v>
      </c>
      <c r="EP5" s="294" t="s">
        <v>44</v>
      </c>
      <c r="EQ5" s="300" t="s">
        <v>45</v>
      </c>
      <c r="ER5" s="302" t="s">
        <v>83</v>
      </c>
      <c r="ES5" s="294" t="s">
        <v>47</v>
      </c>
      <c r="ET5" s="294" t="s">
        <v>48</v>
      </c>
      <c r="EU5" s="294" t="s">
        <v>49</v>
      </c>
      <c r="EV5" s="294" t="s">
        <v>50</v>
      </c>
      <c r="EW5" s="294" t="s">
        <v>51</v>
      </c>
      <c r="EX5" s="300" t="s">
        <v>45</v>
      </c>
      <c r="EY5" s="525"/>
    </row>
    <row r="6" spans="1:155" ht="19.5" customHeight="1" x14ac:dyDescent="0.2">
      <c r="A6" s="295" t="s">
        <v>4</v>
      </c>
      <c r="B6" s="304">
        <v>0</v>
      </c>
      <c r="C6" s="308">
        <v>0</v>
      </c>
      <c r="D6" s="436">
        <v>0</v>
      </c>
      <c r="E6" s="307">
        <v>0</v>
      </c>
      <c r="F6" s="308">
        <v>1310</v>
      </c>
      <c r="G6" s="308">
        <v>1365</v>
      </c>
      <c r="H6" s="308">
        <v>773</v>
      </c>
      <c r="I6" s="308">
        <v>578</v>
      </c>
      <c r="J6" s="308">
        <v>388</v>
      </c>
      <c r="K6" s="309">
        <v>4414</v>
      </c>
      <c r="L6" s="310">
        <v>4414</v>
      </c>
      <c r="M6" s="304">
        <v>0</v>
      </c>
      <c r="N6" s="308">
        <v>2</v>
      </c>
      <c r="O6" s="305">
        <v>2</v>
      </c>
      <c r="P6" s="307">
        <v>0</v>
      </c>
      <c r="Q6" s="308">
        <v>12</v>
      </c>
      <c r="R6" s="308">
        <v>37</v>
      </c>
      <c r="S6" s="308">
        <v>59</v>
      </c>
      <c r="T6" s="308">
        <v>139</v>
      </c>
      <c r="U6" s="308">
        <v>197</v>
      </c>
      <c r="V6" s="305">
        <v>444</v>
      </c>
      <c r="W6" s="310">
        <v>446</v>
      </c>
      <c r="X6" s="304">
        <v>183</v>
      </c>
      <c r="Y6" s="308">
        <v>384</v>
      </c>
      <c r="Z6" s="305">
        <v>567</v>
      </c>
      <c r="AA6" s="307">
        <v>0</v>
      </c>
      <c r="AB6" s="308">
        <v>907</v>
      </c>
      <c r="AC6" s="308">
        <v>1209</v>
      </c>
      <c r="AD6" s="308">
        <v>688</v>
      </c>
      <c r="AE6" s="308">
        <v>579</v>
      </c>
      <c r="AF6" s="308">
        <v>350</v>
      </c>
      <c r="AG6" s="305">
        <v>3733</v>
      </c>
      <c r="AH6" s="310">
        <v>4300</v>
      </c>
      <c r="AI6" s="304">
        <v>23</v>
      </c>
      <c r="AJ6" s="308">
        <v>53</v>
      </c>
      <c r="AK6" s="305">
        <v>76</v>
      </c>
      <c r="AL6" s="307">
        <v>0</v>
      </c>
      <c r="AM6" s="308">
        <v>66</v>
      </c>
      <c r="AN6" s="308">
        <v>117</v>
      </c>
      <c r="AO6" s="308">
        <v>74</v>
      </c>
      <c r="AP6" s="308">
        <v>72</v>
      </c>
      <c r="AQ6" s="308">
        <v>40</v>
      </c>
      <c r="AR6" s="305">
        <v>369</v>
      </c>
      <c r="AS6" s="310">
        <v>445</v>
      </c>
      <c r="AT6" s="304">
        <v>313</v>
      </c>
      <c r="AU6" s="308">
        <v>335</v>
      </c>
      <c r="AV6" s="305">
        <v>648</v>
      </c>
      <c r="AW6" s="307">
        <v>0</v>
      </c>
      <c r="AX6" s="308">
        <v>1371</v>
      </c>
      <c r="AY6" s="308">
        <v>1649</v>
      </c>
      <c r="AZ6" s="308">
        <v>1426</v>
      </c>
      <c r="BA6" s="308">
        <v>1261</v>
      </c>
      <c r="BB6" s="308">
        <v>817</v>
      </c>
      <c r="BC6" s="309">
        <v>6524</v>
      </c>
      <c r="BD6" s="310">
        <v>7172</v>
      </c>
      <c r="BE6" s="304">
        <v>0</v>
      </c>
      <c r="BF6" s="308">
        <v>0</v>
      </c>
      <c r="BG6" s="305">
        <v>0</v>
      </c>
      <c r="BH6" s="307">
        <v>0</v>
      </c>
      <c r="BI6" s="308">
        <v>1637</v>
      </c>
      <c r="BJ6" s="308">
        <v>1422</v>
      </c>
      <c r="BK6" s="308">
        <v>791</v>
      </c>
      <c r="BL6" s="308">
        <v>386</v>
      </c>
      <c r="BM6" s="308">
        <v>167</v>
      </c>
      <c r="BN6" s="305">
        <v>4403</v>
      </c>
      <c r="BO6" s="310">
        <v>4403</v>
      </c>
      <c r="BP6" s="304">
        <v>129</v>
      </c>
      <c r="BQ6" s="308">
        <v>157</v>
      </c>
      <c r="BR6" s="305">
        <v>286</v>
      </c>
      <c r="BS6" s="307">
        <v>0</v>
      </c>
      <c r="BT6" s="308">
        <v>384</v>
      </c>
      <c r="BU6" s="308">
        <v>546</v>
      </c>
      <c r="BV6" s="308">
        <v>328</v>
      </c>
      <c r="BW6" s="308">
        <v>193</v>
      </c>
      <c r="BX6" s="308">
        <v>44</v>
      </c>
      <c r="BY6" s="305">
        <v>1495</v>
      </c>
      <c r="BZ6" s="310">
        <v>1781</v>
      </c>
      <c r="CA6" s="304">
        <v>9</v>
      </c>
      <c r="CB6" s="308">
        <v>23</v>
      </c>
      <c r="CC6" s="305">
        <v>32</v>
      </c>
      <c r="CD6" s="307">
        <v>0</v>
      </c>
      <c r="CE6" s="308">
        <v>153</v>
      </c>
      <c r="CF6" s="308">
        <v>208</v>
      </c>
      <c r="CG6" s="308">
        <v>306</v>
      </c>
      <c r="CH6" s="308">
        <v>219</v>
      </c>
      <c r="CI6" s="308">
        <v>87</v>
      </c>
      <c r="CJ6" s="305">
        <v>973</v>
      </c>
      <c r="CK6" s="310">
        <v>1005</v>
      </c>
      <c r="CL6" s="304">
        <v>1</v>
      </c>
      <c r="CM6" s="308">
        <v>0</v>
      </c>
      <c r="CN6" s="305">
        <v>1</v>
      </c>
      <c r="CO6" s="307">
        <v>0</v>
      </c>
      <c r="CP6" s="308">
        <v>19</v>
      </c>
      <c r="CQ6" s="308">
        <v>50</v>
      </c>
      <c r="CR6" s="308">
        <v>49</v>
      </c>
      <c r="CS6" s="308">
        <v>33</v>
      </c>
      <c r="CT6" s="308">
        <v>19</v>
      </c>
      <c r="CU6" s="305">
        <v>170</v>
      </c>
      <c r="CV6" s="310">
        <v>171</v>
      </c>
      <c r="CW6" s="304">
        <v>0</v>
      </c>
      <c r="CX6" s="308">
        <v>0</v>
      </c>
      <c r="CY6" s="305">
        <v>0</v>
      </c>
      <c r="CZ6" s="307">
        <v>0</v>
      </c>
      <c r="DA6" s="308">
        <v>0</v>
      </c>
      <c r="DB6" s="308">
        <v>0</v>
      </c>
      <c r="DC6" s="308">
        <v>0</v>
      </c>
      <c r="DD6" s="308">
        <v>0</v>
      </c>
      <c r="DE6" s="308">
        <v>0</v>
      </c>
      <c r="DF6" s="305">
        <v>0</v>
      </c>
      <c r="DG6" s="310">
        <v>0</v>
      </c>
      <c r="DH6" s="304">
        <v>0</v>
      </c>
      <c r="DI6" s="308">
        <v>0</v>
      </c>
      <c r="DJ6" s="305">
        <v>0</v>
      </c>
      <c r="DK6" s="307">
        <v>0</v>
      </c>
      <c r="DL6" s="308">
        <v>0</v>
      </c>
      <c r="DM6" s="308">
        <v>0</v>
      </c>
      <c r="DN6" s="308">
        <v>0</v>
      </c>
      <c r="DO6" s="308">
        <v>0</v>
      </c>
      <c r="DP6" s="308">
        <v>0</v>
      </c>
      <c r="DQ6" s="305">
        <v>0</v>
      </c>
      <c r="DR6" s="310">
        <v>0</v>
      </c>
      <c r="DS6" s="304">
        <v>619</v>
      </c>
      <c r="DT6" s="308">
        <v>1195</v>
      </c>
      <c r="DU6" s="305">
        <v>1814</v>
      </c>
      <c r="DV6" s="307">
        <v>0</v>
      </c>
      <c r="DW6" s="308">
        <v>1852</v>
      </c>
      <c r="DX6" s="308">
        <v>3079</v>
      </c>
      <c r="DY6" s="308">
        <v>1860</v>
      </c>
      <c r="DZ6" s="308">
        <v>1347</v>
      </c>
      <c r="EA6" s="308">
        <v>722</v>
      </c>
      <c r="EB6" s="305">
        <v>8860</v>
      </c>
      <c r="EC6" s="310">
        <v>10674</v>
      </c>
      <c r="ED6" s="304">
        <v>198</v>
      </c>
      <c r="EE6" s="308">
        <v>140</v>
      </c>
      <c r="EF6" s="305">
        <v>338</v>
      </c>
      <c r="EG6" s="307">
        <v>0</v>
      </c>
      <c r="EH6" s="308">
        <v>564</v>
      </c>
      <c r="EI6" s="308">
        <v>526</v>
      </c>
      <c r="EJ6" s="308">
        <v>465</v>
      </c>
      <c r="EK6" s="308">
        <v>450</v>
      </c>
      <c r="EL6" s="308">
        <v>260</v>
      </c>
      <c r="EM6" s="305">
        <v>2265</v>
      </c>
      <c r="EN6" s="310">
        <v>2603</v>
      </c>
      <c r="EO6" s="304">
        <v>910</v>
      </c>
      <c r="EP6" s="308">
        <v>1543</v>
      </c>
      <c r="EQ6" s="305">
        <v>2453</v>
      </c>
      <c r="ER6" s="307">
        <v>0</v>
      </c>
      <c r="ES6" s="308">
        <v>4304</v>
      </c>
      <c r="ET6" s="308">
        <v>4310</v>
      </c>
      <c r="EU6" s="308">
        <v>2255</v>
      </c>
      <c r="EV6" s="308">
        <v>1440</v>
      </c>
      <c r="EW6" s="308">
        <v>739</v>
      </c>
      <c r="EX6" s="305">
        <v>13048</v>
      </c>
      <c r="EY6" s="310">
        <v>15501</v>
      </c>
    </row>
    <row r="7" spans="1:155" ht="19.5" customHeight="1" x14ac:dyDescent="0.2">
      <c r="A7" s="296" t="s">
        <v>5</v>
      </c>
      <c r="B7" s="311">
        <v>0</v>
      </c>
      <c r="C7" s="315">
        <v>0</v>
      </c>
      <c r="D7" s="437">
        <v>0</v>
      </c>
      <c r="E7" s="314">
        <v>0</v>
      </c>
      <c r="F7" s="315">
        <v>517</v>
      </c>
      <c r="G7" s="315">
        <v>691</v>
      </c>
      <c r="H7" s="315">
        <v>366</v>
      </c>
      <c r="I7" s="315">
        <v>256</v>
      </c>
      <c r="J7" s="315">
        <v>158</v>
      </c>
      <c r="K7" s="316">
        <v>1988</v>
      </c>
      <c r="L7" s="317">
        <v>1988</v>
      </c>
      <c r="M7" s="311">
        <v>0</v>
      </c>
      <c r="N7" s="315">
        <v>1</v>
      </c>
      <c r="O7" s="312">
        <v>1</v>
      </c>
      <c r="P7" s="314">
        <v>0</v>
      </c>
      <c r="Q7" s="315">
        <v>4</v>
      </c>
      <c r="R7" s="315">
        <v>20</v>
      </c>
      <c r="S7" s="315">
        <v>24</v>
      </c>
      <c r="T7" s="315">
        <v>60</v>
      </c>
      <c r="U7" s="315">
        <v>84</v>
      </c>
      <c r="V7" s="312">
        <v>192</v>
      </c>
      <c r="W7" s="317">
        <v>193</v>
      </c>
      <c r="X7" s="311">
        <v>94</v>
      </c>
      <c r="Y7" s="315">
        <v>209</v>
      </c>
      <c r="Z7" s="312">
        <v>303</v>
      </c>
      <c r="AA7" s="314">
        <v>0</v>
      </c>
      <c r="AB7" s="315">
        <v>349</v>
      </c>
      <c r="AC7" s="315">
        <v>657</v>
      </c>
      <c r="AD7" s="315">
        <v>351</v>
      </c>
      <c r="AE7" s="315">
        <v>267</v>
      </c>
      <c r="AF7" s="315">
        <v>153</v>
      </c>
      <c r="AG7" s="312">
        <v>1777</v>
      </c>
      <c r="AH7" s="317">
        <v>2080</v>
      </c>
      <c r="AI7" s="311">
        <v>11</v>
      </c>
      <c r="AJ7" s="315">
        <v>29</v>
      </c>
      <c r="AK7" s="312">
        <v>40</v>
      </c>
      <c r="AL7" s="314">
        <v>0</v>
      </c>
      <c r="AM7" s="315">
        <v>12</v>
      </c>
      <c r="AN7" s="315">
        <v>53</v>
      </c>
      <c r="AO7" s="315">
        <v>33</v>
      </c>
      <c r="AP7" s="315">
        <v>27</v>
      </c>
      <c r="AQ7" s="315">
        <v>17</v>
      </c>
      <c r="AR7" s="312">
        <v>142</v>
      </c>
      <c r="AS7" s="317">
        <v>182</v>
      </c>
      <c r="AT7" s="311">
        <v>139</v>
      </c>
      <c r="AU7" s="315">
        <v>168</v>
      </c>
      <c r="AV7" s="312">
        <v>307</v>
      </c>
      <c r="AW7" s="314">
        <v>0</v>
      </c>
      <c r="AX7" s="315">
        <v>462</v>
      </c>
      <c r="AY7" s="315">
        <v>781</v>
      </c>
      <c r="AZ7" s="315">
        <v>638</v>
      </c>
      <c r="BA7" s="315">
        <v>528</v>
      </c>
      <c r="BB7" s="315">
        <v>361</v>
      </c>
      <c r="BC7" s="316">
        <v>2770</v>
      </c>
      <c r="BD7" s="317">
        <v>3077</v>
      </c>
      <c r="BE7" s="311">
        <v>0</v>
      </c>
      <c r="BF7" s="315">
        <v>0</v>
      </c>
      <c r="BG7" s="312">
        <v>0</v>
      </c>
      <c r="BH7" s="314">
        <v>0</v>
      </c>
      <c r="BI7" s="315">
        <v>593</v>
      </c>
      <c r="BJ7" s="315">
        <v>623</v>
      </c>
      <c r="BK7" s="315">
        <v>337</v>
      </c>
      <c r="BL7" s="315">
        <v>150</v>
      </c>
      <c r="BM7" s="315">
        <v>64</v>
      </c>
      <c r="BN7" s="312">
        <v>1767</v>
      </c>
      <c r="BO7" s="317">
        <v>1767</v>
      </c>
      <c r="BP7" s="311">
        <v>64</v>
      </c>
      <c r="BQ7" s="315">
        <v>88</v>
      </c>
      <c r="BR7" s="312">
        <v>152</v>
      </c>
      <c r="BS7" s="314">
        <v>0</v>
      </c>
      <c r="BT7" s="315">
        <v>139</v>
      </c>
      <c r="BU7" s="315">
        <v>259</v>
      </c>
      <c r="BV7" s="315">
        <v>162</v>
      </c>
      <c r="BW7" s="315">
        <v>83</v>
      </c>
      <c r="BX7" s="315">
        <v>19</v>
      </c>
      <c r="BY7" s="312">
        <v>662</v>
      </c>
      <c r="BZ7" s="317">
        <v>814</v>
      </c>
      <c r="CA7" s="311">
        <v>3</v>
      </c>
      <c r="CB7" s="315">
        <v>11</v>
      </c>
      <c r="CC7" s="312">
        <v>14</v>
      </c>
      <c r="CD7" s="314">
        <v>0</v>
      </c>
      <c r="CE7" s="315">
        <v>43</v>
      </c>
      <c r="CF7" s="315">
        <v>75</v>
      </c>
      <c r="CG7" s="315">
        <v>124</v>
      </c>
      <c r="CH7" s="315">
        <v>81</v>
      </c>
      <c r="CI7" s="315">
        <v>27</v>
      </c>
      <c r="CJ7" s="312">
        <v>350</v>
      </c>
      <c r="CK7" s="317">
        <v>364</v>
      </c>
      <c r="CL7" s="311">
        <v>1</v>
      </c>
      <c r="CM7" s="315">
        <v>0</v>
      </c>
      <c r="CN7" s="312">
        <v>1</v>
      </c>
      <c r="CO7" s="314">
        <v>0</v>
      </c>
      <c r="CP7" s="315">
        <v>11</v>
      </c>
      <c r="CQ7" s="315">
        <v>30</v>
      </c>
      <c r="CR7" s="315">
        <v>33</v>
      </c>
      <c r="CS7" s="315">
        <v>14</v>
      </c>
      <c r="CT7" s="315">
        <v>15</v>
      </c>
      <c r="CU7" s="312">
        <v>103</v>
      </c>
      <c r="CV7" s="317">
        <v>104</v>
      </c>
      <c r="CW7" s="311">
        <v>0</v>
      </c>
      <c r="CX7" s="315">
        <v>0</v>
      </c>
      <c r="CY7" s="312">
        <v>0</v>
      </c>
      <c r="CZ7" s="314">
        <v>0</v>
      </c>
      <c r="DA7" s="315">
        <v>0</v>
      </c>
      <c r="DB7" s="315">
        <v>0</v>
      </c>
      <c r="DC7" s="315">
        <v>0</v>
      </c>
      <c r="DD7" s="315">
        <v>0</v>
      </c>
      <c r="DE7" s="315">
        <v>0</v>
      </c>
      <c r="DF7" s="312">
        <v>0</v>
      </c>
      <c r="DG7" s="317">
        <v>0</v>
      </c>
      <c r="DH7" s="311">
        <v>0</v>
      </c>
      <c r="DI7" s="315">
        <v>0</v>
      </c>
      <c r="DJ7" s="312">
        <v>0</v>
      </c>
      <c r="DK7" s="314">
        <v>0</v>
      </c>
      <c r="DL7" s="315">
        <v>0</v>
      </c>
      <c r="DM7" s="315">
        <v>0</v>
      </c>
      <c r="DN7" s="315">
        <v>0</v>
      </c>
      <c r="DO7" s="315">
        <v>0</v>
      </c>
      <c r="DP7" s="315">
        <v>0</v>
      </c>
      <c r="DQ7" s="312">
        <v>0</v>
      </c>
      <c r="DR7" s="317">
        <v>0</v>
      </c>
      <c r="DS7" s="311">
        <v>243</v>
      </c>
      <c r="DT7" s="315">
        <v>559</v>
      </c>
      <c r="DU7" s="312">
        <v>802</v>
      </c>
      <c r="DV7" s="314">
        <v>0</v>
      </c>
      <c r="DW7" s="315">
        <v>579</v>
      </c>
      <c r="DX7" s="315">
        <v>1396</v>
      </c>
      <c r="DY7" s="315">
        <v>821</v>
      </c>
      <c r="DZ7" s="315">
        <v>564</v>
      </c>
      <c r="EA7" s="315">
        <v>309</v>
      </c>
      <c r="EB7" s="312">
        <v>3669</v>
      </c>
      <c r="EC7" s="317">
        <v>4471</v>
      </c>
      <c r="ED7" s="311">
        <v>85</v>
      </c>
      <c r="EE7" s="315">
        <v>60</v>
      </c>
      <c r="EF7" s="312">
        <v>145</v>
      </c>
      <c r="EG7" s="314">
        <v>0</v>
      </c>
      <c r="EH7" s="315">
        <v>210</v>
      </c>
      <c r="EI7" s="315">
        <v>255</v>
      </c>
      <c r="EJ7" s="315">
        <v>235</v>
      </c>
      <c r="EK7" s="315">
        <v>201</v>
      </c>
      <c r="EL7" s="315">
        <v>121</v>
      </c>
      <c r="EM7" s="312">
        <v>1022</v>
      </c>
      <c r="EN7" s="317">
        <v>1167</v>
      </c>
      <c r="EO7" s="311">
        <v>392</v>
      </c>
      <c r="EP7" s="315">
        <v>753</v>
      </c>
      <c r="EQ7" s="312">
        <v>1145</v>
      </c>
      <c r="ER7" s="314">
        <v>0</v>
      </c>
      <c r="ES7" s="315">
        <v>1573</v>
      </c>
      <c r="ET7" s="315">
        <v>2051</v>
      </c>
      <c r="EU7" s="315">
        <v>1024</v>
      </c>
      <c r="EV7" s="315">
        <v>619</v>
      </c>
      <c r="EW7" s="315">
        <v>312</v>
      </c>
      <c r="EX7" s="312">
        <v>5579</v>
      </c>
      <c r="EY7" s="317">
        <v>6724</v>
      </c>
    </row>
    <row r="8" spans="1:155" ht="19.5" customHeight="1" x14ac:dyDescent="0.2">
      <c r="A8" s="296" t="s">
        <v>6</v>
      </c>
      <c r="B8" s="311">
        <v>0</v>
      </c>
      <c r="C8" s="315">
        <v>0</v>
      </c>
      <c r="D8" s="437">
        <v>0</v>
      </c>
      <c r="E8" s="314">
        <v>0</v>
      </c>
      <c r="F8" s="315">
        <v>197</v>
      </c>
      <c r="G8" s="315">
        <v>137</v>
      </c>
      <c r="H8" s="315">
        <v>87</v>
      </c>
      <c r="I8" s="315">
        <v>84</v>
      </c>
      <c r="J8" s="315">
        <v>56</v>
      </c>
      <c r="K8" s="316">
        <v>561</v>
      </c>
      <c r="L8" s="317">
        <v>561</v>
      </c>
      <c r="M8" s="311">
        <v>0</v>
      </c>
      <c r="N8" s="315">
        <v>0</v>
      </c>
      <c r="O8" s="312">
        <v>0</v>
      </c>
      <c r="P8" s="314">
        <v>0</v>
      </c>
      <c r="Q8" s="315">
        <v>1</v>
      </c>
      <c r="R8" s="315">
        <v>3</v>
      </c>
      <c r="S8" s="315">
        <v>5</v>
      </c>
      <c r="T8" s="315">
        <v>14</v>
      </c>
      <c r="U8" s="315">
        <v>29</v>
      </c>
      <c r="V8" s="312">
        <v>52</v>
      </c>
      <c r="W8" s="317">
        <v>52</v>
      </c>
      <c r="X8" s="311">
        <v>25</v>
      </c>
      <c r="Y8" s="315">
        <v>42</v>
      </c>
      <c r="Z8" s="312">
        <v>67</v>
      </c>
      <c r="AA8" s="314">
        <v>0</v>
      </c>
      <c r="AB8" s="315">
        <v>134</v>
      </c>
      <c r="AC8" s="315">
        <v>122</v>
      </c>
      <c r="AD8" s="315">
        <v>72</v>
      </c>
      <c r="AE8" s="315">
        <v>76</v>
      </c>
      <c r="AF8" s="315">
        <v>53</v>
      </c>
      <c r="AG8" s="312">
        <v>457</v>
      </c>
      <c r="AH8" s="317">
        <v>524</v>
      </c>
      <c r="AI8" s="311">
        <v>2</v>
      </c>
      <c r="AJ8" s="315">
        <v>1</v>
      </c>
      <c r="AK8" s="312">
        <v>3</v>
      </c>
      <c r="AL8" s="314">
        <v>0</v>
      </c>
      <c r="AM8" s="315">
        <v>11</v>
      </c>
      <c r="AN8" s="315">
        <v>15</v>
      </c>
      <c r="AO8" s="315">
        <v>6</v>
      </c>
      <c r="AP8" s="315">
        <v>10</v>
      </c>
      <c r="AQ8" s="315">
        <v>6</v>
      </c>
      <c r="AR8" s="312">
        <v>48</v>
      </c>
      <c r="AS8" s="317">
        <v>51</v>
      </c>
      <c r="AT8" s="311">
        <v>64</v>
      </c>
      <c r="AU8" s="315">
        <v>38</v>
      </c>
      <c r="AV8" s="312">
        <v>102</v>
      </c>
      <c r="AW8" s="314">
        <v>0</v>
      </c>
      <c r="AX8" s="315">
        <v>231</v>
      </c>
      <c r="AY8" s="315">
        <v>209</v>
      </c>
      <c r="AZ8" s="315">
        <v>190</v>
      </c>
      <c r="BA8" s="315">
        <v>212</v>
      </c>
      <c r="BB8" s="315">
        <v>125</v>
      </c>
      <c r="BC8" s="316">
        <v>967</v>
      </c>
      <c r="BD8" s="317">
        <v>1069</v>
      </c>
      <c r="BE8" s="311">
        <v>0</v>
      </c>
      <c r="BF8" s="315">
        <v>0</v>
      </c>
      <c r="BG8" s="312">
        <v>0</v>
      </c>
      <c r="BH8" s="314">
        <v>0</v>
      </c>
      <c r="BI8" s="315">
        <v>234</v>
      </c>
      <c r="BJ8" s="315">
        <v>164</v>
      </c>
      <c r="BK8" s="315">
        <v>87</v>
      </c>
      <c r="BL8" s="315">
        <v>52</v>
      </c>
      <c r="BM8" s="315">
        <v>23</v>
      </c>
      <c r="BN8" s="312">
        <v>560</v>
      </c>
      <c r="BO8" s="317">
        <v>560</v>
      </c>
      <c r="BP8" s="311">
        <v>7</v>
      </c>
      <c r="BQ8" s="315">
        <v>10</v>
      </c>
      <c r="BR8" s="312">
        <v>17</v>
      </c>
      <c r="BS8" s="314">
        <v>0</v>
      </c>
      <c r="BT8" s="315">
        <v>49</v>
      </c>
      <c r="BU8" s="315">
        <v>61</v>
      </c>
      <c r="BV8" s="315">
        <v>37</v>
      </c>
      <c r="BW8" s="315">
        <v>23</v>
      </c>
      <c r="BX8" s="315">
        <v>7</v>
      </c>
      <c r="BY8" s="312">
        <v>177</v>
      </c>
      <c r="BZ8" s="317">
        <v>194</v>
      </c>
      <c r="CA8" s="311">
        <v>1</v>
      </c>
      <c r="CB8" s="315">
        <v>1</v>
      </c>
      <c r="CC8" s="312">
        <v>2</v>
      </c>
      <c r="CD8" s="314">
        <v>0</v>
      </c>
      <c r="CE8" s="315">
        <v>18</v>
      </c>
      <c r="CF8" s="315">
        <v>20</v>
      </c>
      <c r="CG8" s="315">
        <v>25</v>
      </c>
      <c r="CH8" s="315">
        <v>19</v>
      </c>
      <c r="CI8" s="315">
        <v>12</v>
      </c>
      <c r="CJ8" s="312">
        <v>94</v>
      </c>
      <c r="CK8" s="317">
        <v>96</v>
      </c>
      <c r="CL8" s="311">
        <v>0</v>
      </c>
      <c r="CM8" s="315">
        <v>0</v>
      </c>
      <c r="CN8" s="312">
        <v>0</v>
      </c>
      <c r="CO8" s="314">
        <v>0</v>
      </c>
      <c r="CP8" s="315">
        <v>3</v>
      </c>
      <c r="CQ8" s="315">
        <v>4</v>
      </c>
      <c r="CR8" s="315">
        <v>3</v>
      </c>
      <c r="CS8" s="315">
        <v>5</v>
      </c>
      <c r="CT8" s="315">
        <v>2</v>
      </c>
      <c r="CU8" s="312">
        <v>17</v>
      </c>
      <c r="CV8" s="317">
        <v>17</v>
      </c>
      <c r="CW8" s="311">
        <v>0</v>
      </c>
      <c r="CX8" s="315">
        <v>0</v>
      </c>
      <c r="CY8" s="312">
        <v>0</v>
      </c>
      <c r="CZ8" s="314">
        <v>0</v>
      </c>
      <c r="DA8" s="315">
        <v>0</v>
      </c>
      <c r="DB8" s="315">
        <v>0</v>
      </c>
      <c r="DC8" s="315">
        <v>0</v>
      </c>
      <c r="DD8" s="315">
        <v>0</v>
      </c>
      <c r="DE8" s="315">
        <v>0</v>
      </c>
      <c r="DF8" s="312">
        <v>0</v>
      </c>
      <c r="DG8" s="317">
        <v>0</v>
      </c>
      <c r="DH8" s="311">
        <v>0</v>
      </c>
      <c r="DI8" s="315">
        <v>0</v>
      </c>
      <c r="DJ8" s="312">
        <v>0</v>
      </c>
      <c r="DK8" s="314">
        <v>0</v>
      </c>
      <c r="DL8" s="315">
        <v>0</v>
      </c>
      <c r="DM8" s="315">
        <v>0</v>
      </c>
      <c r="DN8" s="315">
        <v>0</v>
      </c>
      <c r="DO8" s="315">
        <v>0</v>
      </c>
      <c r="DP8" s="315">
        <v>0</v>
      </c>
      <c r="DQ8" s="312">
        <v>0</v>
      </c>
      <c r="DR8" s="317">
        <v>0</v>
      </c>
      <c r="DS8" s="311">
        <v>79</v>
      </c>
      <c r="DT8" s="315">
        <v>120</v>
      </c>
      <c r="DU8" s="312">
        <v>199</v>
      </c>
      <c r="DV8" s="314">
        <v>0</v>
      </c>
      <c r="DW8" s="315">
        <v>304</v>
      </c>
      <c r="DX8" s="315">
        <v>343</v>
      </c>
      <c r="DY8" s="315">
        <v>203</v>
      </c>
      <c r="DZ8" s="315">
        <v>193</v>
      </c>
      <c r="EA8" s="315">
        <v>108</v>
      </c>
      <c r="EB8" s="312">
        <v>1151</v>
      </c>
      <c r="EC8" s="317">
        <v>1350</v>
      </c>
      <c r="ED8" s="311">
        <v>45</v>
      </c>
      <c r="EE8" s="315">
        <v>14</v>
      </c>
      <c r="EF8" s="312">
        <v>59</v>
      </c>
      <c r="EG8" s="314">
        <v>0</v>
      </c>
      <c r="EH8" s="315">
        <v>69</v>
      </c>
      <c r="EI8" s="315">
        <v>62</v>
      </c>
      <c r="EJ8" s="315">
        <v>53</v>
      </c>
      <c r="EK8" s="315">
        <v>66</v>
      </c>
      <c r="EL8" s="315">
        <v>33</v>
      </c>
      <c r="EM8" s="312">
        <v>283</v>
      </c>
      <c r="EN8" s="317">
        <v>342</v>
      </c>
      <c r="EO8" s="311">
        <v>106</v>
      </c>
      <c r="EP8" s="315">
        <v>150</v>
      </c>
      <c r="EQ8" s="312">
        <v>256</v>
      </c>
      <c r="ER8" s="314">
        <v>0</v>
      </c>
      <c r="ES8" s="315">
        <v>599</v>
      </c>
      <c r="ET8" s="315">
        <v>463</v>
      </c>
      <c r="EU8" s="315">
        <v>243</v>
      </c>
      <c r="EV8" s="315">
        <v>197</v>
      </c>
      <c r="EW8" s="315">
        <v>111</v>
      </c>
      <c r="EX8" s="312">
        <v>1613</v>
      </c>
      <c r="EY8" s="317">
        <v>1869</v>
      </c>
    </row>
    <row r="9" spans="1:155" ht="19.5" customHeight="1" x14ac:dyDescent="0.2">
      <c r="A9" s="296" t="s">
        <v>14</v>
      </c>
      <c r="B9" s="311">
        <v>0</v>
      </c>
      <c r="C9" s="315">
        <v>0</v>
      </c>
      <c r="D9" s="437">
        <v>0</v>
      </c>
      <c r="E9" s="314">
        <v>0</v>
      </c>
      <c r="F9" s="315">
        <v>78</v>
      </c>
      <c r="G9" s="315">
        <v>87</v>
      </c>
      <c r="H9" s="315">
        <v>40</v>
      </c>
      <c r="I9" s="315">
        <v>24</v>
      </c>
      <c r="J9" s="315">
        <v>25</v>
      </c>
      <c r="K9" s="316">
        <v>254</v>
      </c>
      <c r="L9" s="317">
        <v>254</v>
      </c>
      <c r="M9" s="311">
        <v>0</v>
      </c>
      <c r="N9" s="315">
        <v>0</v>
      </c>
      <c r="O9" s="312">
        <v>0</v>
      </c>
      <c r="P9" s="314">
        <v>0</v>
      </c>
      <c r="Q9" s="315">
        <v>0</v>
      </c>
      <c r="R9" s="315">
        <v>3</v>
      </c>
      <c r="S9" s="315">
        <v>3</v>
      </c>
      <c r="T9" s="315">
        <v>6</v>
      </c>
      <c r="U9" s="315">
        <v>8</v>
      </c>
      <c r="V9" s="312">
        <v>20</v>
      </c>
      <c r="W9" s="317">
        <v>20</v>
      </c>
      <c r="X9" s="311">
        <v>6</v>
      </c>
      <c r="Y9" s="315">
        <v>28</v>
      </c>
      <c r="Z9" s="312">
        <v>34</v>
      </c>
      <c r="AA9" s="314">
        <v>0</v>
      </c>
      <c r="AB9" s="315">
        <v>59</v>
      </c>
      <c r="AC9" s="315">
        <v>75</v>
      </c>
      <c r="AD9" s="315">
        <v>54</v>
      </c>
      <c r="AE9" s="315">
        <v>41</v>
      </c>
      <c r="AF9" s="315">
        <v>20</v>
      </c>
      <c r="AG9" s="312">
        <v>249</v>
      </c>
      <c r="AH9" s="317">
        <v>283</v>
      </c>
      <c r="AI9" s="311">
        <v>1</v>
      </c>
      <c r="AJ9" s="315">
        <v>3</v>
      </c>
      <c r="AK9" s="312">
        <v>4</v>
      </c>
      <c r="AL9" s="314">
        <v>0</v>
      </c>
      <c r="AM9" s="315">
        <v>1</v>
      </c>
      <c r="AN9" s="315">
        <v>1</v>
      </c>
      <c r="AO9" s="315">
        <v>2</v>
      </c>
      <c r="AP9" s="315">
        <v>3</v>
      </c>
      <c r="AQ9" s="315">
        <v>2</v>
      </c>
      <c r="AR9" s="312">
        <v>9</v>
      </c>
      <c r="AS9" s="317">
        <v>13</v>
      </c>
      <c r="AT9" s="311">
        <v>17</v>
      </c>
      <c r="AU9" s="315">
        <v>24</v>
      </c>
      <c r="AV9" s="312">
        <v>41</v>
      </c>
      <c r="AW9" s="314">
        <v>0</v>
      </c>
      <c r="AX9" s="315">
        <v>106</v>
      </c>
      <c r="AY9" s="315">
        <v>110</v>
      </c>
      <c r="AZ9" s="315">
        <v>98</v>
      </c>
      <c r="BA9" s="315">
        <v>74</v>
      </c>
      <c r="BB9" s="315">
        <v>56</v>
      </c>
      <c r="BC9" s="316">
        <v>444</v>
      </c>
      <c r="BD9" s="317">
        <v>485</v>
      </c>
      <c r="BE9" s="311">
        <v>0</v>
      </c>
      <c r="BF9" s="315">
        <v>0</v>
      </c>
      <c r="BG9" s="312">
        <v>0</v>
      </c>
      <c r="BH9" s="314">
        <v>0</v>
      </c>
      <c r="BI9" s="315">
        <v>117</v>
      </c>
      <c r="BJ9" s="315">
        <v>103</v>
      </c>
      <c r="BK9" s="315">
        <v>60</v>
      </c>
      <c r="BL9" s="315">
        <v>43</v>
      </c>
      <c r="BM9" s="315">
        <v>13</v>
      </c>
      <c r="BN9" s="312">
        <v>336</v>
      </c>
      <c r="BO9" s="317">
        <v>336</v>
      </c>
      <c r="BP9" s="311">
        <v>5</v>
      </c>
      <c r="BQ9" s="315">
        <v>12</v>
      </c>
      <c r="BR9" s="312">
        <v>17</v>
      </c>
      <c r="BS9" s="314">
        <v>0</v>
      </c>
      <c r="BT9" s="315">
        <v>6</v>
      </c>
      <c r="BU9" s="315">
        <v>28</v>
      </c>
      <c r="BV9" s="315">
        <v>21</v>
      </c>
      <c r="BW9" s="315">
        <v>8</v>
      </c>
      <c r="BX9" s="315">
        <v>2</v>
      </c>
      <c r="BY9" s="312">
        <v>65</v>
      </c>
      <c r="BZ9" s="317">
        <v>82</v>
      </c>
      <c r="CA9" s="311">
        <v>0</v>
      </c>
      <c r="CB9" s="315">
        <v>2</v>
      </c>
      <c r="CC9" s="312">
        <v>2</v>
      </c>
      <c r="CD9" s="314">
        <v>0</v>
      </c>
      <c r="CE9" s="315">
        <v>12</v>
      </c>
      <c r="CF9" s="315">
        <v>19</v>
      </c>
      <c r="CG9" s="315">
        <v>23</v>
      </c>
      <c r="CH9" s="315">
        <v>19</v>
      </c>
      <c r="CI9" s="315">
        <v>10</v>
      </c>
      <c r="CJ9" s="312">
        <v>83</v>
      </c>
      <c r="CK9" s="317">
        <v>85</v>
      </c>
      <c r="CL9" s="311">
        <v>0</v>
      </c>
      <c r="CM9" s="315">
        <v>0</v>
      </c>
      <c r="CN9" s="312">
        <v>0</v>
      </c>
      <c r="CO9" s="314">
        <v>0</v>
      </c>
      <c r="CP9" s="315">
        <v>1</v>
      </c>
      <c r="CQ9" s="315">
        <v>1</v>
      </c>
      <c r="CR9" s="315">
        <v>3</v>
      </c>
      <c r="CS9" s="315">
        <v>2</v>
      </c>
      <c r="CT9" s="315">
        <v>1</v>
      </c>
      <c r="CU9" s="312">
        <v>8</v>
      </c>
      <c r="CV9" s="317">
        <v>8</v>
      </c>
      <c r="CW9" s="311">
        <v>0</v>
      </c>
      <c r="CX9" s="315">
        <v>0</v>
      </c>
      <c r="CY9" s="312">
        <v>0</v>
      </c>
      <c r="CZ9" s="314">
        <v>0</v>
      </c>
      <c r="DA9" s="315">
        <v>0</v>
      </c>
      <c r="DB9" s="315">
        <v>0</v>
      </c>
      <c r="DC9" s="315">
        <v>0</v>
      </c>
      <c r="DD9" s="315">
        <v>0</v>
      </c>
      <c r="DE9" s="315">
        <v>0</v>
      </c>
      <c r="DF9" s="312">
        <v>0</v>
      </c>
      <c r="DG9" s="317">
        <v>0</v>
      </c>
      <c r="DH9" s="311">
        <v>0</v>
      </c>
      <c r="DI9" s="315">
        <v>0</v>
      </c>
      <c r="DJ9" s="312">
        <v>0</v>
      </c>
      <c r="DK9" s="314">
        <v>0</v>
      </c>
      <c r="DL9" s="315">
        <v>0</v>
      </c>
      <c r="DM9" s="315">
        <v>0</v>
      </c>
      <c r="DN9" s="315">
        <v>0</v>
      </c>
      <c r="DO9" s="315">
        <v>0</v>
      </c>
      <c r="DP9" s="315">
        <v>0</v>
      </c>
      <c r="DQ9" s="312">
        <v>0</v>
      </c>
      <c r="DR9" s="317">
        <v>0</v>
      </c>
      <c r="DS9" s="311">
        <v>36</v>
      </c>
      <c r="DT9" s="315">
        <v>106</v>
      </c>
      <c r="DU9" s="312">
        <v>142</v>
      </c>
      <c r="DV9" s="314">
        <v>0</v>
      </c>
      <c r="DW9" s="315">
        <v>115</v>
      </c>
      <c r="DX9" s="315">
        <v>228</v>
      </c>
      <c r="DY9" s="315">
        <v>144</v>
      </c>
      <c r="DZ9" s="315">
        <v>96</v>
      </c>
      <c r="EA9" s="315">
        <v>51</v>
      </c>
      <c r="EB9" s="312">
        <v>634</v>
      </c>
      <c r="EC9" s="317">
        <v>776</v>
      </c>
      <c r="ED9" s="311">
        <v>13</v>
      </c>
      <c r="EE9" s="315">
        <v>12</v>
      </c>
      <c r="EF9" s="312">
        <v>25</v>
      </c>
      <c r="EG9" s="314">
        <v>0</v>
      </c>
      <c r="EH9" s="315">
        <v>41</v>
      </c>
      <c r="EI9" s="315">
        <v>30</v>
      </c>
      <c r="EJ9" s="315">
        <v>24</v>
      </c>
      <c r="EK9" s="315">
        <v>24</v>
      </c>
      <c r="EL9" s="315">
        <v>20</v>
      </c>
      <c r="EM9" s="312">
        <v>139</v>
      </c>
      <c r="EN9" s="317">
        <v>164</v>
      </c>
      <c r="EO9" s="311">
        <v>48</v>
      </c>
      <c r="EP9" s="315">
        <v>124</v>
      </c>
      <c r="EQ9" s="312">
        <v>172</v>
      </c>
      <c r="ER9" s="314">
        <v>0</v>
      </c>
      <c r="ES9" s="315">
        <v>296</v>
      </c>
      <c r="ET9" s="315">
        <v>307</v>
      </c>
      <c r="EU9" s="315">
        <v>172</v>
      </c>
      <c r="EV9" s="315">
        <v>104</v>
      </c>
      <c r="EW9" s="315">
        <v>52</v>
      </c>
      <c r="EX9" s="312">
        <v>931</v>
      </c>
      <c r="EY9" s="317">
        <v>1103</v>
      </c>
    </row>
    <row r="10" spans="1:155" ht="19.5" customHeight="1" x14ac:dyDescent="0.2">
      <c r="A10" s="296" t="s">
        <v>7</v>
      </c>
      <c r="B10" s="311">
        <v>0</v>
      </c>
      <c r="C10" s="315">
        <v>0</v>
      </c>
      <c r="D10" s="437">
        <v>0</v>
      </c>
      <c r="E10" s="314">
        <v>0</v>
      </c>
      <c r="F10" s="315">
        <v>121</v>
      </c>
      <c r="G10" s="315">
        <v>108</v>
      </c>
      <c r="H10" s="315">
        <v>59</v>
      </c>
      <c r="I10" s="315">
        <v>41</v>
      </c>
      <c r="J10" s="315">
        <v>21</v>
      </c>
      <c r="K10" s="316">
        <v>350</v>
      </c>
      <c r="L10" s="317">
        <v>350</v>
      </c>
      <c r="M10" s="311">
        <v>0</v>
      </c>
      <c r="N10" s="315">
        <v>0</v>
      </c>
      <c r="O10" s="312">
        <v>0</v>
      </c>
      <c r="P10" s="314">
        <v>0</v>
      </c>
      <c r="Q10" s="315">
        <v>2</v>
      </c>
      <c r="R10" s="315">
        <v>4</v>
      </c>
      <c r="S10" s="315">
        <v>11</v>
      </c>
      <c r="T10" s="315">
        <v>10</v>
      </c>
      <c r="U10" s="315">
        <v>13</v>
      </c>
      <c r="V10" s="312">
        <v>40</v>
      </c>
      <c r="W10" s="317">
        <v>40</v>
      </c>
      <c r="X10" s="311">
        <v>1</v>
      </c>
      <c r="Y10" s="315">
        <v>4</v>
      </c>
      <c r="Z10" s="312">
        <v>5</v>
      </c>
      <c r="AA10" s="314">
        <v>0</v>
      </c>
      <c r="AB10" s="315">
        <v>53</v>
      </c>
      <c r="AC10" s="315">
        <v>50</v>
      </c>
      <c r="AD10" s="315">
        <v>41</v>
      </c>
      <c r="AE10" s="315">
        <v>24</v>
      </c>
      <c r="AF10" s="315">
        <v>14</v>
      </c>
      <c r="AG10" s="312">
        <v>182</v>
      </c>
      <c r="AH10" s="317">
        <v>187</v>
      </c>
      <c r="AI10" s="311">
        <v>0</v>
      </c>
      <c r="AJ10" s="315">
        <v>1</v>
      </c>
      <c r="AK10" s="312">
        <v>1</v>
      </c>
      <c r="AL10" s="314">
        <v>0</v>
      </c>
      <c r="AM10" s="315">
        <v>2</v>
      </c>
      <c r="AN10" s="315">
        <v>4</v>
      </c>
      <c r="AO10" s="315">
        <v>4</v>
      </c>
      <c r="AP10" s="315">
        <v>5</v>
      </c>
      <c r="AQ10" s="315">
        <v>1</v>
      </c>
      <c r="AR10" s="312">
        <v>16</v>
      </c>
      <c r="AS10" s="317">
        <v>17</v>
      </c>
      <c r="AT10" s="311">
        <v>16</v>
      </c>
      <c r="AU10" s="315">
        <v>11</v>
      </c>
      <c r="AV10" s="312">
        <v>27</v>
      </c>
      <c r="AW10" s="314">
        <v>0</v>
      </c>
      <c r="AX10" s="315">
        <v>125</v>
      </c>
      <c r="AY10" s="315">
        <v>105</v>
      </c>
      <c r="AZ10" s="315">
        <v>107</v>
      </c>
      <c r="BA10" s="315">
        <v>79</v>
      </c>
      <c r="BB10" s="315">
        <v>47</v>
      </c>
      <c r="BC10" s="316">
        <v>463</v>
      </c>
      <c r="BD10" s="317">
        <v>490</v>
      </c>
      <c r="BE10" s="311">
        <v>0</v>
      </c>
      <c r="BF10" s="315">
        <v>0</v>
      </c>
      <c r="BG10" s="312">
        <v>0</v>
      </c>
      <c r="BH10" s="314">
        <v>0</v>
      </c>
      <c r="BI10" s="315">
        <v>139</v>
      </c>
      <c r="BJ10" s="315">
        <v>109</v>
      </c>
      <c r="BK10" s="315">
        <v>55</v>
      </c>
      <c r="BL10" s="315">
        <v>23</v>
      </c>
      <c r="BM10" s="315">
        <v>9</v>
      </c>
      <c r="BN10" s="312">
        <v>335</v>
      </c>
      <c r="BO10" s="317">
        <v>335</v>
      </c>
      <c r="BP10" s="311">
        <v>3</v>
      </c>
      <c r="BQ10" s="315">
        <v>2</v>
      </c>
      <c r="BR10" s="312">
        <v>5</v>
      </c>
      <c r="BS10" s="314">
        <v>0</v>
      </c>
      <c r="BT10" s="315">
        <v>28</v>
      </c>
      <c r="BU10" s="315">
        <v>14</v>
      </c>
      <c r="BV10" s="315">
        <v>15</v>
      </c>
      <c r="BW10" s="315">
        <v>7</v>
      </c>
      <c r="BX10" s="315">
        <v>2</v>
      </c>
      <c r="BY10" s="312">
        <v>66</v>
      </c>
      <c r="BZ10" s="317">
        <v>71</v>
      </c>
      <c r="CA10" s="311">
        <v>0</v>
      </c>
      <c r="CB10" s="315">
        <v>0</v>
      </c>
      <c r="CC10" s="312">
        <v>0</v>
      </c>
      <c r="CD10" s="314">
        <v>0</v>
      </c>
      <c r="CE10" s="315">
        <v>21</v>
      </c>
      <c r="CF10" s="315">
        <v>15</v>
      </c>
      <c r="CG10" s="315">
        <v>19</v>
      </c>
      <c r="CH10" s="315">
        <v>13</v>
      </c>
      <c r="CI10" s="315">
        <v>8</v>
      </c>
      <c r="CJ10" s="312">
        <v>76</v>
      </c>
      <c r="CK10" s="317">
        <v>76</v>
      </c>
      <c r="CL10" s="311">
        <v>0</v>
      </c>
      <c r="CM10" s="315">
        <v>0</v>
      </c>
      <c r="CN10" s="312">
        <v>0</v>
      </c>
      <c r="CO10" s="314">
        <v>0</v>
      </c>
      <c r="CP10" s="315">
        <v>0</v>
      </c>
      <c r="CQ10" s="315">
        <v>0</v>
      </c>
      <c r="CR10" s="315">
        <v>0</v>
      </c>
      <c r="CS10" s="315">
        <v>1</v>
      </c>
      <c r="CT10" s="315">
        <v>0</v>
      </c>
      <c r="CU10" s="312">
        <v>1</v>
      </c>
      <c r="CV10" s="317">
        <v>1</v>
      </c>
      <c r="CW10" s="311">
        <v>0</v>
      </c>
      <c r="CX10" s="315">
        <v>0</v>
      </c>
      <c r="CY10" s="312">
        <v>0</v>
      </c>
      <c r="CZ10" s="314">
        <v>0</v>
      </c>
      <c r="DA10" s="315">
        <v>0</v>
      </c>
      <c r="DB10" s="315">
        <v>0</v>
      </c>
      <c r="DC10" s="315">
        <v>0</v>
      </c>
      <c r="DD10" s="315">
        <v>0</v>
      </c>
      <c r="DE10" s="315">
        <v>0</v>
      </c>
      <c r="DF10" s="312">
        <v>0</v>
      </c>
      <c r="DG10" s="317">
        <v>0</v>
      </c>
      <c r="DH10" s="311">
        <v>0</v>
      </c>
      <c r="DI10" s="315">
        <v>0</v>
      </c>
      <c r="DJ10" s="312">
        <v>0</v>
      </c>
      <c r="DK10" s="314">
        <v>0</v>
      </c>
      <c r="DL10" s="315">
        <v>0</v>
      </c>
      <c r="DM10" s="315">
        <v>0</v>
      </c>
      <c r="DN10" s="315">
        <v>0</v>
      </c>
      <c r="DO10" s="315">
        <v>0</v>
      </c>
      <c r="DP10" s="315">
        <v>0</v>
      </c>
      <c r="DQ10" s="312">
        <v>0</v>
      </c>
      <c r="DR10" s="317">
        <v>0</v>
      </c>
      <c r="DS10" s="311">
        <v>16</v>
      </c>
      <c r="DT10" s="315">
        <v>38</v>
      </c>
      <c r="DU10" s="312">
        <v>54</v>
      </c>
      <c r="DV10" s="314">
        <v>0</v>
      </c>
      <c r="DW10" s="315">
        <v>152</v>
      </c>
      <c r="DX10" s="315">
        <v>207</v>
      </c>
      <c r="DY10" s="315">
        <v>121</v>
      </c>
      <c r="DZ10" s="315">
        <v>78</v>
      </c>
      <c r="EA10" s="315">
        <v>40</v>
      </c>
      <c r="EB10" s="312">
        <v>598</v>
      </c>
      <c r="EC10" s="317">
        <v>652</v>
      </c>
      <c r="ED10" s="311">
        <v>8</v>
      </c>
      <c r="EE10" s="315">
        <v>6</v>
      </c>
      <c r="EF10" s="312">
        <v>14</v>
      </c>
      <c r="EG10" s="314">
        <v>0</v>
      </c>
      <c r="EH10" s="315">
        <v>52</v>
      </c>
      <c r="EI10" s="315">
        <v>33</v>
      </c>
      <c r="EJ10" s="315">
        <v>30</v>
      </c>
      <c r="EK10" s="315">
        <v>29</v>
      </c>
      <c r="EL10" s="315">
        <v>15</v>
      </c>
      <c r="EM10" s="312">
        <v>159</v>
      </c>
      <c r="EN10" s="317">
        <v>173</v>
      </c>
      <c r="EO10" s="311">
        <v>20</v>
      </c>
      <c r="EP10" s="315">
        <v>42</v>
      </c>
      <c r="EQ10" s="312">
        <v>62</v>
      </c>
      <c r="ER10" s="314">
        <v>0</v>
      </c>
      <c r="ES10" s="315">
        <v>363</v>
      </c>
      <c r="ET10" s="315">
        <v>276</v>
      </c>
      <c r="EU10" s="315">
        <v>149</v>
      </c>
      <c r="EV10" s="315">
        <v>85</v>
      </c>
      <c r="EW10" s="315">
        <v>41</v>
      </c>
      <c r="EX10" s="312">
        <v>914</v>
      </c>
      <c r="EY10" s="317">
        <v>976</v>
      </c>
    </row>
    <row r="11" spans="1:155" ht="19.5" customHeight="1" x14ac:dyDescent="0.2">
      <c r="A11" s="296" t="s">
        <v>8</v>
      </c>
      <c r="B11" s="311">
        <v>0</v>
      </c>
      <c r="C11" s="315">
        <v>0</v>
      </c>
      <c r="D11" s="437">
        <v>0</v>
      </c>
      <c r="E11" s="314">
        <v>0</v>
      </c>
      <c r="F11" s="315">
        <v>24</v>
      </c>
      <c r="G11" s="315">
        <v>28</v>
      </c>
      <c r="H11" s="315">
        <v>17</v>
      </c>
      <c r="I11" s="315">
        <v>6</v>
      </c>
      <c r="J11" s="315">
        <v>8</v>
      </c>
      <c r="K11" s="316">
        <v>83</v>
      </c>
      <c r="L11" s="317">
        <v>83</v>
      </c>
      <c r="M11" s="311">
        <v>0</v>
      </c>
      <c r="N11" s="315">
        <v>0</v>
      </c>
      <c r="O11" s="312">
        <v>0</v>
      </c>
      <c r="P11" s="314">
        <v>0</v>
      </c>
      <c r="Q11" s="315">
        <v>0</v>
      </c>
      <c r="R11" s="315">
        <v>1</v>
      </c>
      <c r="S11" s="315">
        <v>1</v>
      </c>
      <c r="T11" s="315">
        <v>4</v>
      </c>
      <c r="U11" s="315">
        <v>2</v>
      </c>
      <c r="V11" s="312">
        <v>8</v>
      </c>
      <c r="W11" s="317">
        <v>8</v>
      </c>
      <c r="X11" s="311">
        <v>2</v>
      </c>
      <c r="Y11" s="315">
        <v>7</v>
      </c>
      <c r="Z11" s="312">
        <v>9</v>
      </c>
      <c r="AA11" s="314">
        <v>0</v>
      </c>
      <c r="AB11" s="315">
        <v>20</v>
      </c>
      <c r="AC11" s="315">
        <v>22</v>
      </c>
      <c r="AD11" s="315">
        <v>16</v>
      </c>
      <c r="AE11" s="315">
        <v>15</v>
      </c>
      <c r="AF11" s="315">
        <v>8</v>
      </c>
      <c r="AG11" s="312">
        <v>81</v>
      </c>
      <c r="AH11" s="317">
        <v>90</v>
      </c>
      <c r="AI11" s="311">
        <v>0</v>
      </c>
      <c r="AJ11" s="315">
        <v>1</v>
      </c>
      <c r="AK11" s="312">
        <v>1</v>
      </c>
      <c r="AL11" s="314">
        <v>0</v>
      </c>
      <c r="AM11" s="315">
        <v>1</v>
      </c>
      <c r="AN11" s="315">
        <v>5</v>
      </c>
      <c r="AO11" s="315">
        <v>8</v>
      </c>
      <c r="AP11" s="315">
        <v>3</v>
      </c>
      <c r="AQ11" s="315">
        <v>1</v>
      </c>
      <c r="AR11" s="312">
        <v>18</v>
      </c>
      <c r="AS11" s="317">
        <v>19</v>
      </c>
      <c r="AT11" s="311">
        <v>8</v>
      </c>
      <c r="AU11" s="315">
        <v>7</v>
      </c>
      <c r="AV11" s="312">
        <v>15</v>
      </c>
      <c r="AW11" s="314">
        <v>0</v>
      </c>
      <c r="AX11" s="315">
        <v>33</v>
      </c>
      <c r="AY11" s="315">
        <v>39</v>
      </c>
      <c r="AZ11" s="315">
        <v>28</v>
      </c>
      <c r="BA11" s="315">
        <v>27</v>
      </c>
      <c r="BB11" s="315">
        <v>16</v>
      </c>
      <c r="BC11" s="316">
        <v>143</v>
      </c>
      <c r="BD11" s="317">
        <v>158</v>
      </c>
      <c r="BE11" s="311">
        <v>0</v>
      </c>
      <c r="BF11" s="315">
        <v>0</v>
      </c>
      <c r="BG11" s="312">
        <v>0</v>
      </c>
      <c r="BH11" s="314">
        <v>0</v>
      </c>
      <c r="BI11" s="315">
        <v>34</v>
      </c>
      <c r="BJ11" s="315">
        <v>35</v>
      </c>
      <c r="BK11" s="315">
        <v>18</v>
      </c>
      <c r="BL11" s="315">
        <v>7</v>
      </c>
      <c r="BM11" s="315">
        <v>5</v>
      </c>
      <c r="BN11" s="312">
        <v>99</v>
      </c>
      <c r="BO11" s="317">
        <v>99</v>
      </c>
      <c r="BP11" s="311">
        <v>7</v>
      </c>
      <c r="BQ11" s="315">
        <v>2</v>
      </c>
      <c r="BR11" s="312">
        <v>9</v>
      </c>
      <c r="BS11" s="314">
        <v>0</v>
      </c>
      <c r="BT11" s="315">
        <v>5</v>
      </c>
      <c r="BU11" s="315">
        <v>12</v>
      </c>
      <c r="BV11" s="315">
        <v>7</v>
      </c>
      <c r="BW11" s="315">
        <v>5</v>
      </c>
      <c r="BX11" s="315">
        <v>2</v>
      </c>
      <c r="BY11" s="312">
        <v>31</v>
      </c>
      <c r="BZ11" s="317">
        <v>40</v>
      </c>
      <c r="CA11" s="311">
        <v>0</v>
      </c>
      <c r="CB11" s="315">
        <v>1</v>
      </c>
      <c r="CC11" s="312">
        <v>1</v>
      </c>
      <c r="CD11" s="314">
        <v>0</v>
      </c>
      <c r="CE11" s="315">
        <v>1</v>
      </c>
      <c r="CF11" s="315">
        <v>9</v>
      </c>
      <c r="CG11" s="315">
        <v>7</v>
      </c>
      <c r="CH11" s="315">
        <v>6</v>
      </c>
      <c r="CI11" s="315">
        <v>4</v>
      </c>
      <c r="CJ11" s="312">
        <v>27</v>
      </c>
      <c r="CK11" s="317">
        <v>28</v>
      </c>
      <c r="CL11" s="311">
        <v>0</v>
      </c>
      <c r="CM11" s="315">
        <v>0</v>
      </c>
      <c r="CN11" s="312">
        <v>0</v>
      </c>
      <c r="CO11" s="314">
        <v>0</v>
      </c>
      <c r="CP11" s="315">
        <v>0</v>
      </c>
      <c r="CQ11" s="315">
        <v>0</v>
      </c>
      <c r="CR11" s="315">
        <v>1</v>
      </c>
      <c r="CS11" s="315">
        <v>0</v>
      </c>
      <c r="CT11" s="315">
        <v>0</v>
      </c>
      <c r="CU11" s="312">
        <v>1</v>
      </c>
      <c r="CV11" s="317">
        <v>1</v>
      </c>
      <c r="CW11" s="311">
        <v>0</v>
      </c>
      <c r="CX11" s="315">
        <v>0</v>
      </c>
      <c r="CY11" s="312">
        <v>0</v>
      </c>
      <c r="CZ11" s="314">
        <v>0</v>
      </c>
      <c r="DA11" s="315">
        <v>0</v>
      </c>
      <c r="DB11" s="315">
        <v>0</v>
      </c>
      <c r="DC11" s="315">
        <v>0</v>
      </c>
      <c r="DD11" s="315">
        <v>0</v>
      </c>
      <c r="DE11" s="315">
        <v>0</v>
      </c>
      <c r="DF11" s="312">
        <v>0</v>
      </c>
      <c r="DG11" s="317">
        <v>0</v>
      </c>
      <c r="DH11" s="311">
        <v>0</v>
      </c>
      <c r="DI11" s="315">
        <v>0</v>
      </c>
      <c r="DJ11" s="312">
        <v>0</v>
      </c>
      <c r="DK11" s="314">
        <v>0</v>
      </c>
      <c r="DL11" s="315">
        <v>0</v>
      </c>
      <c r="DM11" s="315">
        <v>0</v>
      </c>
      <c r="DN11" s="315">
        <v>0</v>
      </c>
      <c r="DO11" s="315">
        <v>0</v>
      </c>
      <c r="DP11" s="315">
        <v>0</v>
      </c>
      <c r="DQ11" s="312">
        <v>0</v>
      </c>
      <c r="DR11" s="317">
        <v>0</v>
      </c>
      <c r="DS11" s="311">
        <v>22</v>
      </c>
      <c r="DT11" s="315">
        <v>15</v>
      </c>
      <c r="DU11" s="312">
        <v>37</v>
      </c>
      <c r="DV11" s="314">
        <v>0</v>
      </c>
      <c r="DW11" s="315">
        <v>53</v>
      </c>
      <c r="DX11" s="315">
        <v>86</v>
      </c>
      <c r="DY11" s="315">
        <v>50</v>
      </c>
      <c r="DZ11" s="315">
        <v>30</v>
      </c>
      <c r="EA11" s="315">
        <v>18</v>
      </c>
      <c r="EB11" s="312">
        <v>237</v>
      </c>
      <c r="EC11" s="317">
        <v>274</v>
      </c>
      <c r="ED11" s="311">
        <v>5</v>
      </c>
      <c r="EE11" s="315">
        <v>6</v>
      </c>
      <c r="EF11" s="312">
        <v>11</v>
      </c>
      <c r="EG11" s="314">
        <v>0</v>
      </c>
      <c r="EH11" s="315">
        <v>14</v>
      </c>
      <c r="EI11" s="315">
        <v>10</v>
      </c>
      <c r="EJ11" s="315">
        <v>8</v>
      </c>
      <c r="EK11" s="315">
        <v>8</v>
      </c>
      <c r="EL11" s="315">
        <v>5</v>
      </c>
      <c r="EM11" s="312">
        <v>45</v>
      </c>
      <c r="EN11" s="317">
        <v>56</v>
      </c>
      <c r="EO11" s="311">
        <v>29</v>
      </c>
      <c r="EP11" s="315">
        <v>24</v>
      </c>
      <c r="EQ11" s="312">
        <v>53</v>
      </c>
      <c r="ER11" s="314">
        <v>0</v>
      </c>
      <c r="ES11" s="315">
        <v>100</v>
      </c>
      <c r="ET11" s="315">
        <v>108</v>
      </c>
      <c r="EU11" s="315">
        <v>56</v>
      </c>
      <c r="EV11" s="315">
        <v>29</v>
      </c>
      <c r="EW11" s="315">
        <v>18</v>
      </c>
      <c r="EX11" s="312">
        <v>311</v>
      </c>
      <c r="EY11" s="317">
        <v>364</v>
      </c>
    </row>
    <row r="12" spans="1:155" ht="19.5" customHeight="1" x14ac:dyDescent="0.2">
      <c r="A12" s="296" t="s">
        <v>9</v>
      </c>
      <c r="B12" s="311">
        <v>0</v>
      </c>
      <c r="C12" s="315">
        <v>0</v>
      </c>
      <c r="D12" s="437">
        <v>0</v>
      </c>
      <c r="E12" s="314">
        <v>0</v>
      </c>
      <c r="F12" s="315">
        <v>51</v>
      </c>
      <c r="G12" s="315">
        <v>45</v>
      </c>
      <c r="H12" s="315">
        <v>31</v>
      </c>
      <c r="I12" s="315">
        <v>31</v>
      </c>
      <c r="J12" s="315">
        <v>19</v>
      </c>
      <c r="K12" s="316">
        <v>177</v>
      </c>
      <c r="L12" s="317">
        <v>177</v>
      </c>
      <c r="M12" s="311">
        <v>0</v>
      </c>
      <c r="N12" s="315">
        <v>0</v>
      </c>
      <c r="O12" s="312">
        <v>0</v>
      </c>
      <c r="P12" s="314">
        <v>0</v>
      </c>
      <c r="Q12" s="315">
        <v>1</v>
      </c>
      <c r="R12" s="315">
        <v>0</v>
      </c>
      <c r="S12" s="315">
        <v>1</v>
      </c>
      <c r="T12" s="315">
        <v>4</v>
      </c>
      <c r="U12" s="315">
        <v>9</v>
      </c>
      <c r="V12" s="312">
        <v>15</v>
      </c>
      <c r="W12" s="317">
        <v>15</v>
      </c>
      <c r="X12" s="311">
        <v>1</v>
      </c>
      <c r="Y12" s="315">
        <v>8</v>
      </c>
      <c r="Z12" s="312">
        <v>9</v>
      </c>
      <c r="AA12" s="314">
        <v>0</v>
      </c>
      <c r="AB12" s="315">
        <v>34</v>
      </c>
      <c r="AC12" s="315">
        <v>25</v>
      </c>
      <c r="AD12" s="315">
        <v>21</v>
      </c>
      <c r="AE12" s="315">
        <v>27</v>
      </c>
      <c r="AF12" s="315">
        <v>14</v>
      </c>
      <c r="AG12" s="312">
        <v>121</v>
      </c>
      <c r="AH12" s="317">
        <v>130</v>
      </c>
      <c r="AI12" s="311">
        <v>1</v>
      </c>
      <c r="AJ12" s="315">
        <v>2</v>
      </c>
      <c r="AK12" s="312">
        <v>3</v>
      </c>
      <c r="AL12" s="314">
        <v>0</v>
      </c>
      <c r="AM12" s="315">
        <v>0</v>
      </c>
      <c r="AN12" s="315">
        <v>6</v>
      </c>
      <c r="AO12" s="315">
        <v>3</v>
      </c>
      <c r="AP12" s="315">
        <v>4</v>
      </c>
      <c r="AQ12" s="315">
        <v>2</v>
      </c>
      <c r="AR12" s="312">
        <v>15</v>
      </c>
      <c r="AS12" s="317">
        <v>18</v>
      </c>
      <c r="AT12" s="311">
        <v>15</v>
      </c>
      <c r="AU12" s="315">
        <v>14</v>
      </c>
      <c r="AV12" s="312">
        <v>29</v>
      </c>
      <c r="AW12" s="314">
        <v>0</v>
      </c>
      <c r="AX12" s="315">
        <v>58</v>
      </c>
      <c r="AY12" s="315">
        <v>45</v>
      </c>
      <c r="AZ12" s="315">
        <v>56</v>
      </c>
      <c r="BA12" s="315">
        <v>45</v>
      </c>
      <c r="BB12" s="315">
        <v>28</v>
      </c>
      <c r="BC12" s="316">
        <v>232</v>
      </c>
      <c r="BD12" s="317">
        <v>261</v>
      </c>
      <c r="BE12" s="311">
        <v>0</v>
      </c>
      <c r="BF12" s="315">
        <v>0</v>
      </c>
      <c r="BG12" s="312">
        <v>0</v>
      </c>
      <c r="BH12" s="314">
        <v>0</v>
      </c>
      <c r="BI12" s="315">
        <v>52</v>
      </c>
      <c r="BJ12" s="315">
        <v>41</v>
      </c>
      <c r="BK12" s="315">
        <v>35</v>
      </c>
      <c r="BL12" s="315">
        <v>14</v>
      </c>
      <c r="BM12" s="315">
        <v>7</v>
      </c>
      <c r="BN12" s="312">
        <v>149</v>
      </c>
      <c r="BO12" s="317">
        <v>149</v>
      </c>
      <c r="BP12" s="311">
        <v>4</v>
      </c>
      <c r="BQ12" s="315">
        <v>3</v>
      </c>
      <c r="BR12" s="312">
        <v>7</v>
      </c>
      <c r="BS12" s="314">
        <v>0</v>
      </c>
      <c r="BT12" s="315">
        <v>10</v>
      </c>
      <c r="BU12" s="315">
        <v>15</v>
      </c>
      <c r="BV12" s="315">
        <v>8</v>
      </c>
      <c r="BW12" s="315">
        <v>10</v>
      </c>
      <c r="BX12" s="315">
        <v>0</v>
      </c>
      <c r="BY12" s="312">
        <v>43</v>
      </c>
      <c r="BZ12" s="317">
        <v>50</v>
      </c>
      <c r="CA12" s="311">
        <v>1</v>
      </c>
      <c r="CB12" s="315">
        <v>0</v>
      </c>
      <c r="CC12" s="312">
        <v>1</v>
      </c>
      <c r="CD12" s="314">
        <v>0</v>
      </c>
      <c r="CE12" s="315">
        <v>8</v>
      </c>
      <c r="CF12" s="315">
        <v>6</v>
      </c>
      <c r="CG12" s="315">
        <v>12</v>
      </c>
      <c r="CH12" s="315">
        <v>7</v>
      </c>
      <c r="CI12" s="315">
        <v>2</v>
      </c>
      <c r="CJ12" s="312">
        <v>35</v>
      </c>
      <c r="CK12" s="317">
        <v>36</v>
      </c>
      <c r="CL12" s="311">
        <v>0</v>
      </c>
      <c r="CM12" s="315">
        <v>0</v>
      </c>
      <c r="CN12" s="312">
        <v>0</v>
      </c>
      <c r="CO12" s="314">
        <v>0</v>
      </c>
      <c r="CP12" s="315">
        <v>0</v>
      </c>
      <c r="CQ12" s="315">
        <v>3</v>
      </c>
      <c r="CR12" s="315">
        <v>0</v>
      </c>
      <c r="CS12" s="315">
        <v>1</v>
      </c>
      <c r="CT12" s="315">
        <v>0</v>
      </c>
      <c r="CU12" s="312">
        <v>4</v>
      </c>
      <c r="CV12" s="317">
        <v>4</v>
      </c>
      <c r="CW12" s="311">
        <v>0</v>
      </c>
      <c r="CX12" s="315">
        <v>0</v>
      </c>
      <c r="CY12" s="312">
        <v>0</v>
      </c>
      <c r="CZ12" s="314">
        <v>0</v>
      </c>
      <c r="DA12" s="315">
        <v>0</v>
      </c>
      <c r="DB12" s="315">
        <v>0</v>
      </c>
      <c r="DC12" s="315">
        <v>0</v>
      </c>
      <c r="DD12" s="315">
        <v>0</v>
      </c>
      <c r="DE12" s="315">
        <v>0</v>
      </c>
      <c r="DF12" s="312">
        <v>0</v>
      </c>
      <c r="DG12" s="317">
        <v>0</v>
      </c>
      <c r="DH12" s="311">
        <v>0</v>
      </c>
      <c r="DI12" s="315">
        <v>0</v>
      </c>
      <c r="DJ12" s="312">
        <v>0</v>
      </c>
      <c r="DK12" s="314">
        <v>0</v>
      </c>
      <c r="DL12" s="315">
        <v>0</v>
      </c>
      <c r="DM12" s="315">
        <v>0</v>
      </c>
      <c r="DN12" s="315">
        <v>0</v>
      </c>
      <c r="DO12" s="315">
        <v>0</v>
      </c>
      <c r="DP12" s="315">
        <v>0</v>
      </c>
      <c r="DQ12" s="312">
        <v>0</v>
      </c>
      <c r="DR12" s="317">
        <v>0</v>
      </c>
      <c r="DS12" s="311">
        <v>28</v>
      </c>
      <c r="DT12" s="315">
        <v>29</v>
      </c>
      <c r="DU12" s="312">
        <v>57</v>
      </c>
      <c r="DV12" s="314">
        <v>0</v>
      </c>
      <c r="DW12" s="315">
        <v>88</v>
      </c>
      <c r="DX12" s="315">
        <v>96</v>
      </c>
      <c r="DY12" s="315">
        <v>68</v>
      </c>
      <c r="DZ12" s="315">
        <v>54</v>
      </c>
      <c r="EA12" s="315">
        <v>30</v>
      </c>
      <c r="EB12" s="312">
        <v>336</v>
      </c>
      <c r="EC12" s="317">
        <v>393</v>
      </c>
      <c r="ED12" s="311">
        <v>9</v>
      </c>
      <c r="EE12" s="315">
        <v>4</v>
      </c>
      <c r="EF12" s="312">
        <v>13</v>
      </c>
      <c r="EG12" s="314">
        <v>0</v>
      </c>
      <c r="EH12" s="315">
        <v>23</v>
      </c>
      <c r="EI12" s="315">
        <v>16</v>
      </c>
      <c r="EJ12" s="315">
        <v>13</v>
      </c>
      <c r="EK12" s="315">
        <v>11</v>
      </c>
      <c r="EL12" s="315">
        <v>8</v>
      </c>
      <c r="EM12" s="312">
        <v>71</v>
      </c>
      <c r="EN12" s="317">
        <v>84</v>
      </c>
      <c r="EO12" s="311">
        <v>33</v>
      </c>
      <c r="EP12" s="315">
        <v>39</v>
      </c>
      <c r="EQ12" s="312">
        <v>72</v>
      </c>
      <c r="ER12" s="314">
        <v>0</v>
      </c>
      <c r="ES12" s="315">
        <v>164</v>
      </c>
      <c r="ET12" s="315">
        <v>126</v>
      </c>
      <c r="EU12" s="315">
        <v>80</v>
      </c>
      <c r="EV12" s="315">
        <v>56</v>
      </c>
      <c r="EW12" s="315">
        <v>31</v>
      </c>
      <c r="EX12" s="312">
        <v>457</v>
      </c>
      <c r="EY12" s="317">
        <v>529</v>
      </c>
    </row>
    <row r="13" spans="1:155" ht="19.5" customHeight="1" x14ac:dyDescent="0.2">
      <c r="A13" s="296" t="s">
        <v>10</v>
      </c>
      <c r="B13" s="311">
        <v>0</v>
      </c>
      <c r="C13" s="315">
        <v>0</v>
      </c>
      <c r="D13" s="437">
        <v>0</v>
      </c>
      <c r="E13" s="314">
        <v>0</v>
      </c>
      <c r="F13" s="315">
        <v>90</v>
      </c>
      <c r="G13" s="315">
        <v>45</v>
      </c>
      <c r="H13" s="315">
        <v>42</v>
      </c>
      <c r="I13" s="315">
        <v>25</v>
      </c>
      <c r="J13" s="315">
        <v>21</v>
      </c>
      <c r="K13" s="316">
        <v>223</v>
      </c>
      <c r="L13" s="317">
        <v>223</v>
      </c>
      <c r="M13" s="311">
        <v>0</v>
      </c>
      <c r="N13" s="315">
        <v>0</v>
      </c>
      <c r="O13" s="312">
        <v>0</v>
      </c>
      <c r="P13" s="314">
        <v>0</v>
      </c>
      <c r="Q13" s="315">
        <v>0</v>
      </c>
      <c r="R13" s="315">
        <v>0</v>
      </c>
      <c r="S13" s="315">
        <v>4</v>
      </c>
      <c r="T13" s="315">
        <v>9</v>
      </c>
      <c r="U13" s="315">
        <v>11</v>
      </c>
      <c r="V13" s="312">
        <v>24</v>
      </c>
      <c r="W13" s="317">
        <v>24</v>
      </c>
      <c r="X13" s="311">
        <v>14</v>
      </c>
      <c r="Y13" s="315">
        <v>23</v>
      </c>
      <c r="Z13" s="312">
        <v>37</v>
      </c>
      <c r="AA13" s="314">
        <v>0</v>
      </c>
      <c r="AB13" s="315">
        <v>53</v>
      </c>
      <c r="AC13" s="315">
        <v>39</v>
      </c>
      <c r="AD13" s="315">
        <v>27</v>
      </c>
      <c r="AE13" s="315">
        <v>25</v>
      </c>
      <c r="AF13" s="315">
        <v>14</v>
      </c>
      <c r="AG13" s="312">
        <v>158</v>
      </c>
      <c r="AH13" s="317">
        <v>195</v>
      </c>
      <c r="AI13" s="311">
        <v>1</v>
      </c>
      <c r="AJ13" s="315">
        <v>5</v>
      </c>
      <c r="AK13" s="312">
        <v>6</v>
      </c>
      <c r="AL13" s="314">
        <v>0</v>
      </c>
      <c r="AM13" s="315">
        <v>13</v>
      </c>
      <c r="AN13" s="315">
        <v>3</v>
      </c>
      <c r="AO13" s="315">
        <v>4</v>
      </c>
      <c r="AP13" s="315">
        <v>3</v>
      </c>
      <c r="AQ13" s="315">
        <v>1</v>
      </c>
      <c r="AR13" s="312">
        <v>24</v>
      </c>
      <c r="AS13" s="317">
        <v>30</v>
      </c>
      <c r="AT13" s="311">
        <v>12</v>
      </c>
      <c r="AU13" s="315">
        <v>21</v>
      </c>
      <c r="AV13" s="312">
        <v>33</v>
      </c>
      <c r="AW13" s="314">
        <v>0</v>
      </c>
      <c r="AX13" s="315">
        <v>92</v>
      </c>
      <c r="AY13" s="315">
        <v>80</v>
      </c>
      <c r="AZ13" s="315">
        <v>63</v>
      </c>
      <c r="BA13" s="315">
        <v>55</v>
      </c>
      <c r="BB13" s="315">
        <v>50</v>
      </c>
      <c r="BC13" s="316">
        <v>340</v>
      </c>
      <c r="BD13" s="317">
        <v>373</v>
      </c>
      <c r="BE13" s="311">
        <v>0</v>
      </c>
      <c r="BF13" s="315">
        <v>0</v>
      </c>
      <c r="BG13" s="312">
        <v>0</v>
      </c>
      <c r="BH13" s="314">
        <v>0</v>
      </c>
      <c r="BI13" s="315">
        <v>126</v>
      </c>
      <c r="BJ13" s="315">
        <v>63</v>
      </c>
      <c r="BK13" s="315">
        <v>40</v>
      </c>
      <c r="BL13" s="315">
        <v>15</v>
      </c>
      <c r="BM13" s="315">
        <v>9</v>
      </c>
      <c r="BN13" s="312">
        <v>253</v>
      </c>
      <c r="BO13" s="317">
        <v>253</v>
      </c>
      <c r="BP13" s="311">
        <v>5</v>
      </c>
      <c r="BQ13" s="315">
        <v>3</v>
      </c>
      <c r="BR13" s="312">
        <v>8</v>
      </c>
      <c r="BS13" s="314">
        <v>0</v>
      </c>
      <c r="BT13" s="315">
        <v>19</v>
      </c>
      <c r="BU13" s="315">
        <v>14</v>
      </c>
      <c r="BV13" s="315">
        <v>11</v>
      </c>
      <c r="BW13" s="315">
        <v>6</v>
      </c>
      <c r="BX13" s="315">
        <v>1</v>
      </c>
      <c r="BY13" s="312">
        <v>51</v>
      </c>
      <c r="BZ13" s="317">
        <v>59</v>
      </c>
      <c r="CA13" s="311">
        <v>0</v>
      </c>
      <c r="CB13" s="315">
        <v>2</v>
      </c>
      <c r="CC13" s="312">
        <v>2</v>
      </c>
      <c r="CD13" s="314">
        <v>0</v>
      </c>
      <c r="CE13" s="315">
        <v>13</v>
      </c>
      <c r="CF13" s="315">
        <v>18</v>
      </c>
      <c r="CG13" s="315">
        <v>20</v>
      </c>
      <c r="CH13" s="315">
        <v>7</v>
      </c>
      <c r="CI13" s="315">
        <v>6</v>
      </c>
      <c r="CJ13" s="312">
        <v>64</v>
      </c>
      <c r="CK13" s="317">
        <v>66</v>
      </c>
      <c r="CL13" s="311">
        <v>0</v>
      </c>
      <c r="CM13" s="315">
        <v>0</v>
      </c>
      <c r="CN13" s="312">
        <v>0</v>
      </c>
      <c r="CO13" s="314">
        <v>0</v>
      </c>
      <c r="CP13" s="315">
        <v>1</v>
      </c>
      <c r="CQ13" s="315">
        <v>2</v>
      </c>
      <c r="CR13" s="315">
        <v>4</v>
      </c>
      <c r="CS13" s="315">
        <v>0</v>
      </c>
      <c r="CT13" s="315">
        <v>0</v>
      </c>
      <c r="CU13" s="312">
        <v>7</v>
      </c>
      <c r="CV13" s="317">
        <v>7</v>
      </c>
      <c r="CW13" s="311">
        <v>0</v>
      </c>
      <c r="CX13" s="315">
        <v>0</v>
      </c>
      <c r="CY13" s="312">
        <v>0</v>
      </c>
      <c r="CZ13" s="314">
        <v>0</v>
      </c>
      <c r="DA13" s="315">
        <v>0</v>
      </c>
      <c r="DB13" s="315">
        <v>0</v>
      </c>
      <c r="DC13" s="315">
        <v>0</v>
      </c>
      <c r="DD13" s="315">
        <v>0</v>
      </c>
      <c r="DE13" s="315">
        <v>0</v>
      </c>
      <c r="DF13" s="312">
        <v>0</v>
      </c>
      <c r="DG13" s="317">
        <v>0</v>
      </c>
      <c r="DH13" s="311">
        <v>0</v>
      </c>
      <c r="DI13" s="315">
        <v>0</v>
      </c>
      <c r="DJ13" s="312">
        <v>0</v>
      </c>
      <c r="DK13" s="314">
        <v>0</v>
      </c>
      <c r="DL13" s="315">
        <v>0</v>
      </c>
      <c r="DM13" s="315">
        <v>0</v>
      </c>
      <c r="DN13" s="315">
        <v>0</v>
      </c>
      <c r="DO13" s="315">
        <v>0</v>
      </c>
      <c r="DP13" s="315">
        <v>0</v>
      </c>
      <c r="DQ13" s="312">
        <v>0</v>
      </c>
      <c r="DR13" s="317">
        <v>0</v>
      </c>
      <c r="DS13" s="311">
        <v>61</v>
      </c>
      <c r="DT13" s="315">
        <v>86</v>
      </c>
      <c r="DU13" s="312">
        <v>147</v>
      </c>
      <c r="DV13" s="314">
        <v>0</v>
      </c>
      <c r="DW13" s="315">
        <v>141</v>
      </c>
      <c r="DX13" s="315">
        <v>120</v>
      </c>
      <c r="DY13" s="315">
        <v>84</v>
      </c>
      <c r="DZ13" s="315">
        <v>55</v>
      </c>
      <c r="EA13" s="315">
        <v>34</v>
      </c>
      <c r="EB13" s="312">
        <v>434</v>
      </c>
      <c r="EC13" s="317">
        <v>581</v>
      </c>
      <c r="ED13" s="311">
        <v>8</v>
      </c>
      <c r="EE13" s="315">
        <v>7</v>
      </c>
      <c r="EF13" s="312">
        <v>15</v>
      </c>
      <c r="EG13" s="314">
        <v>0</v>
      </c>
      <c r="EH13" s="315">
        <v>31</v>
      </c>
      <c r="EI13" s="315">
        <v>18</v>
      </c>
      <c r="EJ13" s="315">
        <v>14</v>
      </c>
      <c r="EK13" s="315">
        <v>12</v>
      </c>
      <c r="EL13" s="315">
        <v>14</v>
      </c>
      <c r="EM13" s="312">
        <v>89</v>
      </c>
      <c r="EN13" s="317">
        <v>104</v>
      </c>
      <c r="EO13" s="311">
        <v>76</v>
      </c>
      <c r="EP13" s="315">
        <v>101</v>
      </c>
      <c r="EQ13" s="312">
        <v>177</v>
      </c>
      <c r="ER13" s="314">
        <v>0</v>
      </c>
      <c r="ES13" s="315">
        <v>271</v>
      </c>
      <c r="ET13" s="315">
        <v>148</v>
      </c>
      <c r="EU13" s="315">
        <v>89</v>
      </c>
      <c r="EV13" s="315">
        <v>54</v>
      </c>
      <c r="EW13" s="315">
        <v>35</v>
      </c>
      <c r="EX13" s="312">
        <v>597</v>
      </c>
      <c r="EY13" s="317">
        <v>774</v>
      </c>
    </row>
    <row r="14" spans="1:155" ht="19.5" customHeight="1" x14ac:dyDescent="0.2">
      <c r="A14" s="296" t="s">
        <v>11</v>
      </c>
      <c r="B14" s="311">
        <v>0</v>
      </c>
      <c r="C14" s="315">
        <v>0</v>
      </c>
      <c r="D14" s="437">
        <v>0</v>
      </c>
      <c r="E14" s="314">
        <v>0</v>
      </c>
      <c r="F14" s="315">
        <v>21</v>
      </c>
      <c r="G14" s="315">
        <v>12</v>
      </c>
      <c r="H14" s="315">
        <v>13</v>
      </c>
      <c r="I14" s="315">
        <v>13</v>
      </c>
      <c r="J14" s="315">
        <v>9</v>
      </c>
      <c r="K14" s="316">
        <v>68</v>
      </c>
      <c r="L14" s="317">
        <v>68</v>
      </c>
      <c r="M14" s="311">
        <v>0</v>
      </c>
      <c r="N14" s="315">
        <v>0</v>
      </c>
      <c r="O14" s="312">
        <v>0</v>
      </c>
      <c r="P14" s="314">
        <v>0</v>
      </c>
      <c r="Q14" s="315">
        <v>0</v>
      </c>
      <c r="R14" s="315">
        <v>0</v>
      </c>
      <c r="S14" s="315">
        <v>3</v>
      </c>
      <c r="T14" s="315">
        <v>4</v>
      </c>
      <c r="U14" s="315">
        <v>3</v>
      </c>
      <c r="V14" s="312">
        <v>10</v>
      </c>
      <c r="W14" s="317">
        <v>10</v>
      </c>
      <c r="X14" s="311">
        <v>4</v>
      </c>
      <c r="Y14" s="315">
        <v>4</v>
      </c>
      <c r="Z14" s="312">
        <v>8</v>
      </c>
      <c r="AA14" s="314">
        <v>0</v>
      </c>
      <c r="AB14" s="315">
        <v>23</v>
      </c>
      <c r="AC14" s="315">
        <v>17</v>
      </c>
      <c r="AD14" s="315">
        <v>14</v>
      </c>
      <c r="AE14" s="315">
        <v>13</v>
      </c>
      <c r="AF14" s="315">
        <v>8</v>
      </c>
      <c r="AG14" s="312">
        <v>75</v>
      </c>
      <c r="AH14" s="317">
        <v>83</v>
      </c>
      <c r="AI14" s="311">
        <v>0</v>
      </c>
      <c r="AJ14" s="315">
        <v>1</v>
      </c>
      <c r="AK14" s="312">
        <v>1</v>
      </c>
      <c r="AL14" s="314">
        <v>0</v>
      </c>
      <c r="AM14" s="315">
        <v>2</v>
      </c>
      <c r="AN14" s="315">
        <v>0</v>
      </c>
      <c r="AO14" s="315">
        <v>2</v>
      </c>
      <c r="AP14" s="315">
        <v>5</v>
      </c>
      <c r="AQ14" s="315">
        <v>0</v>
      </c>
      <c r="AR14" s="312">
        <v>9</v>
      </c>
      <c r="AS14" s="317">
        <v>10</v>
      </c>
      <c r="AT14" s="311">
        <v>4</v>
      </c>
      <c r="AU14" s="315">
        <v>6</v>
      </c>
      <c r="AV14" s="312">
        <v>10</v>
      </c>
      <c r="AW14" s="314">
        <v>0</v>
      </c>
      <c r="AX14" s="315">
        <v>29</v>
      </c>
      <c r="AY14" s="315">
        <v>27</v>
      </c>
      <c r="AZ14" s="315">
        <v>37</v>
      </c>
      <c r="BA14" s="315">
        <v>23</v>
      </c>
      <c r="BB14" s="315">
        <v>17</v>
      </c>
      <c r="BC14" s="316">
        <v>133</v>
      </c>
      <c r="BD14" s="317">
        <v>143</v>
      </c>
      <c r="BE14" s="311">
        <v>0</v>
      </c>
      <c r="BF14" s="315">
        <v>0</v>
      </c>
      <c r="BG14" s="312">
        <v>0</v>
      </c>
      <c r="BH14" s="314">
        <v>0</v>
      </c>
      <c r="BI14" s="315">
        <v>42</v>
      </c>
      <c r="BJ14" s="315">
        <v>22</v>
      </c>
      <c r="BK14" s="315">
        <v>16</v>
      </c>
      <c r="BL14" s="315">
        <v>11</v>
      </c>
      <c r="BM14" s="315">
        <v>2</v>
      </c>
      <c r="BN14" s="312">
        <v>93</v>
      </c>
      <c r="BO14" s="317">
        <v>93</v>
      </c>
      <c r="BP14" s="311">
        <v>3</v>
      </c>
      <c r="BQ14" s="315">
        <v>3</v>
      </c>
      <c r="BR14" s="312">
        <v>6</v>
      </c>
      <c r="BS14" s="314">
        <v>0</v>
      </c>
      <c r="BT14" s="315">
        <v>21</v>
      </c>
      <c r="BU14" s="315">
        <v>9</v>
      </c>
      <c r="BV14" s="315">
        <v>5</v>
      </c>
      <c r="BW14" s="315">
        <v>7</v>
      </c>
      <c r="BX14" s="315">
        <v>1</v>
      </c>
      <c r="BY14" s="312">
        <v>43</v>
      </c>
      <c r="BZ14" s="317">
        <v>49</v>
      </c>
      <c r="CA14" s="311">
        <v>1</v>
      </c>
      <c r="CB14" s="315">
        <v>0</v>
      </c>
      <c r="CC14" s="312">
        <v>1</v>
      </c>
      <c r="CD14" s="314">
        <v>0</v>
      </c>
      <c r="CE14" s="315">
        <v>5</v>
      </c>
      <c r="CF14" s="315">
        <v>6</v>
      </c>
      <c r="CG14" s="315">
        <v>5</v>
      </c>
      <c r="CH14" s="315">
        <v>7</v>
      </c>
      <c r="CI14" s="315">
        <v>0</v>
      </c>
      <c r="CJ14" s="312">
        <v>23</v>
      </c>
      <c r="CK14" s="317">
        <v>24</v>
      </c>
      <c r="CL14" s="311">
        <v>0</v>
      </c>
      <c r="CM14" s="315">
        <v>0</v>
      </c>
      <c r="CN14" s="312">
        <v>0</v>
      </c>
      <c r="CO14" s="314">
        <v>0</v>
      </c>
      <c r="CP14" s="315">
        <v>0</v>
      </c>
      <c r="CQ14" s="315">
        <v>1</v>
      </c>
      <c r="CR14" s="315">
        <v>0</v>
      </c>
      <c r="CS14" s="315">
        <v>2</v>
      </c>
      <c r="CT14" s="315">
        <v>0</v>
      </c>
      <c r="CU14" s="312">
        <v>3</v>
      </c>
      <c r="CV14" s="317">
        <v>3</v>
      </c>
      <c r="CW14" s="311">
        <v>0</v>
      </c>
      <c r="CX14" s="315">
        <v>0</v>
      </c>
      <c r="CY14" s="312">
        <v>0</v>
      </c>
      <c r="CZ14" s="314">
        <v>0</v>
      </c>
      <c r="DA14" s="315">
        <v>0</v>
      </c>
      <c r="DB14" s="315">
        <v>0</v>
      </c>
      <c r="DC14" s="315">
        <v>0</v>
      </c>
      <c r="DD14" s="315">
        <v>0</v>
      </c>
      <c r="DE14" s="315">
        <v>0</v>
      </c>
      <c r="DF14" s="312">
        <v>0</v>
      </c>
      <c r="DG14" s="317">
        <v>0</v>
      </c>
      <c r="DH14" s="311">
        <v>0</v>
      </c>
      <c r="DI14" s="315">
        <v>0</v>
      </c>
      <c r="DJ14" s="312">
        <v>0</v>
      </c>
      <c r="DK14" s="314">
        <v>0</v>
      </c>
      <c r="DL14" s="315">
        <v>0</v>
      </c>
      <c r="DM14" s="315">
        <v>0</v>
      </c>
      <c r="DN14" s="315">
        <v>0</v>
      </c>
      <c r="DO14" s="315">
        <v>0</v>
      </c>
      <c r="DP14" s="315">
        <v>0</v>
      </c>
      <c r="DQ14" s="312">
        <v>0</v>
      </c>
      <c r="DR14" s="317">
        <v>0</v>
      </c>
      <c r="DS14" s="311">
        <v>23</v>
      </c>
      <c r="DT14" s="315">
        <v>27</v>
      </c>
      <c r="DU14" s="312">
        <v>50</v>
      </c>
      <c r="DV14" s="314">
        <v>0</v>
      </c>
      <c r="DW14" s="315">
        <v>61</v>
      </c>
      <c r="DX14" s="315">
        <v>50</v>
      </c>
      <c r="DY14" s="315">
        <v>40</v>
      </c>
      <c r="DZ14" s="315">
        <v>28</v>
      </c>
      <c r="EA14" s="315">
        <v>12</v>
      </c>
      <c r="EB14" s="312">
        <v>191</v>
      </c>
      <c r="EC14" s="317">
        <v>241</v>
      </c>
      <c r="ED14" s="311">
        <v>4</v>
      </c>
      <c r="EE14" s="315">
        <v>3</v>
      </c>
      <c r="EF14" s="312">
        <v>7</v>
      </c>
      <c r="EG14" s="314">
        <v>0</v>
      </c>
      <c r="EH14" s="315">
        <v>23</v>
      </c>
      <c r="EI14" s="315">
        <v>20</v>
      </c>
      <c r="EJ14" s="315">
        <v>11</v>
      </c>
      <c r="EK14" s="315">
        <v>12</v>
      </c>
      <c r="EL14" s="315">
        <v>5</v>
      </c>
      <c r="EM14" s="312">
        <v>71</v>
      </c>
      <c r="EN14" s="317">
        <v>78</v>
      </c>
      <c r="EO14" s="311">
        <v>29</v>
      </c>
      <c r="EP14" s="315">
        <v>30</v>
      </c>
      <c r="EQ14" s="312">
        <v>59</v>
      </c>
      <c r="ER14" s="314">
        <v>0</v>
      </c>
      <c r="ES14" s="315">
        <v>114</v>
      </c>
      <c r="ET14" s="315">
        <v>60</v>
      </c>
      <c r="EU14" s="315">
        <v>47</v>
      </c>
      <c r="EV14" s="315">
        <v>31</v>
      </c>
      <c r="EW14" s="315">
        <v>13</v>
      </c>
      <c r="EX14" s="312">
        <v>265</v>
      </c>
      <c r="EY14" s="317">
        <v>324</v>
      </c>
    </row>
    <row r="15" spans="1:155" ht="19.5" customHeight="1" x14ac:dyDescent="0.2">
      <c r="A15" s="296" t="s">
        <v>12</v>
      </c>
      <c r="B15" s="311">
        <v>0</v>
      </c>
      <c r="C15" s="315">
        <v>0</v>
      </c>
      <c r="D15" s="437">
        <v>0</v>
      </c>
      <c r="E15" s="314">
        <v>0</v>
      </c>
      <c r="F15" s="315">
        <v>44</v>
      </c>
      <c r="G15" s="315">
        <v>32</v>
      </c>
      <c r="H15" s="315">
        <v>25</v>
      </c>
      <c r="I15" s="315">
        <v>21</v>
      </c>
      <c r="J15" s="315">
        <v>16</v>
      </c>
      <c r="K15" s="316">
        <v>138</v>
      </c>
      <c r="L15" s="317">
        <v>138</v>
      </c>
      <c r="M15" s="311">
        <v>0</v>
      </c>
      <c r="N15" s="315">
        <v>1</v>
      </c>
      <c r="O15" s="312">
        <v>1</v>
      </c>
      <c r="P15" s="314">
        <v>0</v>
      </c>
      <c r="Q15" s="315">
        <v>0</v>
      </c>
      <c r="R15" s="315">
        <v>0</v>
      </c>
      <c r="S15" s="315">
        <v>1</v>
      </c>
      <c r="T15" s="315">
        <v>1</v>
      </c>
      <c r="U15" s="315">
        <v>7</v>
      </c>
      <c r="V15" s="312">
        <v>9</v>
      </c>
      <c r="W15" s="317">
        <v>10</v>
      </c>
      <c r="X15" s="311">
        <v>17</v>
      </c>
      <c r="Y15" s="315">
        <v>16</v>
      </c>
      <c r="Z15" s="312">
        <v>33</v>
      </c>
      <c r="AA15" s="314">
        <v>0</v>
      </c>
      <c r="AB15" s="315">
        <v>35</v>
      </c>
      <c r="AC15" s="315">
        <v>35</v>
      </c>
      <c r="AD15" s="315">
        <v>15</v>
      </c>
      <c r="AE15" s="315">
        <v>12</v>
      </c>
      <c r="AF15" s="315">
        <v>10</v>
      </c>
      <c r="AG15" s="312">
        <v>107</v>
      </c>
      <c r="AH15" s="317">
        <v>140</v>
      </c>
      <c r="AI15" s="311">
        <v>0</v>
      </c>
      <c r="AJ15" s="315">
        <v>0</v>
      </c>
      <c r="AK15" s="312">
        <v>0</v>
      </c>
      <c r="AL15" s="314">
        <v>0</v>
      </c>
      <c r="AM15" s="315">
        <v>3</v>
      </c>
      <c r="AN15" s="315">
        <v>4</v>
      </c>
      <c r="AO15" s="315">
        <v>2</v>
      </c>
      <c r="AP15" s="315">
        <v>4</v>
      </c>
      <c r="AQ15" s="315">
        <v>2</v>
      </c>
      <c r="AR15" s="312">
        <v>15</v>
      </c>
      <c r="AS15" s="317">
        <v>15</v>
      </c>
      <c r="AT15" s="311">
        <v>8</v>
      </c>
      <c r="AU15" s="315">
        <v>11</v>
      </c>
      <c r="AV15" s="312">
        <v>19</v>
      </c>
      <c r="AW15" s="314">
        <v>0</v>
      </c>
      <c r="AX15" s="315">
        <v>30</v>
      </c>
      <c r="AY15" s="315">
        <v>24</v>
      </c>
      <c r="AZ15" s="315">
        <v>29</v>
      </c>
      <c r="BA15" s="315">
        <v>35</v>
      </c>
      <c r="BB15" s="315">
        <v>20</v>
      </c>
      <c r="BC15" s="316">
        <v>138</v>
      </c>
      <c r="BD15" s="317">
        <v>157</v>
      </c>
      <c r="BE15" s="311">
        <v>0</v>
      </c>
      <c r="BF15" s="315">
        <v>0</v>
      </c>
      <c r="BG15" s="312">
        <v>0</v>
      </c>
      <c r="BH15" s="314">
        <v>0</v>
      </c>
      <c r="BI15" s="315">
        <v>53</v>
      </c>
      <c r="BJ15" s="315">
        <v>25</v>
      </c>
      <c r="BK15" s="315">
        <v>27</v>
      </c>
      <c r="BL15" s="315">
        <v>8</v>
      </c>
      <c r="BM15" s="315">
        <v>5</v>
      </c>
      <c r="BN15" s="312">
        <v>118</v>
      </c>
      <c r="BO15" s="317">
        <v>118</v>
      </c>
      <c r="BP15" s="311">
        <v>12</v>
      </c>
      <c r="BQ15" s="315">
        <v>4</v>
      </c>
      <c r="BR15" s="312">
        <v>16</v>
      </c>
      <c r="BS15" s="314">
        <v>0</v>
      </c>
      <c r="BT15" s="315">
        <v>17</v>
      </c>
      <c r="BU15" s="315">
        <v>14</v>
      </c>
      <c r="BV15" s="315">
        <v>10</v>
      </c>
      <c r="BW15" s="315">
        <v>8</v>
      </c>
      <c r="BX15" s="315">
        <v>0</v>
      </c>
      <c r="BY15" s="312">
        <v>49</v>
      </c>
      <c r="BZ15" s="317">
        <v>65</v>
      </c>
      <c r="CA15" s="311">
        <v>0</v>
      </c>
      <c r="CB15" s="315">
        <v>0</v>
      </c>
      <c r="CC15" s="312">
        <v>0</v>
      </c>
      <c r="CD15" s="314">
        <v>0</v>
      </c>
      <c r="CE15" s="315">
        <v>7</v>
      </c>
      <c r="CF15" s="315">
        <v>4</v>
      </c>
      <c r="CG15" s="315">
        <v>16</v>
      </c>
      <c r="CH15" s="315">
        <v>11</v>
      </c>
      <c r="CI15" s="315">
        <v>4</v>
      </c>
      <c r="CJ15" s="312">
        <v>42</v>
      </c>
      <c r="CK15" s="317">
        <v>42</v>
      </c>
      <c r="CL15" s="311">
        <v>0</v>
      </c>
      <c r="CM15" s="315">
        <v>0</v>
      </c>
      <c r="CN15" s="312">
        <v>0</v>
      </c>
      <c r="CO15" s="314">
        <v>0</v>
      </c>
      <c r="CP15" s="315">
        <v>0</v>
      </c>
      <c r="CQ15" s="315">
        <v>1</v>
      </c>
      <c r="CR15" s="315">
        <v>0</v>
      </c>
      <c r="CS15" s="315">
        <v>1</v>
      </c>
      <c r="CT15" s="315">
        <v>0</v>
      </c>
      <c r="CU15" s="312">
        <v>2</v>
      </c>
      <c r="CV15" s="317">
        <v>2</v>
      </c>
      <c r="CW15" s="311">
        <v>0</v>
      </c>
      <c r="CX15" s="315">
        <v>0</v>
      </c>
      <c r="CY15" s="312">
        <v>0</v>
      </c>
      <c r="CZ15" s="314">
        <v>0</v>
      </c>
      <c r="DA15" s="315">
        <v>0</v>
      </c>
      <c r="DB15" s="315">
        <v>0</v>
      </c>
      <c r="DC15" s="315">
        <v>0</v>
      </c>
      <c r="DD15" s="315">
        <v>0</v>
      </c>
      <c r="DE15" s="315">
        <v>0</v>
      </c>
      <c r="DF15" s="312">
        <v>0</v>
      </c>
      <c r="DG15" s="317">
        <v>0</v>
      </c>
      <c r="DH15" s="311">
        <v>0</v>
      </c>
      <c r="DI15" s="315">
        <v>0</v>
      </c>
      <c r="DJ15" s="312">
        <v>0</v>
      </c>
      <c r="DK15" s="314">
        <v>0</v>
      </c>
      <c r="DL15" s="315">
        <v>0</v>
      </c>
      <c r="DM15" s="315">
        <v>0</v>
      </c>
      <c r="DN15" s="315">
        <v>0</v>
      </c>
      <c r="DO15" s="315">
        <v>0</v>
      </c>
      <c r="DP15" s="315">
        <v>0</v>
      </c>
      <c r="DQ15" s="312">
        <v>0</v>
      </c>
      <c r="DR15" s="317">
        <v>0</v>
      </c>
      <c r="DS15" s="311">
        <v>20</v>
      </c>
      <c r="DT15" s="315">
        <v>44</v>
      </c>
      <c r="DU15" s="312">
        <v>64</v>
      </c>
      <c r="DV15" s="314">
        <v>0</v>
      </c>
      <c r="DW15" s="315">
        <v>42</v>
      </c>
      <c r="DX15" s="315">
        <v>73</v>
      </c>
      <c r="DY15" s="315">
        <v>60</v>
      </c>
      <c r="DZ15" s="315">
        <v>44</v>
      </c>
      <c r="EA15" s="315">
        <v>21</v>
      </c>
      <c r="EB15" s="312">
        <v>240</v>
      </c>
      <c r="EC15" s="317">
        <v>304</v>
      </c>
      <c r="ED15" s="311">
        <v>1</v>
      </c>
      <c r="EE15" s="315">
        <v>4</v>
      </c>
      <c r="EF15" s="312">
        <v>5</v>
      </c>
      <c r="EG15" s="314">
        <v>0</v>
      </c>
      <c r="EH15" s="315">
        <v>6</v>
      </c>
      <c r="EI15" s="315">
        <v>7</v>
      </c>
      <c r="EJ15" s="315">
        <v>9</v>
      </c>
      <c r="EK15" s="315">
        <v>16</v>
      </c>
      <c r="EL15" s="315">
        <v>4</v>
      </c>
      <c r="EM15" s="312">
        <v>42</v>
      </c>
      <c r="EN15" s="317">
        <v>47</v>
      </c>
      <c r="EO15" s="311">
        <v>45</v>
      </c>
      <c r="EP15" s="315">
        <v>57</v>
      </c>
      <c r="EQ15" s="312">
        <v>102</v>
      </c>
      <c r="ER15" s="314">
        <v>0</v>
      </c>
      <c r="ES15" s="315">
        <v>133</v>
      </c>
      <c r="ET15" s="315">
        <v>89</v>
      </c>
      <c r="EU15" s="315">
        <v>62</v>
      </c>
      <c r="EV15" s="315">
        <v>43</v>
      </c>
      <c r="EW15" s="315">
        <v>21</v>
      </c>
      <c r="EX15" s="312">
        <v>348</v>
      </c>
      <c r="EY15" s="317">
        <v>450</v>
      </c>
    </row>
    <row r="16" spans="1:155" ht="19.5" customHeight="1" x14ac:dyDescent="0.2">
      <c r="A16" s="296" t="s">
        <v>13</v>
      </c>
      <c r="B16" s="311">
        <v>0</v>
      </c>
      <c r="C16" s="315">
        <v>0</v>
      </c>
      <c r="D16" s="437">
        <v>0</v>
      </c>
      <c r="E16" s="314">
        <v>0</v>
      </c>
      <c r="F16" s="315">
        <v>23</v>
      </c>
      <c r="G16" s="315">
        <v>24</v>
      </c>
      <c r="H16" s="315">
        <v>11</v>
      </c>
      <c r="I16" s="315">
        <v>7</v>
      </c>
      <c r="J16" s="315">
        <v>6</v>
      </c>
      <c r="K16" s="316">
        <v>71</v>
      </c>
      <c r="L16" s="317">
        <v>71</v>
      </c>
      <c r="M16" s="311">
        <v>0</v>
      </c>
      <c r="N16" s="315">
        <v>0</v>
      </c>
      <c r="O16" s="312">
        <v>0</v>
      </c>
      <c r="P16" s="314">
        <v>0</v>
      </c>
      <c r="Q16" s="315">
        <v>0</v>
      </c>
      <c r="R16" s="315">
        <v>0</v>
      </c>
      <c r="S16" s="315">
        <v>0</v>
      </c>
      <c r="T16" s="315">
        <v>1</v>
      </c>
      <c r="U16" s="315">
        <v>3</v>
      </c>
      <c r="V16" s="312">
        <v>4</v>
      </c>
      <c r="W16" s="317">
        <v>4</v>
      </c>
      <c r="X16" s="311">
        <v>1</v>
      </c>
      <c r="Y16" s="315">
        <v>2</v>
      </c>
      <c r="Z16" s="312">
        <v>3</v>
      </c>
      <c r="AA16" s="314">
        <v>0</v>
      </c>
      <c r="AB16" s="315">
        <v>10</v>
      </c>
      <c r="AC16" s="315">
        <v>14</v>
      </c>
      <c r="AD16" s="315">
        <v>6</v>
      </c>
      <c r="AE16" s="315">
        <v>7</v>
      </c>
      <c r="AF16" s="315">
        <v>7</v>
      </c>
      <c r="AG16" s="312">
        <v>44</v>
      </c>
      <c r="AH16" s="317">
        <v>47</v>
      </c>
      <c r="AI16" s="311">
        <v>0</v>
      </c>
      <c r="AJ16" s="315">
        <v>0</v>
      </c>
      <c r="AK16" s="312">
        <v>0</v>
      </c>
      <c r="AL16" s="314">
        <v>0</v>
      </c>
      <c r="AM16" s="315">
        <v>1</v>
      </c>
      <c r="AN16" s="315">
        <v>1</v>
      </c>
      <c r="AO16" s="315">
        <v>0</v>
      </c>
      <c r="AP16" s="315">
        <v>2</v>
      </c>
      <c r="AQ16" s="315">
        <v>1</v>
      </c>
      <c r="AR16" s="312">
        <v>5</v>
      </c>
      <c r="AS16" s="317">
        <v>5</v>
      </c>
      <c r="AT16" s="311">
        <v>2</v>
      </c>
      <c r="AU16" s="315">
        <v>0</v>
      </c>
      <c r="AV16" s="312">
        <v>2</v>
      </c>
      <c r="AW16" s="314">
        <v>0</v>
      </c>
      <c r="AX16" s="315">
        <v>14</v>
      </c>
      <c r="AY16" s="315">
        <v>21</v>
      </c>
      <c r="AZ16" s="315">
        <v>14</v>
      </c>
      <c r="BA16" s="315">
        <v>20</v>
      </c>
      <c r="BB16" s="315">
        <v>13</v>
      </c>
      <c r="BC16" s="316">
        <v>82</v>
      </c>
      <c r="BD16" s="317">
        <v>84</v>
      </c>
      <c r="BE16" s="311">
        <v>0</v>
      </c>
      <c r="BF16" s="315">
        <v>0</v>
      </c>
      <c r="BG16" s="312">
        <v>0</v>
      </c>
      <c r="BH16" s="314">
        <v>0</v>
      </c>
      <c r="BI16" s="315">
        <v>16</v>
      </c>
      <c r="BJ16" s="315">
        <v>25</v>
      </c>
      <c r="BK16" s="315">
        <v>14</v>
      </c>
      <c r="BL16" s="315">
        <v>5</v>
      </c>
      <c r="BM16" s="315">
        <v>3</v>
      </c>
      <c r="BN16" s="312">
        <v>63</v>
      </c>
      <c r="BO16" s="317">
        <v>63</v>
      </c>
      <c r="BP16" s="311">
        <v>0</v>
      </c>
      <c r="BQ16" s="315">
        <v>1</v>
      </c>
      <c r="BR16" s="312">
        <v>1</v>
      </c>
      <c r="BS16" s="314">
        <v>0</v>
      </c>
      <c r="BT16" s="315">
        <v>4</v>
      </c>
      <c r="BU16" s="315">
        <v>6</v>
      </c>
      <c r="BV16" s="315">
        <v>4</v>
      </c>
      <c r="BW16" s="315">
        <v>5</v>
      </c>
      <c r="BX16" s="315">
        <v>0</v>
      </c>
      <c r="BY16" s="312">
        <v>19</v>
      </c>
      <c r="BZ16" s="317">
        <v>20</v>
      </c>
      <c r="CA16" s="311">
        <v>0</v>
      </c>
      <c r="CB16" s="315">
        <v>0</v>
      </c>
      <c r="CC16" s="312">
        <v>0</v>
      </c>
      <c r="CD16" s="314">
        <v>0</v>
      </c>
      <c r="CE16" s="315">
        <v>2</v>
      </c>
      <c r="CF16" s="315">
        <v>5</v>
      </c>
      <c r="CG16" s="315">
        <v>4</v>
      </c>
      <c r="CH16" s="315">
        <v>4</v>
      </c>
      <c r="CI16" s="315">
        <v>3</v>
      </c>
      <c r="CJ16" s="312">
        <v>18</v>
      </c>
      <c r="CK16" s="317">
        <v>18</v>
      </c>
      <c r="CL16" s="311">
        <v>0</v>
      </c>
      <c r="CM16" s="315">
        <v>0</v>
      </c>
      <c r="CN16" s="312">
        <v>0</v>
      </c>
      <c r="CO16" s="314">
        <v>0</v>
      </c>
      <c r="CP16" s="315">
        <v>0</v>
      </c>
      <c r="CQ16" s="315">
        <v>1</v>
      </c>
      <c r="CR16" s="315">
        <v>1</v>
      </c>
      <c r="CS16" s="315">
        <v>0</v>
      </c>
      <c r="CT16" s="315">
        <v>0</v>
      </c>
      <c r="CU16" s="312">
        <v>2</v>
      </c>
      <c r="CV16" s="317">
        <v>2</v>
      </c>
      <c r="CW16" s="311">
        <v>0</v>
      </c>
      <c r="CX16" s="315">
        <v>0</v>
      </c>
      <c r="CY16" s="312">
        <v>0</v>
      </c>
      <c r="CZ16" s="314">
        <v>0</v>
      </c>
      <c r="DA16" s="315">
        <v>0</v>
      </c>
      <c r="DB16" s="315">
        <v>0</v>
      </c>
      <c r="DC16" s="315">
        <v>0</v>
      </c>
      <c r="DD16" s="315">
        <v>0</v>
      </c>
      <c r="DE16" s="315">
        <v>0</v>
      </c>
      <c r="DF16" s="312">
        <v>0</v>
      </c>
      <c r="DG16" s="317">
        <v>0</v>
      </c>
      <c r="DH16" s="311">
        <v>0</v>
      </c>
      <c r="DI16" s="315">
        <v>0</v>
      </c>
      <c r="DJ16" s="312">
        <v>0</v>
      </c>
      <c r="DK16" s="314">
        <v>0</v>
      </c>
      <c r="DL16" s="315">
        <v>0</v>
      </c>
      <c r="DM16" s="315">
        <v>0</v>
      </c>
      <c r="DN16" s="315">
        <v>0</v>
      </c>
      <c r="DO16" s="315">
        <v>0</v>
      </c>
      <c r="DP16" s="315">
        <v>0</v>
      </c>
      <c r="DQ16" s="312">
        <v>0</v>
      </c>
      <c r="DR16" s="317">
        <v>0</v>
      </c>
      <c r="DS16" s="311">
        <v>4</v>
      </c>
      <c r="DT16" s="315">
        <v>12</v>
      </c>
      <c r="DU16" s="312">
        <v>16</v>
      </c>
      <c r="DV16" s="314">
        <v>0</v>
      </c>
      <c r="DW16" s="315">
        <v>22</v>
      </c>
      <c r="DX16" s="315">
        <v>33</v>
      </c>
      <c r="DY16" s="315">
        <v>21</v>
      </c>
      <c r="DZ16" s="315">
        <v>21</v>
      </c>
      <c r="EA16" s="315">
        <v>6</v>
      </c>
      <c r="EB16" s="312">
        <v>103</v>
      </c>
      <c r="EC16" s="317">
        <v>119</v>
      </c>
      <c r="ED16" s="311">
        <v>1</v>
      </c>
      <c r="EE16" s="315">
        <v>0</v>
      </c>
      <c r="EF16" s="312">
        <v>1</v>
      </c>
      <c r="EG16" s="314">
        <v>0</v>
      </c>
      <c r="EH16" s="315">
        <v>6</v>
      </c>
      <c r="EI16" s="315">
        <v>8</v>
      </c>
      <c r="EJ16" s="315">
        <v>5</v>
      </c>
      <c r="EK16" s="315">
        <v>8</v>
      </c>
      <c r="EL16" s="315">
        <v>7</v>
      </c>
      <c r="EM16" s="312">
        <v>34</v>
      </c>
      <c r="EN16" s="317">
        <v>35</v>
      </c>
      <c r="EO16" s="311">
        <v>5</v>
      </c>
      <c r="EP16" s="315">
        <v>13</v>
      </c>
      <c r="EQ16" s="312">
        <v>18</v>
      </c>
      <c r="ER16" s="314">
        <v>0</v>
      </c>
      <c r="ES16" s="315">
        <v>56</v>
      </c>
      <c r="ET16" s="315">
        <v>53</v>
      </c>
      <c r="EU16" s="315">
        <v>29</v>
      </c>
      <c r="EV16" s="315">
        <v>22</v>
      </c>
      <c r="EW16" s="315">
        <v>9</v>
      </c>
      <c r="EX16" s="312">
        <v>169</v>
      </c>
      <c r="EY16" s="317">
        <v>187</v>
      </c>
    </row>
    <row r="17" spans="1:155" ht="19.5" customHeight="1" x14ac:dyDescent="0.2">
      <c r="A17" s="296" t="s">
        <v>15</v>
      </c>
      <c r="B17" s="311">
        <v>0</v>
      </c>
      <c r="C17" s="315">
        <v>0</v>
      </c>
      <c r="D17" s="437">
        <v>0</v>
      </c>
      <c r="E17" s="314">
        <v>0</v>
      </c>
      <c r="F17" s="315">
        <v>6</v>
      </c>
      <c r="G17" s="315">
        <v>6</v>
      </c>
      <c r="H17" s="315">
        <v>5</v>
      </c>
      <c r="I17" s="315">
        <v>1</v>
      </c>
      <c r="J17" s="315">
        <v>4</v>
      </c>
      <c r="K17" s="316">
        <v>22</v>
      </c>
      <c r="L17" s="317">
        <v>22</v>
      </c>
      <c r="M17" s="311">
        <v>0</v>
      </c>
      <c r="N17" s="315">
        <v>0</v>
      </c>
      <c r="O17" s="312">
        <v>0</v>
      </c>
      <c r="P17" s="314">
        <v>0</v>
      </c>
      <c r="Q17" s="315">
        <v>0</v>
      </c>
      <c r="R17" s="315">
        <v>0</v>
      </c>
      <c r="S17" s="315">
        <v>0</v>
      </c>
      <c r="T17" s="315">
        <v>3</v>
      </c>
      <c r="U17" s="315">
        <v>2</v>
      </c>
      <c r="V17" s="312">
        <v>5</v>
      </c>
      <c r="W17" s="317">
        <v>5</v>
      </c>
      <c r="X17" s="311">
        <v>0</v>
      </c>
      <c r="Y17" s="315">
        <v>0</v>
      </c>
      <c r="Z17" s="312">
        <v>0</v>
      </c>
      <c r="AA17" s="314">
        <v>0</v>
      </c>
      <c r="AB17" s="315">
        <v>2</v>
      </c>
      <c r="AC17" s="315">
        <v>8</v>
      </c>
      <c r="AD17" s="315">
        <v>0</v>
      </c>
      <c r="AE17" s="315">
        <v>4</v>
      </c>
      <c r="AF17" s="315">
        <v>2</v>
      </c>
      <c r="AG17" s="312">
        <v>16</v>
      </c>
      <c r="AH17" s="317">
        <v>16</v>
      </c>
      <c r="AI17" s="311">
        <v>0</v>
      </c>
      <c r="AJ17" s="315">
        <v>0</v>
      </c>
      <c r="AK17" s="312">
        <v>0</v>
      </c>
      <c r="AL17" s="314">
        <v>0</v>
      </c>
      <c r="AM17" s="315">
        <v>1</v>
      </c>
      <c r="AN17" s="315">
        <v>1</v>
      </c>
      <c r="AO17" s="315">
        <v>0</v>
      </c>
      <c r="AP17" s="315">
        <v>0</v>
      </c>
      <c r="AQ17" s="315">
        <v>1</v>
      </c>
      <c r="AR17" s="312">
        <v>3</v>
      </c>
      <c r="AS17" s="317">
        <v>3</v>
      </c>
      <c r="AT17" s="311">
        <v>1</v>
      </c>
      <c r="AU17" s="315">
        <v>0</v>
      </c>
      <c r="AV17" s="312">
        <v>1</v>
      </c>
      <c r="AW17" s="314">
        <v>0</v>
      </c>
      <c r="AX17" s="315">
        <v>5</v>
      </c>
      <c r="AY17" s="315">
        <v>6</v>
      </c>
      <c r="AZ17" s="315">
        <v>9</v>
      </c>
      <c r="BA17" s="315">
        <v>6</v>
      </c>
      <c r="BB17" s="315">
        <v>2</v>
      </c>
      <c r="BC17" s="316">
        <v>28</v>
      </c>
      <c r="BD17" s="317">
        <v>29</v>
      </c>
      <c r="BE17" s="311">
        <v>0</v>
      </c>
      <c r="BF17" s="315">
        <v>0</v>
      </c>
      <c r="BG17" s="312">
        <v>0</v>
      </c>
      <c r="BH17" s="314">
        <v>0</v>
      </c>
      <c r="BI17" s="315">
        <v>3</v>
      </c>
      <c r="BJ17" s="315">
        <v>5</v>
      </c>
      <c r="BK17" s="315">
        <v>3</v>
      </c>
      <c r="BL17" s="315">
        <v>1</v>
      </c>
      <c r="BM17" s="315">
        <v>0</v>
      </c>
      <c r="BN17" s="312">
        <v>12</v>
      </c>
      <c r="BO17" s="317">
        <v>12</v>
      </c>
      <c r="BP17" s="311">
        <v>0</v>
      </c>
      <c r="BQ17" s="315">
        <v>0</v>
      </c>
      <c r="BR17" s="312">
        <v>0</v>
      </c>
      <c r="BS17" s="314">
        <v>0</v>
      </c>
      <c r="BT17" s="315">
        <v>2</v>
      </c>
      <c r="BU17" s="315">
        <v>3</v>
      </c>
      <c r="BV17" s="315">
        <v>3</v>
      </c>
      <c r="BW17" s="315">
        <v>1</v>
      </c>
      <c r="BX17" s="315">
        <v>0</v>
      </c>
      <c r="BY17" s="312">
        <v>9</v>
      </c>
      <c r="BZ17" s="317">
        <v>9</v>
      </c>
      <c r="CA17" s="311">
        <v>0</v>
      </c>
      <c r="CB17" s="315">
        <v>0</v>
      </c>
      <c r="CC17" s="312">
        <v>0</v>
      </c>
      <c r="CD17" s="314">
        <v>0</v>
      </c>
      <c r="CE17" s="315">
        <v>0</v>
      </c>
      <c r="CF17" s="315">
        <v>0</v>
      </c>
      <c r="CG17" s="315">
        <v>0</v>
      </c>
      <c r="CH17" s="315">
        <v>1</v>
      </c>
      <c r="CI17" s="315">
        <v>0</v>
      </c>
      <c r="CJ17" s="312">
        <v>1</v>
      </c>
      <c r="CK17" s="317">
        <v>1</v>
      </c>
      <c r="CL17" s="311">
        <v>0</v>
      </c>
      <c r="CM17" s="315">
        <v>0</v>
      </c>
      <c r="CN17" s="312">
        <v>0</v>
      </c>
      <c r="CO17" s="314">
        <v>0</v>
      </c>
      <c r="CP17" s="315">
        <v>0</v>
      </c>
      <c r="CQ17" s="315">
        <v>0</v>
      </c>
      <c r="CR17" s="315">
        <v>1</v>
      </c>
      <c r="CS17" s="315">
        <v>0</v>
      </c>
      <c r="CT17" s="315">
        <v>0</v>
      </c>
      <c r="CU17" s="312">
        <v>1</v>
      </c>
      <c r="CV17" s="317">
        <v>1</v>
      </c>
      <c r="CW17" s="311">
        <v>0</v>
      </c>
      <c r="CX17" s="315">
        <v>0</v>
      </c>
      <c r="CY17" s="312">
        <v>0</v>
      </c>
      <c r="CZ17" s="314">
        <v>0</v>
      </c>
      <c r="DA17" s="315">
        <v>0</v>
      </c>
      <c r="DB17" s="315">
        <v>0</v>
      </c>
      <c r="DC17" s="315">
        <v>0</v>
      </c>
      <c r="DD17" s="315">
        <v>0</v>
      </c>
      <c r="DE17" s="315">
        <v>0</v>
      </c>
      <c r="DF17" s="312">
        <v>0</v>
      </c>
      <c r="DG17" s="317">
        <v>0</v>
      </c>
      <c r="DH17" s="311">
        <v>0</v>
      </c>
      <c r="DI17" s="315">
        <v>0</v>
      </c>
      <c r="DJ17" s="312">
        <v>0</v>
      </c>
      <c r="DK17" s="314">
        <v>0</v>
      </c>
      <c r="DL17" s="315">
        <v>0</v>
      </c>
      <c r="DM17" s="315">
        <v>0</v>
      </c>
      <c r="DN17" s="315">
        <v>0</v>
      </c>
      <c r="DO17" s="315">
        <v>0</v>
      </c>
      <c r="DP17" s="315">
        <v>0</v>
      </c>
      <c r="DQ17" s="312">
        <v>0</v>
      </c>
      <c r="DR17" s="317">
        <v>0</v>
      </c>
      <c r="DS17" s="311">
        <v>1</v>
      </c>
      <c r="DT17" s="315">
        <v>5</v>
      </c>
      <c r="DU17" s="312">
        <v>6</v>
      </c>
      <c r="DV17" s="314">
        <v>0</v>
      </c>
      <c r="DW17" s="315">
        <v>10</v>
      </c>
      <c r="DX17" s="315">
        <v>17</v>
      </c>
      <c r="DY17" s="315">
        <v>10</v>
      </c>
      <c r="DZ17" s="315">
        <v>8</v>
      </c>
      <c r="EA17" s="315">
        <v>4</v>
      </c>
      <c r="EB17" s="312">
        <v>49</v>
      </c>
      <c r="EC17" s="317">
        <v>55</v>
      </c>
      <c r="ED17" s="311">
        <v>3</v>
      </c>
      <c r="EE17" s="315">
        <v>2</v>
      </c>
      <c r="EF17" s="312">
        <v>5</v>
      </c>
      <c r="EG17" s="314">
        <v>0</v>
      </c>
      <c r="EH17" s="315">
        <v>5</v>
      </c>
      <c r="EI17" s="315">
        <v>4</v>
      </c>
      <c r="EJ17" s="315">
        <v>5</v>
      </c>
      <c r="EK17" s="315">
        <v>3</v>
      </c>
      <c r="EL17" s="315">
        <v>0</v>
      </c>
      <c r="EM17" s="312">
        <v>17</v>
      </c>
      <c r="EN17" s="317">
        <v>22</v>
      </c>
      <c r="EO17" s="311">
        <v>2</v>
      </c>
      <c r="EP17" s="315">
        <v>5</v>
      </c>
      <c r="EQ17" s="312">
        <v>7</v>
      </c>
      <c r="ER17" s="314">
        <v>0</v>
      </c>
      <c r="ES17" s="315">
        <v>17</v>
      </c>
      <c r="ET17" s="315">
        <v>22</v>
      </c>
      <c r="EU17" s="315">
        <v>12</v>
      </c>
      <c r="EV17" s="315">
        <v>7</v>
      </c>
      <c r="EW17" s="315">
        <v>5</v>
      </c>
      <c r="EX17" s="312">
        <v>63</v>
      </c>
      <c r="EY17" s="317">
        <v>70</v>
      </c>
    </row>
    <row r="18" spans="1:155" ht="19.5" customHeight="1" x14ac:dyDescent="0.2">
      <c r="A18" s="296" t="s">
        <v>16</v>
      </c>
      <c r="B18" s="311">
        <v>0</v>
      </c>
      <c r="C18" s="315">
        <v>0</v>
      </c>
      <c r="D18" s="437">
        <v>0</v>
      </c>
      <c r="E18" s="314">
        <v>0</v>
      </c>
      <c r="F18" s="315">
        <v>10</v>
      </c>
      <c r="G18" s="315">
        <v>11</v>
      </c>
      <c r="H18" s="315">
        <v>8</v>
      </c>
      <c r="I18" s="315">
        <v>4</v>
      </c>
      <c r="J18" s="315">
        <v>5</v>
      </c>
      <c r="K18" s="316">
        <v>38</v>
      </c>
      <c r="L18" s="317">
        <v>38</v>
      </c>
      <c r="M18" s="311">
        <v>0</v>
      </c>
      <c r="N18" s="315">
        <v>0</v>
      </c>
      <c r="O18" s="312">
        <v>0</v>
      </c>
      <c r="P18" s="314">
        <v>0</v>
      </c>
      <c r="Q18" s="315">
        <v>0</v>
      </c>
      <c r="R18" s="315">
        <v>0</v>
      </c>
      <c r="S18" s="315">
        <v>0</v>
      </c>
      <c r="T18" s="315">
        <v>2</v>
      </c>
      <c r="U18" s="315">
        <v>4</v>
      </c>
      <c r="V18" s="312">
        <v>6</v>
      </c>
      <c r="W18" s="317">
        <v>6</v>
      </c>
      <c r="X18" s="311">
        <v>1</v>
      </c>
      <c r="Y18" s="315">
        <v>5</v>
      </c>
      <c r="Z18" s="312">
        <v>6</v>
      </c>
      <c r="AA18" s="314">
        <v>0</v>
      </c>
      <c r="AB18" s="315">
        <v>12</v>
      </c>
      <c r="AC18" s="315">
        <v>18</v>
      </c>
      <c r="AD18" s="315">
        <v>11</v>
      </c>
      <c r="AE18" s="315">
        <v>7</v>
      </c>
      <c r="AF18" s="315">
        <v>5</v>
      </c>
      <c r="AG18" s="312">
        <v>53</v>
      </c>
      <c r="AH18" s="317">
        <v>59</v>
      </c>
      <c r="AI18" s="311">
        <v>0</v>
      </c>
      <c r="AJ18" s="315">
        <v>0</v>
      </c>
      <c r="AK18" s="312">
        <v>0</v>
      </c>
      <c r="AL18" s="314">
        <v>0</v>
      </c>
      <c r="AM18" s="315">
        <v>0</v>
      </c>
      <c r="AN18" s="315">
        <v>1</v>
      </c>
      <c r="AO18" s="315">
        <v>2</v>
      </c>
      <c r="AP18" s="315">
        <v>0</v>
      </c>
      <c r="AQ18" s="315">
        <v>1</v>
      </c>
      <c r="AR18" s="312">
        <v>4</v>
      </c>
      <c r="AS18" s="317">
        <v>4</v>
      </c>
      <c r="AT18" s="311">
        <v>2</v>
      </c>
      <c r="AU18" s="315">
        <v>2</v>
      </c>
      <c r="AV18" s="312">
        <v>4</v>
      </c>
      <c r="AW18" s="314">
        <v>0</v>
      </c>
      <c r="AX18" s="315">
        <v>19</v>
      </c>
      <c r="AY18" s="315">
        <v>17</v>
      </c>
      <c r="AZ18" s="315">
        <v>21</v>
      </c>
      <c r="BA18" s="315">
        <v>20</v>
      </c>
      <c r="BB18" s="315">
        <v>12</v>
      </c>
      <c r="BC18" s="316">
        <v>89</v>
      </c>
      <c r="BD18" s="317">
        <v>93</v>
      </c>
      <c r="BE18" s="311">
        <v>0</v>
      </c>
      <c r="BF18" s="315">
        <v>0</v>
      </c>
      <c r="BG18" s="312">
        <v>0</v>
      </c>
      <c r="BH18" s="314">
        <v>0</v>
      </c>
      <c r="BI18" s="315">
        <v>17</v>
      </c>
      <c r="BJ18" s="315">
        <v>27</v>
      </c>
      <c r="BK18" s="315">
        <v>9</v>
      </c>
      <c r="BL18" s="315">
        <v>8</v>
      </c>
      <c r="BM18" s="315">
        <v>3</v>
      </c>
      <c r="BN18" s="312">
        <v>64</v>
      </c>
      <c r="BO18" s="317">
        <v>64</v>
      </c>
      <c r="BP18" s="311">
        <v>2</v>
      </c>
      <c r="BQ18" s="315">
        <v>4</v>
      </c>
      <c r="BR18" s="312">
        <v>6</v>
      </c>
      <c r="BS18" s="314">
        <v>0</v>
      </c>
      <c r="BT18" s="315">
        <v>14</v>
      </c>
      <c r="BU18" s="315">
        <v>26</v>
      </c>
      <c r="BV18" s="315">
        <v>8</v>
      </c>
      <c r="BW18" s="315">
        <v>4</v>
      </c>
      <c r="BX18" s="315">
        <v>0</v>
      </c>
      <c r="BY18" s="312">
        <v>52</v>
      </c>
      <c r="BZ18" s="317">
        <v>58</v>
      </c>
      <c r="CA18" s="311">
        <v>0</v>
      </c>
      <c r="CB18" s="315">
        <v>1</v>
      </c>
      <c r="CC18" s="312">
        <v>1</v>
      </c>
      <c r="CD18" s="314">
        <v>0</v>
      </c>
      <c r="CE18" s="315">
        <v>4</v>
      </c>
      <c r="CF18" s="315">
        <v>5</v>
      </c>
      <c r="CG18" s="315">
        <v>3</v>
      </c>
      <c r="CH18" s="315">
        <v>4</v>
      </c>
      <c r="CI18" s="315">
        <v>0</v>
      </c>
      <c r="CJ18" s="312">
        <v>16</v>
      </c>
      <c r="CK18" s="317">
        <v>17</v>
      </c>
      <c r="CL18" s="311">
        <v>0</v>
      </c>
      <c r="CM18" s="315">
        <v>0</v>
      </c>
      <c r="CN18" s="312">
        <v>0</v>
      </c>
      <c r="CO18" s="314">
        <v>0</v>
      </c>
      <c r="CP18" s="315">
        <v>0</v>
      </c>
      <c r="CQ18" s="315">
        <v>1</v>
      </c>
      <c r="CR18" s="315">
        <v>0</v>
      </c>
      <c r="CS18" s="315">
        <v>1</v>
      </c>
      <c r="CT18" s="315">
        <v>0</v>
      </c>
      <c r="CU18" s="312">
        <v>2</v>
      </c>
      <c r="CV18" s="317">
        <v>2</v>
      </c>
      <c r="CW18" s="311">
        <v>0</v>
      </c>
      <c r="CX18" s="315">
        <v>0</v>
      </c>
      <c r="CY18" s="312">
        <v>0</v>
      </c>
      <c r="CZ18" s="314">
        <v>0</v>
      </c>
      <c r="DA18" s="315">
        <v>0</v>
      </c>
      <c r="DB18" s="315">
        <v>0</v>
      </c>
      <c r="DC18" s="315">
        <v>0</v>
      </c>
      <c r="DD18" s="315">
        <v>0</v>
      </c>
      <c r="DE18" s="315">
        <v>0</v>
      </c>
      <c r="DF18" s="312">
        <v>0</v>
      </c>
      <c r="DG18" s="317">
        <v>0</v>
      </c>
      <c r="DH18" s="311">
        <v>0</v>
      </c>
      <c r="DI18" s="315">
        <v>0</v>
      </c>
      <c r="DJ18" s="312">
        <v>0</v>
      </c>
      <c r="DK18" s="314">
        <v>0</v>
      </c>
      <c r="DL18" s="315">
        <v>0</v>
      </c>
      <c r="DM18" s="315">
        <v>0</v>
      </c>
      <c r="DN18" s="315">
        <v>0</v>
      </c>
      <c r="DO18" s="315">
        <v>0</v>
      </c>
      <c r="DP18" s="315">
        <v>0</v>
      </c>
      <c r="DQ18" s="312">
        <v>0</v>
      </c>
      <c r="DR18" s="317">
        <v>0</v>
      </c>
      <c r="DS18" s="311">
        <v>12</v>
      </c>
      <c r="DT18" s="315">
        <v>11</v>
      </c>
      <c r="DU18" s="312">
        <v>23</v>
      </c>
      <c r="DV18" s="314">
        <v>0</v>
      </c>
      <c r="DW18" s="315">
        <v>21</v>
      </c>
      <c r="DX18" s="315">
        <v>59</v>
      </c>
      <c r="DY18" s="315">
        <v>29</v>
      </c>
      <c r="DZ18" s="315">
        <v>16</v>
      </c>
      <c r="EA18" s="315">
        <v>9</v>
      </c>
      <c r="EB18" s="312">
        <v>134</v>
      </c>
      <c r="EC18" s="317">
        <v>157</v>
      </c>
      <c r="ED18" s="311">
        <v>2</v>
      </c>
      <c r="EE18" s="315">
        <v>3</v>
      </c>
      <c r="EF18" s="312">
        <v>5</v>
      </c>
      <c r="EG18" s="314">
        <v>0</v>
      </c>
      <c r="EH18" s="315">
        <v>11</v>
      </c>
      <c r="EI18" s="315">
        <v>8</v>
      </c>
      <c r="EJ18" s="315">
        <v>14</v>
      </c>
      <c r="EK18" s="315">
        <v>14</v>
      </c>
      <c r="EL18" s="315">
        <v>5</v>
      </c>
      <c r="EM18" s="312">
        <v>52</v>
      </c>
      <c r="EN18" s="317">
        <v>57</v>
      </c>
      <c r="EO18" s="311">
        <v>15</v>
      </c>
      <c r="EP18" s="315">
        <v>18</v>
      </c>
      <c r="EQ18" s="312">
        <v>33</v>
      </c>
      <c r="ER18" s="314">
        <v>0</v>
      </c>
      <c r="ES18" s="315">
        <v>49</v>
      </c>
      <c r="ET18" s="315">
        <v>81</v>
      </c>
      <c r="EU18" s="315">
        <v>34</v>
      </c>
      <c r="EV18" s="315">
        <v>18</v>
      </c>
      <c r="EW18" s="315">
        <v>10</v>
      </c>
      <c r="EX18" s="312">
        <v>192</v>
      </c>
      <c r="EY18" s="317">
        <v>225</v>
      </c>
    </row>
    <row r="19" spans="1:155" ht="19.5" customHeight="1" x14ac:dyDescent="0.2">
      <c r="A19" s="296" t="s">
        <v>17</v>
      </c>
      <c r="B19" s="311">
        <v>0</v>
      </c>
      <c r="C19" s="315">
        <v>0</v>
      </c>
      <c r="D19" s="437">
        <v>0</v>
      </c>
      <c r="E19" s="314">
        <v>0</v>
      </c>
      <c r="F19" s="315">
        <v>8</v>
      </c>
      <c r="G19" s="315">
        <v>20</v>
      </c>
      <c r="H19" s="315">
        <v>10</v>
      </c>
      <c r="I19" s="315">
        <v>7</v>
      </c>
      <c r="J19" s="315">
        <v>10</v>
      </c>
      <c r="K19" s="316">
        <v>55</v>
      </c>
      <c r="L19" s="317">
        <v>55</v>
      </c>
      <c r="M19" s="311">
        <v>0</v>
      </c>
      <c r="N19" s="315">
        <v>0</v>
      </c>
      <c r="O19" s="312">
        <v>0</v>
      </c>
      <c r="P19" s="314">
        <v>0</v>
      </c>
      <c r="Q19" s="315">
        <v>0</v>
      </c>
      <c r="R19" s="315">
        <v>0</v>
      </c>
      <c r="S19" s="315">
        <v>0</v>
      </c>
      <c r="T19" s="315">
        <v>0</v>
      </c>
      <c r="U19" s="315">
        <v>6</v>
      </c>
      <c r="V19" s="312">
        <v>6</v>
      </c>
      <c r="W19" s="317">
        <v>6</v>
      </c>
      <c r="X19" s="311">
        <v>0</v>
      </c>
      <c r="Y19" s="315">
        <v>5</v>
      </c>
      <c r="Z19" s="312">
        <v>5</v>
      </c>
      <c r="AA19" s="314">
        <v>0</v>
      </c>
      <c r="AB19" s="315">
        <v>13</v>
      </c>
      <c r="AC19" s="315">
        <v>14</v>
      </c>
      <c r="AD19" s="315">
        <v>7</v>
      </c>
      <c r="AE19" s="315">
        <v>10</v>
      </c>
      <c r="AF19" s="315">
        <v>7</v>
      </c>
      <c r="AG19" s="312">
        <v>51</v>
      </c>
      <c r="AH19" s="317">
        <v>56</v>
      </c>
      <c r="AI19" s="311">
        <v>1</v>
      </c>
      <c r="AJ19" s="315">
        <v>0</v>
      </c>
      <c r="AK19" s="312">
        <v>1</v>
      </c>
      <c r="AL19" s="314">
        <v>0</v>
      </c>
      <c r="AM19" s="315">
        <v>0</v>
      </c>
      <c r="AN19" s="315">
        <v>3</v>
      </c>
      <c r="AO19" s="315">
        <v>0</v>
      </c>
      <c r="AP19" s="315">
        <v>1</v>
      </c>
      <c r="AQ19" s="315">
        <v>1</v>
      </c>
      <c r="AR19" s="312">
        <v>5</v>
      </c>
      <c r="AS19" s="317">
        <v>6</v>
      </c>
      <c r="AT19" s="311">
        <v>3</v>
      </c>
      <c r="AU19" s="315">
        <v>2</v>
      </c>
      <c r="AV19" s="312">
        <v>5</v>
      </c>
      <c r="AW19" s="314">
        <v>0</v>
      </c>
      <c r="AX19" s="315">
        <v>11</v>
      </c>
      <c r="AY19" s="315">
        <v>25</v>
      </c>
      <c r="AZ19" s="315">
        <v>15</v>
      </c>
      <c r="BA19" s="315">
        <v>22</v>
      </c>
      <c r="BB19" s="315">
        <v>12</v>
      </c>
      <c r="BC19" s="316">
        <v>85</v>
      </c>
      <c r="BD19" s="317">
        <v>90</v>
      </c>
      <c r="BE19" s="311">
        <v>0</v>
      </c>
      <c r="BF19" s="315">
        <v>0</v>
      </c>
      <c r="BG19" s="312">
        <v>0</v>
      </c>
      <c r="BH19" s="314">
        <v>0</v>
      </c>
      <c r="BI19" s="315">
        <v>28</v>
      </c>
      <c r="BJ19" s="315">
        <v>23</v>
      </c>
      <c r="BK19" s="315">
        <v>15</v>
      </c>
      <c r="BL19" s="315">
        <v>7</v>
      </c>
      <c r="BM19" s="315">
        <v>4</v>
      </c>
      <c r="BN19" s="312">
        <v>77</v>
      </c>
      <c r="BO19" s="317">
        <v>77</v>
      </c>
      <c r="BP19" s="311">
        <v>1</v>
      </c>
      <c r="BQ19" s="315">
        <v>4</v>
      </c>
      <c r="BR19" s="312">
        <v>5</v>
      </c>
      <c r="BS19" s="314">
        <v>0</v>
      </c>
      <c r="BT19" s="315">
        <v>7</v>
      </c>
      <c r="BU19" s="315">
        <v>16</v>
      </c>
      <c r="BV19" s="315">
        <v>3</v>
      </c>
      <c r="BW19" s="315">
        <v>1</v>
      </c>
      <c r="BX19" s="315">
        <v>2</v>
      </c>
      <c r="BY19" s="312">
        <v>29</v>
      </c>
      <c r="BZ19" s="317">
        <v>34</v>
      </c>
      <c r="CA19" s="311">
        <v>0</v>
      </c>
      <c r="CB19" s="315">
        <v>1</v>
      </c>
      <c r="CC19" s="312">
        <v>1</v>
      </c>
      <c r="CD19" s="314">
        <v>0</v>
      </c>
      <c r="CE19" s="315">
        <v>4</v>
      </c>
      <c r="CF19" s="315">
        <v>4</v>
      </c>
      <c r="CG19" s="315">
        <v>10</v>
      </c>
      <c r="CH19" s="315">
        <v>6</v>
      </c>
      <c r="CI19" s="315">
        <v>3</v>
      </c>
      <c r="CJ19" s="312">
        <v>27</v>
      </c>
      <c r="CK19" s="317">
        <v>28</v>
      </c>
      <c r="CL19" s="311">
        <v>0</v>
      </c>
      <c r="CM19" s="315">
        <v>0</v>
      </c>
      <c r="CN19" s="312">
        <v>0</v>
      </c>
      <c r="CO19" s="314">
        <v>0</v>
      </c>
      <c r="CP19" s="315">
        <v>1</v>
      </c>
      <c r="CQ19" s="315">
        <v>3</v>
      </c>
      <c r="CR19" s="315">
        <v>0</v>
      </c>
      <c r="CS19" s="315">
        <v>0</v>
      </c>
      <c r="CT19" s="315">
        <v>0</v>
      </c>
      <c r="CU19" s="312">
        <v>4</v>
      </c>
      <c r="CV19" s="317">
        <v>4</v>
      </c>
      <c r="CW19" s="311">
        <v>0</v>
      </c>
      <c r="CX19" s="315">
        <v>0</v>
      </c>
      <c r="CY19" s="312">
        <v>0</v>
      </c>
      <c r="CZ19" s="314">
        <v>0</v>
      </c>
      <c r="DA19" s="315">
        <v>0</v>
      </c>
      <c r="DB19" s="315">
        <v>0</v>
      </c>
      <c r="DC19" s="315">
        <v>0</v>
      </c>
      <c r="DD19" s="315">
        <v>0</v>
      </c>
      <c r="DE19" s="315">
        <v>0</v>
      </c>
      <c r="DF19" s="312">
        <v>0</v>
      </c>
      <c r="DG19" s="317">
        <v>0</v>
      </c>
      <c r="DH19" s="311">
        <v>0</v>
      </c>
      <c r="DI19" s="315">
        <v>0</v>
      </c>
      <c r="DJ19" s="312">
        <v>0</v>
      </c>
      <c r="DK19" s="314">
        <v>0</v>
      </c>
      <c r="DL19" s="315">
        <v>0</v>
      </c>
      <c r="DM19" s="315">
        <v>0</v>
      </c>
      <c r="DN19" s="315">
        <v>0</v>
      </c>
      <c r="DO19" s="315">
        <v>0</v>
      </c>
      <c r="DP19" s="315">
        <v>0</v>
      </c>
      <c r="DQ19" s="312">
        <v>0</v>
      </c>
      <c r="DR19" s="317">
        <v>0</v>
      </c>
      <c r="DS19" s="311">
        <v>5</v>
      </c>
      <c r="DT19" s="315">
        <v>28</v>
      </c>
      <c r="DU19" s="312">
        <v>33</v>
      </c>
      <c r="DV19" s="314">
        <v>0</v>
      </c>
      <c r="DW19" s="315">
        <v>31</v>
      </c>
      <c r="DX19" s="315">
        <v>57</v>
      </c>
      <c r="DY19" s="315">
        <v>36</v>
      </c>
      <c r="DZ19" s="315">
        <v>22</v>
      </c>
      <c r="EA19" s="315">
        <v>17</v>
      </c>
      <c r="EB19" s="312">
        <v>163</v>
      </c>
      <c r="EC19" s="317">
        <v>196</v>
      </c>
      <c r="ED19" s="311">
        <v>3</v>
      </c>
      <c r="EE19" s="315">
        <v>1</v>
      </c>
      <c r="EF19" s="312">
        <v>4</v>
      </c>
      <c r="EG19" s="314">
        <v>0</v>
      </c>
      <c r="EH19" s="315">
        <v>8</v>
      </c>
      <c r="EI19" s="315">
        <v>5</v>
      </c>
      <c r="EJ19" s="315">
        <v>6</v>
      </c>
      <c r="EK19" s="315">
        <v>7</v>
      </c>
      <c r="EL19" s="315">
        <v>2</v>
      </c>
      <c r="EM19" s="312">
        <v>28</v>
      </c>
      <c r="EN19" s="317">
        <v>32</v>
      </c>
      <c r="EO19" s="311">
        <v>7</v>
      </c>
      <c r="EP19" s="315">
        <v>31</v>
      </c>
      <c r="EQ19" s="312">
        <v>38</v>
      </c>
      <c r="ER19" s="314">
        <v>0</v>
      </c>
      <c r="ES19" s="315">
        <v>73</v>
      </c>
      <c r="ET19" s="315">
        <v>78</v>
      </c>
      <c r="EU19" s="315">
        <v>40</v>
      </c>
      <c r="EV19" s="315">
        <v>24</v>
      </c>
      <c r="EW19" s="315">
        <v>17</v>
      </c>
      <c r="EX19" s="312">
        <v>232</v>
      </c>
      <c r="EY19" s="317">
        <v>270</v>
      </c>
    </row>
    <row r="20" spans="1:155" ht="19.5" customHeight="1" x14ac:dyDescent="0.2">
      <c r="A20" s="296" t="s">
        <v>18</v>
      </c>
      <c r="B20" s="311">
        <v>0</v>
      </c>
      <c r="C20" s="315">
        <v>0</v>
      </c>
      <c r="D20" s="437">
        <v>0</v>
      </c>
      <c r="E20" s="314">
        <v>0</v>
      </c>
      <c r="F20" s="315">
        <v>23</v>
      </c>
      <c r="G20" s="315">
        <v>39</v>
      </c>
      <c r="H20" s="315">
        <v>14</v>
      </c>
      <c r="I20" s="315">
        <v>12</v>
      </c>
      <c r="J20" s="315">
        <v>4</v>
      </c>
      <c r="K20" s="316">
        <v>92</v>
      </c>
      <c r="L20" s="317">
        <v>92</v>
      </c>
      <c r="M20" s="311">
        <v>0</v>
      </c>
      <c r="N20" s="315">
        <v>0</v>
      </c>
      <c r="O20" s="312">
        <v>0</v>
      </c>
      <c r="P20" s="314">
        <v>0</v>
      </c>
      <c r="Q20" s="315">
        <v>1</v>
      </c>
      <c r="R20" s="315">
        <v>1</v>
      </c>
      <c r="S20" s="315">
        <v>1</v>
      </c>
      <c r="T20" s="315">
        <v>5</v>
      </c>
      <c r="U20" s="315">
        <v>4</v>
      </c>
      <c r="V20" s="312">
        <v>12</v>
      </c>
      <c r="W20" s="317">
        <v>12</v>
      </c>
      <c r="X20" s="311">
        <v>2</v>
      </c>
      <c r="Y20" s="315">
        <v>9</v>
      </c>
      <c r="Z20" s="312">
        <v>11</v>
      </c>
      <c r="AA20" s="314">
        <v>0</v>
      </c>
      <c r="AB20" s="315">
        <v>20</v>
      </c>
      <c r="AC20" s="315">
        <v>22</v>
      </c>
      <c r="AD20" s="315">
        <v>12</v>
      </c>
      <c r="AE20" s="315">
        <v>10</v>
      </c>
      <c r="AF20" s="315">
        <v>4</v>
      </c>
      <c r="AG20" s="312">
        <v>68</v>
      </c>
      <c r="AH20" s="317">
        <v>79</v>
      </c>
      <c r="AI20" s="311">
        <v>0</v>
      </c>
      <c r="AJ20" s="315">
        <v>4</v>
      </c>
      <c r="AK20" s="312">
        <v>4</v>
      </c>
      <c r="AL20" s="314">
        <v>0</v>
      </c>
      <c r="AM20" s="315">
        <v>2</v>
      </c>
      <c r="AN20" s="315">
        <v>2</v>
      </c>
      <c r="AO20" s="315">
        <v>1</v>
      </c>
      <c r="AP20" s="315">
        <v>1</v>
      </c>
      <c r="AQ20" s="315">
        <v>0</v>
      </c>
      <c r="AR20" s="312">
        <v>6</v>
      </c>
      <c r="AS20" s="317">
        <v>10</v>
      </c>
      <c r="AT20" s="311">
        <v>2</v>
      </c>
      <c r="AU20" s="315">
        <v>10</v>
      </c>
      <c r="AV20" s="312">
        <v>12</v>
      </c>
      <c r="AW20" s="314">
        <v>0</v>
      </c>
      <c r="AX20" s="315">
        <v>34</v>
      </c>
      <c r="AY20" s="315">
        <v>48</v>
      </c>
      <c r="AZ20" s="315">
        <v>32</v>
      </c>
      <c r="BA20" s="315">
        <v>24</v>
      </c>
      <c r="BB20" s="315">
        <v>15</v>
      </c>
      <c r="BC20" s="316">
        <v>153</v>
      </c>
      <c r="BD20" s="317">
        <v>165</v>
      </c>
      <c r="BE20" s="311">
        <v>0</v>
      </c>
      <c r="BF20" s="315">
        <v>0</v>
      </c>
      <c r="BG20" s="312">
        <v>0</v>
      </c>
      <c r="BH20" s="314">
        <v>0</v>
      </c>
      <c r="BI20" s="315">
        <v>33</v>
      </c>
      <c r="BJ20" s="315">
        <v>34</v>
      </c>
      <c r="BK20" s="315">
        <v>19</v>
      </c>
      <c r="BL20" s="315">
        <v>11</v>
      </c>
      <c r="BM20" s="315">
        <v>4</v>
      </c>
      <c r="BN20" s="312">
        <v>101</v>
      </c>
      <c r="BO20" s="317">
        <v>101</v>
      </c>
      <c r="BP20" s="311">
        <v>3</v>
      </c>
      <c r="BQ20" s="315">
        <v>9</v>
      </c>
      <c r="BR20" s="312">
        <v>12</v>
      </c>
      <c r="BS20" s="314">
        <v>0</v>
      </c>
      <c r="BT20" s="315">
        <v>11</v>
      </c>
      <c r="BU20" s="315">
        <v>16</v>
      </c>
      <c r="BV20" s="315">
        <v>8</v>
      </c>
      <c r="BW20" s="315">
        <v>5</v>
      </c>
      <c r="BX20" s="315">
        <v>2</v>
      </c>
      <c r="BY20" s="312">
        <v>42</v>
      </c>
      <c r="BZ20" s="317">
        <v>54</v>
      </c>
      <c r="CA20" s="311">
        <v>0</v>
      </c>
      <c r="CB20" s="315">
        <v>1</v>
      </c>
      <c r="CC20" s="312">
        <v>1</v>
      </c>
      <c r="CD20" s="314">
        <v>0</v>
      </c>
      <c r="CE20" s="315">
        <v>1</v>
      </c>
      <c r="CF20" s="315">
        <v>8</v>
      </c>
      <c r="CG20" s="315">
        <v>6</v>
      </c>
      <c r="CH20" s="315">
        <v>6</v>
      </c>
      <c r="CI20" s="315">
        <v>2</v>
      </c>
      <c r="CJ20" s="312">
        <v>23</v>
      </c>
      <c r="CK20" s="317">
        <v>24</v>
      </c>
      <c r="CL20" s="311">
        <v>0</v>
      </c>
      <c r="CM20" s="315">
        <v>0</v>
      </c>
      <c r="CN20" s="312">
        <v>0</v>
      </c>
      <c r="CO20" s="314">
        <v>0</v>
      </c>
      <c r="CP20" s="315">
        <v>1</v>
      </c>
      <c r="CQ20" s="315">
        <v>0</v>
      </c>
      <c r="CR20" s="315">
        <v>0</v>
      </c>
      <c r="CS20" s="315">
        <v>0</v>
      </c>
      <c r="CT20" s="315">
        <v>0</v>
      </c>
      <c r="CU20" s="312">
        <v>1</v>
      </c>
      <c r="CV20" s="317">
        <v>1</v>
      </c>
      <c r="CW20" s="311">
        <v>0</v>
      </c>
      <c r="CX20" s="315">
        <v>0</v>
      </c>
      <c r="CY20" s="312">
        <v>0</v>
      </c>
      <c r="CZ20" s="314">
        <v>0</v>
      </c>
      <c r="DA20" s="315">
        <v>0</v>
      </c>
      <c r="DB20" s="315">
        <v>0</v>
      </c>
      <c r="DC20" s="315">
        <v>0</v>
      </c>
      <c r="DD20" s="315">
        <v>0</v>
      </c>
      <c r="DE20" s="315">
        <v>0</v>
      </c>
      <c r="DF20" s="312">
        <v>0</v>
      </c>
      <c r="DG20" s="317">
        <v>0</v>
      </c>
      <c r="DH20" s="311">
        <v>0</v>
      </c>
      <c r="DI20" s="315">
        <v>0</v>
      </c>
      <c r="DJ20" s="312">
        <v>0</v>
      </c>
      <c r="DK20" s="314">
        <v>0</v>
      </c>
      <c r="DL20" s="315">
        <v>0</v>
      </c>
      <c r="DM20" s="315">
        <v>0</v>
      </c>
      <c r="DN20" s="315">
        <v>0</v>
      </c>
      <c r="DO20" s="315">
        <v>0</v>
      </c>
      <c r="DP20" s="315">
        <v>0</v>
      </c>
      <c r="DQ20" s="312">
        <v>0</v>
      </c>
      <c r="DR20" s="317">
        <v>0</v>
      </c>
      <c r="DS20" s="311">
        <v>9</v>
      </c>
      <c r="DT20" s="315">
        <v>31</v>
      </c>
      <c r="DU20" s="312">
        <v>40</v>
      </c>
      <c r="DV20" s="314">
        <v>0</v>
      </c>
      <c r="DW20" s="315">
        <v>41</v>
      </c>
      <c r="DX20" s="315">
        <v>68</v>
      </c>
      <c r="DY20" s="315">
        <v>40</v>
      </c>
      <c r="DZ20" s="315">
        <v>28</v>
      </c>
      <c r="EA20" s="315">
        <v>9</v>
      </c>
      <c r="EB20" s="312">
        <v>186</v>
      </c>
      <c r="EC20" s="317">
        <v>226</v>
      </c>
      <c r="ED20" s="311">
        <v>1</v>
      </c>
      <c r="EE20" s="315">
        <v>3</v>
      </c>
      <c r="EF20" s="312">
        <v>4</v>
      </c>
      <c r="EG20" s="314">
        <v>0</v>
      </c>
      <c r="EH20" s="315">
        <v>13</v>
      </c>
      <c r="EI20" s="315">
        <v>12</v>
      </c>
      <c r="EJ20" s="315">
        <v>11</v>
      </c>
      <c r="EK20" s="315">
        <v>5</v>
      </c>
      <c r="EL20" s="315">
        <v>6</v>
      </c>
      <c r="EM20" s="312">
        <v>47</v>
      </c>
      <c r="EN20" s="317">
        <v>51</v>
      </c>
      <c r="EO20" s="311">
        <v>11</v>
      </c>
      <c r="EP20" s="315">
        <v>44</v>
      </c>
      <c r="EQ20" s="312">
        <v>55</v>
      </c>
      <c r="ER20" s="314">
        <v>0</v>
      </c>
      <c r="ES20" s="315">
        <v>95</v>
      </c>
      <c r="ET20" s="315">
        <v>104</v>
      </c>
      <c r="EU20" s="315">
        <v>52</v>
      </c>
      <c r="EV20" s="315">
        <v>32</v>
      </c>
      <c r="EW20" s="315">
        <v>11</v>
      </c>
      <c r="EX20" s="312">
        <v>294</v>
      </c>
      <c r="EY20" s="317">
        <v>349</v>
      </c>
    </row>
    <row r="21" spans="1:155" ht="19.5" customHeight="1" x14ac:dyDescent="0.2">
      <c r="A21" s="296" t="s">
        <v>19</v>
      </c>
      <c r="B21" s="311">
        <v>0</v>
      </c>
      <c r="C21" s="315">
        <v>0</v>
      </c>
      <c r="D21" s="437">
        <v>0</v>
      </c>
      <c r="E21" s="314">
        <v>0</v>
      </c>
      <c r="F21" s="315">
        <v>15</v>
      </c>
      <c r="G21" s="315">
        <v>10</v>
      </c>
      <c r="H21" s="315">
        <v>2</v>
      </c>
      <c r="I21" s="315">
        <v>8</v>
      </c>
      <c r="J21" s="315">
        <v>3</v>
      </c>
      <c r="K21" s="316">
        <v>38</v>
      </c>
      <c r="L21" s="317">
        <v>38</v>
      </c>
      <c r="M21" s="311">
        <v>0</v>
      </c>
      <c r="N21" s="315">
        <v>0</v>
      </c>
      <c r="O21" s="312">
        <v>0</v>
      </c>
      <c r="P21" s="314">
        <v>0</v>
      </c>
      <c r="Q21" s="315">
        <v>1</v>
      </c>
      <c r="R21" s="315">
        <v>2</v>
      </c>
      <c r="S21" s="315">
        <v>0</v>
      </c>
      <c r="T21" s="315">
        <v>4</v>
      </c>
      <c r="U21" s="315">
        <v>2</v>
      </c>
      <c r="V21" s="312">
        <v>9</v>
      </c>
      <c r="W21" s="317">
        <v>9</v>
      </c>
      <c r="X21" s="311">
        <v>1</v>
      </c>
      <c r="Y21" s="315">
        <v>0</v>
      </c>
      <c r="Z21" s="312">
        <v>1</v>
      </c>
      <c r="AA21" s="314">
        <v>0</v>
      </c>
      <c r="AB21" s="315">
        <v>12</v>
      </c>
      <c r="AC21" s="315">
        <v>15</v>
      </c>
      <c r="AD21" s="315">
        <v>3</v>
      </c>
      <c r="AE21" s="315">
        <v>6</v>
      </c>
      <c r="AF21" s="315">
        <v>6</v>
      </c>
      <c r="AG21" s="312">
        <v>42</v>
      </c>
      <c r="AH21" s="317">
        <v>43</v>
      </c>
      <c r="AI21" s="311">
        <v>0</v>
      </c>
      <c r="AJ21" s="315">
        <v>0</v>
      </c>
      <c r="AK21" s="312">
        <v>0</v>
      </c>
      <c r="AL21" s="314">
        <v>0</v>
      </c>
      <c r="AM21" s="315">
        <v>1</v>
      </c>
      <c r="AN21" s="315">
        <v>2</v>
      </c>
      <c r="AO21" s="315">
        <v>1</v>
      </c>
      <c r="AP21" s="315">
        <v>1</v>
      </c>
      <c r="AQ21" s="315">
        <v>0</v>
      </c>
      <c r="AR21" s="312">
        <v>5</v>
      </c>
      <c r="AS21" s="317">
        <v>5</v>
      </c>
      <c r="AT21" s="311">
        <v>2</v>
      </c>
      <c r="AU21" s="315">
        <v>3</v>
      </c>
      <c r="AV21" s="312">
        <v>5</v>
      </c>
      <c r="AW21" s="314">
        <v>0</v>
      </c>
      <c r="AX21" s="315">
        <v>21</v>
      </c>
      <c r="AY21" s="315">
        <v>15</v>
      </c>
      <c r="AZ21" s="315">
        <v>11</v>
      </c>
      <c r="BA21" s="315">
        <v>14</v>
      </c>
      <c r="BB21" s="315">
        <v>8</v>
      </c>
      <c r="BC21" s="316">
        <v>69</v>
      </c>
      <c r="BD21" s="317">
        <v>74</v>
      </c>
      <c r="BE21" s="311">
        <v>0</v>
      </c>
      <c r="BF21" s="315">
        <v>0</v>
      </c>
      <c r="BG21" s="312">
        <v>0</v>
      </c>
      <c r="BH21" s="314">
        <v>0</v>
      </c>
      <c r="BI21" s="315">
        <v>19</v>
      </c>
      <c r="BJ21" s="315">
        <v>19</v>
      </c>
      <c r="BK21" s="315">
        <v>8</v>
      </c>
      <c r="BL21" s="315">
        <v>2</v>
      </c>
      <c r="BM21" s="315">
        <v>1</v>
      </c>
      <c r="BN21" s="312">
        <v>49</v>
      </c>
      <c r="BO21" s="317">
        <v>49</v>
      </c>
      <c r="BP21" s="311">
        <v>2</v>
      </c>
      <c r="BQ21" s="315">
        <v>2</v>
      </c>
      <c r="BR21" s="312">
        <v>4</v>
      </c>
      <c r="BS21" s="314">
        <v>0</v>
      </c>
      <c r="BT21" s="315">
        <v>11</v>
      </c>
      <c r="BU21" s="315">
        <v>8</v>
      </c>
      <c r="BV21" s="315">
        <v>2</v>
      </c>
      <c r="BW21" s="315">
        <v>4</v>
      </c>
      <c r="BX21" s="315">
        <v>0</v>
      </c>
      <c r="BY21" s="312">
        <v>25</v>
      </c>
      <c r="BZ21" s="317">
        <v>29</v>
      </c>
      <c r="CA21" s="311">
        <v>0</v>
      </c>
      <c r="CB21" s="315">
        <v>0</v>
      </c>
      <c r="CC21" s="312">
        <v>0</v>
      </c>
      <c r="CD21" s="314">
        <v>0</v>
      </c>
      <c r="CE21" s="315">
        <v>1</v>
      </c>
      <c r="CF21" s="315">
        <v>2</v>
      </c>
      <c r="CG21" s="315">
        <v>1</v>
      </c>
      <c r="CH21" s="315">
        <v>0</v>
      </c>
      <c r="CI21" s="315">
        <v>0</v>
      </c>
      <c r="CJ21" s="312">
        <v>4</v>
      </c>
      <c r="CK21" s="317">
        <v>4</v>
      </c>
      <c r="CL21" s="311">
        <v>0</v>
      </c>
      <c r="CM21" s="315">
        <v>0</v>
      </c>
      <c r="CN21" s="312">
        <v>0</v>
      </c>
      <c r="CO21" s="314">
        <v>0</v>
      </c>
      <c r="CP21" s="315">
        <v>0</v>
      </c>
      <c r="CQ21" s="315">
        <v>0</v>
      </c>
      <c r="CR21" s="315">
        <v>0</v>
      </c>
      <c r="CS21" s="315">
        <v>1</v>
      </c>
      <c r="CT21" s="315">
        <v>0</v>
      </c>
      <c r="CU21" s="312">
        <v>1</v>
      </c>
      <c r="CV21" s="317">
        <v>1</v>
      </c>
      <c r="CW21" s="311">
        <v>0</v>
      </c>
      <c r="CX21" s="315">
        <v>0</v>
      </c>
      <c r="CY21" s="312">
        <v>0</v>
      </c>
      <c r="CZ21" s="314">
        <v>0</v>
      </c>
      <c r="DA21" s="315">
        <v>0</v>
      </c>
      <c r="DB21" s="315">
        <v>0</v>
      </c>
      <c r="DC21" s="315">
        <v>0</v>
      </c>
      <c r="DD21" s="315">
        <v>0</v>
      </c>
      <c r="DE21" s="315">
        <v>0</v>
      </c>
      <c r="DF21" s="312">
        <v>0</v>
      </c>
      <c r="DG21" s="317">
        <v>0</v>
      </c>
      <c r="DH21" s="311">
        <v>0</v>
      </c>
      <c r="DI21" s="315">
        <v>0</v>
      </c>
      <c r="DJ21" s="312">
        <v>0</v>
      </c>
      <c r="DK21" s="314">
        <v>0</v>
      </c>
      <c r="DL21" s="315">
        <v>0</v>
      </c>
      <c r="DM21" s="315">
        <v>0</v>
      </c>
      <c r="DN21" s="315">
        <v>0</v>
      </c>
      <c r="DO21" s="315">
        <v>0</v>
      </c>
      <c r="DP21" s="315">
        <v>0</v>
      </c>
      <c r="DQ21" s="312">
        <v>0</v>
      </c>
      <c r="DR21" s="317">
        <v>0</v>
      </c>
      <c r="DS21" s="311">
        <v>5</v>
      </c>
      <c r="DT21" s="315">
        <v>7</v>
      </c>
      <c r="DU21" s="312">
        <v>12</v>
      </c>
      <c r="DV21" s="314">
        <v>0</v>
      </c>
      <c r="DW21" s="315">
        <v>27</v>
      </c>
      <c r="DX21" s="315">
        <v>31</v>
      </c>
      <c r="DY21" s="315">
        <v>12</v>
      </c>
      <c r="DZ21" s="315">
        <v>13</v>
      </c>
      <c r="EA21" s="315">
        <v>7</v>
      </c>
      <c r="EB21" s="312">
        <v>90</v>
      </c>
      <c r="EC21" s="317">
        <v>102</v>
      </c>
      <c r="ED21" s="311">
        <v>0</v>
      </c>
      <c r="EE21" s="315">
        <v>3</v>
      </c>
      <c r="EF21" s="312">
        <v>3</v>
      </c>
      <c r="EG21" s="314">
        <v>0</v>
      </c>
      <c r="EH21" s="315">
        <v>7</v>
      </c>
      <c r="EI21" s="315">
        <v>4</v>
      </c>
      <c r="EJ21" s="315">
        <v>3</v>
      </c>
      <c r="EK21" s="315">
        <v>4</v>
      </c>
      <c r="EL21" s="315">
        <v>1</v>
      </c>
      <c r="EM21" s="312">
        <v>19</v>
      </c>
      <c r="EN21" s="317">
        <v>22</v>
      </c>
      <c r="EO21" s="311">
        <v>8</v>
      </c>
      <c r="EP21" s="315">
        <v>8</v>
      </c>
      <c r="EQ21" s="312">
        <v>16</v>
      </c>
      <c r="ER21" s="314">
        <v>0</v>
      </c>
      <c r="ES21" s="315">
        <v>47</v>
      </c>
      <c r="ET21" s="315">
        <v>47</v>
      </c>
      <c r="EU21" s="315">
        <v>15</v>
      </c>
      <c r="EV21" s="315">
        <v>15</v>
      </c>
      <c r="EW21" s="315">
        <v>4</v>
      </c>
      <c r="EX21" s="312">
        <v>128</v>
      </c>
      <c r="EY21" s="317">
        <v>144</v>
      </c>
    </row>
    <row r="22" spans="1:155" ht="19.5" customHeight="1" x14ac:dyDescent="0.2">
      <c r="A22" s="296" t="s">
        <v>20</v>
      </c>
      <c r="B22" s="311">
        <v>0</v>
      </c>
      <c r="C22" s="315">
        <v>0</v>
      </c>
      <c r="D22" s="437">
        <v>0</v>
      </c>
      <c r="E22" s="314">
        <v>0</v>
      </c>
      <c r="F22" s="315">
        <v>17</v>
      </c>
      <c r="G22" s="315">
        <v>14</v>
      </c>
      <c r="H22" s="315">
        <v>9</v>
      </c>
      <c r="I22" s="315">
        <v>5</v>
      </c>
      <c r="J22" s="315">
        <v>3</v>
      </c>
      <c r="K22" s="316">
        <v>48</v>
      </c>
      <c r="L22" s="317">
        <v>48</v>
      </c>
      <c r="M22" s="311">
        <v>0</v>
      </c>
      <c r="N22" s="315">
        <v>0</v>
      </c>
      <c r="O22" s="312">
        <v>0</v>
      </c>
      <c r="P22" s="314">
        <v>0</v>
      </c>
      <c r="Q22" s="315">
        <v>0</v>
      </c>
      <c r="R22" s="315">
        <v>0</v>
      </c>
      <c r="S22" s="315">
        <v>0</v>
      </c>
      <c r="T22" s="315">
        <v>2</v>
      </c>
      <c r="U22" s="315">
        <v>2</v>
      </c>
      <c r="V22" s="312">
        <v>4</v>
      </c>
      <c r="W22" s="317">
        <v>4</v>
      </c>
      <c r="X22" s="311">
        <v>3</v>
      </c>
      <c r="Y22" s="315">
        <v>5</v>
      </c>
      <c r="Z22" s="312">
        <v>8</v>
      </c>
      <c r="AA22" s="314">
        <v>0</v>
      </c>
      <c r="AB22" s="315">
        <v>23</v>
      </c>
      <c r="AC22" s="315">
        <v>10</v>
      </c>
      <c r="AD22" s="315">
        <v>8</v>
      </c>
      <c r="AE22" s="315">
        <v>5</v>
      </c>
      <c r="AF22" s="315">
        <v>3</v>
      </c>
      <c r="AG22" s="312">
        <v>49</v>
      </c>
      <c r="AH22" s="317">
        <v>57</v>
      </c>
      <c r="AI22" s="311">
        <v>1</v>
      </c>
      <c r="AJ22" s="315">
        <v>1</v>
      </c>
      <c r="AK22" s="312">
        <v>2</v>
      </c>
      <c r="AL22" s="314">
        <v>0</v>
      </c>
      <c r="AM22" s="315">
        <v>5</v>
      </c>
      <c r="AN22" s="315">
        <v>4</v>
      </c>
      <c r="AO22" s="315">
        <v>3</v>
      </c>
      <c r="AP22" s="315">
        <v>2</v>
      </c>
      <c r="AQ22" s="315">
        <v>2</v>
      </c>
      <c r="AR22" s="312">
        <v>16</v>
      </c>
      <c r="AS22" s="317">
        <v>18</v>
      </c>
      <c r="AT22" s="311">
        <v>2</v>
      </c>
      <c r="AU22" s="315">
        <v>6</v>
      </c>
      <c r="AV22" s="312">
        <v>8</v>
      </c>
      <c r="AW22" s="314">
        <v>0</v>
      </c>
      <c r="AX22" s="315">
        <v>22</v>
      </c>
      <c r="AY22" s="315">
        <v>23</v>
      </c>
      <c r="AZ22" s="315">
        <v>17</v>
      </c>
      <c r="BA22" s="315">
        <v>19</v>
      </c>
      <c r="BB22" s="315">
        <v>3</v>
      </c>
      <c r="BC22" s="316">
        <v>84</v>
      </c>
      <c r="BD22" s="317">
        <v>92</v>
      </c>
      <c r="BE22" s="311">
        <v>0</v>
      </c>
      <c r="BF22" s="315">
        <v>0</v>
      </c>
      <c r="BG22" s="312">
        <v>0</v>
      </c>
      <c r="BH22" s="314">
        <v>0</v>
      </c>
      <c r="BI22" s="315">
        <v>24</v>
      </c>
      <c r="BJ22" s="315">
        <v>15</v>
      </c>
      <c r="BK22" s="315">
        <v>13</v>
      </c>
      <c r="BL22" s="315">
        <v>6</v>
      </c>
      <c r="BM22" s="315">
        <v>1</v>
      </c>
      <c r="BN22" s="312">
        <v>59</v>
      </c>
      <c r="BO22" s="317">
        <v>59</v>
      </c>
      <c r="BP22" s="311">
        <v>6</v>
      </c>
      <c r="BQ22" s="315">
        <v>2</v>
      </c>
      <c r="BR22" s="312">
        <v>8</v>
      </c>
      <c r="BS22" s="314">
        <v>0</v>
      </c>
      <c r="BT22" s="315">
        <v>13</v>
      </c>
      <c r="BU22" s="315">
        <v>8</v>
      </c>
      <c r="BV22" s="315">
        <v>4</v>
      </c>
      <c r="BW22" s="315">
        <v>8</v>
      </c>
      <c r="BX22" s="315">
        <v>1</v>
      </c>
      <c r="BY22" s="312">
        <v>34</v>
      </c>
      <c r="BZ22" s="317">
        <v>42</v>
      </c>
      <c r="CA22" s="311">
        <v>1</v>
      </c>
      <c r="CB22" s="315">
        <v>2</v>
      </c>
      <c r="CC22" s="312">
        <v>3</v>
      </c>
      <c r="CD22" s="314">
        <v>0</v>
      </c>
      <c r="CE22" s="315">
        <v>2</v>
      </c>
      <c r="CF22" s="315">
        <v>2</v>
      </c>
      <c r="CG22" s="315">
        <v>8</v>
      </c>
      <c r="CH22" s="315">
        <v>8</v>
      </c>
      <c r="CI22" s="315">
        <v>0</v>
      </c>
      <c r="CJ22" s="312">
        <v>20</v>
      </c>
      <c r="CK22" s="317">
        <v>23</v>
      </c>
      <c r="CL22" s="311">
        <v>0</v>
      </c>
      <c r="CM22" s="315">
        <v>0</v>
      </c>
      <c r="CN22" s="312">
        <v>0</v>
      </c>
      <c r="CO22" s="314">
        <v>0</v>
      </c>
      <c r="CP22" s="315">
        <v>0</v>
      </c>
      <c r="CQ22" s="315">
        <v>1</v>
      </c>
      <c r="CR22" s="315">
        <v>0</v>
      </c>
      <c r="CS22" s="315">
        <v>3</v>
      </c>
      <c r="CT22" s="315">
        <v>0</v>
      </c>
      <c r="CU22" s="312">
        <v>4</v>
      </c>
      <c r="CV22" s="317">
        <v>4</v>
      </c>
      <c r="CW22" s="311">
        <v>0</v>
      </c>
      <c r="CX22" s="315">
        <v>0</v>
      </c>
      <c r="CY22" s="312">
        <v>0</v>
      </c>
      <c r="CZ22" s="314">
        <v>0</v>
      </c>
      <c r="DA22" s="315">
        <v>0</v>
      </c>
      <c r="DB22" s="315">
        <v>0</v>
      </c>
      <c r="DC22" s="315">
        <v>0</v>
      </c>
      <c r="DD22" s="315">
        <v>0</v>
      </c>
      <c r="DE22" s="315">
        <v>0</v>
      </c>
      <c r="DF22" s="312">
        <v>0</v>
      </c>
      <c r="DG22" s="317">
        <v>0</v>
      </c>
      <c r="DH22" s="311">
        <v>0</v>
      </c>
      <c r="DI22" s="315">
        <v>0</v>
      </c>
      <c r="DJ22" s="312">
        <v>0</v>
      </c>
      <c r="DK22" s="314">
        <v>0</v>
      </c>
      <c r="DL22" s="315">
        <v>0</v>
      </c>
      <c r="DM22" s="315">
        <v>0</v>
      </c>
      <c r="DN22" s="315">
        <v>0</v>
      </c>
      <c r="DO22" s="315">
        <v>0</v>
      </c>
      <c r="DP22" s="315">
        <v>0</v>
      </c>
      <c r="DQ22" s="312">
        <v>0</v>
      </c>
      <c r="DR22" s="317">
        <v>0</v>
      </c>
      <c r="DS22" s="311">
        <v>13</v>
      </c>
      <c r="DT22" s="315">
        <v>19</v>
      </c>
      <c r="DU22" s="312">
        <v>32</v>
      </c>
      <c r="DV22" s="314">
        <v>0</v>
      </c>
      <c r="DW22" s="315">
        <v>46</v>
      </c>
      <c r="DX22" s="315">
        <v>35</v>
      </c>
      <c r="DY22" s="315">
        <v>24</v>
      </c>
      <c r="DZ22" s="315">
        <v>20</v>
      </c>
      <c r="EA22" s="315">
        <v>7</v>
      </c>
      <c r="EB22" s="312">
        <v>132</v>
      </c>
      <c r="EC22" s="317">
        <v>164</v>
      </c>
      <c r="ED22" s="311">
        <v>2</v>
      </c>
      <c r="EE22" s="315">
        <v>4</v>
      </c>
      <c r="EF22" s="312">
        <v>6</v>
      </c>
      <c r="EG22" s="314">
        <v>0</v>
      </c>
      <c r="EH22" s="315">
        <v>9</v>
      </c>
      <c r="EI22" s="315">
        <v>11</v>
      </c>
      <c r="EJ22" s="315">
        <v>7</v>
      </c>
      <c r="EK22" s="315">
        <v>8</v>
      </c>
      <c r="EL22" s="315">
        <v>1</v>
      </c>
      <c r="EM22" s="312">
        <v>36</v>
      </c>
      <c r="EN22" s="317">
        <v>42</v>
      </c>
      <c r="EO22" s="311">
        <v>22</v>
      </c>
      <c r="EP22" s="315">
        <v>28</v>
      </c>
      <c r="EQ22" s="312">
        <v>50</v>
      </c>
      <c r="ER22" s="314">
        <v>0</v>
      </c>
      <c r="ES22" s="315">
        <v>82</v>
      </c>
      <c r="ET22" s="315">
        <v>51</v>
      </c>
      <c r="EU22" s="315">
        <v>34</v>
      </c>
      <c r="EV22" s="315">
        <v>22</v>
      </c>
      <c r="EW22" s="315">
        <v>5</v>
      </c>
      <c r="EX22" s="312">
        <v>194</v>
      </c>
      <c r="EY22" s="317">
        <v>244</v>
      </c>
    </row>
    <row r="23" spans="1:155" ht="19.5" customHeight="1" x14ac:dyDescent="0.2">
      <c r="A23" s="296" t="s">
        <v>21</v>
      </c>
      <c r="B23" s="311">
        <v>0</v>
      </c>
      <c r="C23" s="315">
        <v>0</v>
      </c>
      <c r="D23" s="437">
        <v>0</v>
      </c>
      <c r="E23" s="314">
        <v>0</v>
      </c>
      <c r="F23" s="315">
        <v>22</v>
      </c>
      <c r="G23" s="315">
        <v>9</v>
      </c>
      <c r="H23" s="315">
        <v>8</v>
      </c>
      <c r="I23" s="315">
        <v>9</v>
      </c>
      <c r="J23" s="315">
        <v>7</v>
      </c>
      <c r="K23" s="316">
        <v>55</v>
      </c>
      <c r="L23" s="317">
        <v>55</v>
      </c>
      <c r="M23" s="311">
        <v>0</v>
      </c>
      <c r="N23" s="315">
        <v>0</v>
      </c>
      <c r="O23" s="312">
        <v>0</v>
      </c>
      <c r="P23" s="314">
        <v>0</v>
      </c>
      <c r="Q23" s="315">
        <v>0</v>
      </c>
      <c r="R23" s="315">
        <v>0</v>
      </c>
      <c r="S23" s="315">
        <v>0</v>
      </c>
      <c r="T23" s="315">
        <v>1</v>
      </c>
      <c r="U23" s="315">
        <v>1</v>
      </c>
      <c r="V23" s="312">
        <v>2</v>
      </c>
      <c r="W23" s="317">
        <v>2</v>
      </c>
      <c r="X23" s="311">
        <v>3</v>
      </c>
      <c r="Y23" s="315">
        <v>3</v>
      </c>
      <c r="Z23" s="312">
        <v>6</v>
      </c>
      <c r="AA23" s="314">
        <v>0</v>
      </c>
      <c r="AB23" s="315">
        <v>17</v>
      </c>
      <c r="AC23" s="315">
        <v>23</v>
      </c>
      <c r="AD23" s="315">
        <v>7</v>
      </c>
      <c r="AE23" s="315">
        <v>8</v>
      </c>
      <c r="AF23" s="315">
        <v>4</v>
      </c>
      <c r="AG23" s="312">
        <v>59</v>
      </c>
      <c r="AH23" s="317">
        <v>65</v>
      </c>
      <c r="AI23" s="311">
        <v>1</v>
      </c>
      <c r="AJ23" s="315">
        <v>1</v>
      </c>
      <c r="AK23" s="312">
        <v>2</v>
      </c>
      <c r="AL23" s="314">
        <v>0</v>
      </c>
      <c r="AM23" s="315">
        <v>3</v>
      </c>
      <c r="AN23" s="315">
        <v>5</v>
      </c>
      <c r="AO23" s="315">
        <v>0</v>
      </c>
      <c r="AP23" s="315">
        <v>0</v>
      </c>
      <c r="AQ23" s="315">
        <v>0</v>
      </c>
      <c r="AR23" s="312">
        <v>8</v>
      </c>
      <c r="AS23" s="317">
        <v>10</v>
      </c>
      <c r="AT23" s="311">
        <v>3</v>
      </c>
      <c r="AU23" s="315">
        <v>1</v>
      </c>
      <c r="AV23" s="312">
        <v>4</v>
      </c>
      <c r="AW23" s="314">
        <v>0</v>
      </c>
      <c r="AX23" s="315">
        <v>17</v>
      </c>
      <c r="AY23" s="315">
        <v>17</v>
      </c>
      <c r="AZ23" s="315">
        <v>10</v>
      </c>
      <c r="BA23" s="315">
        <v>16</v>
      </c>
      <c r="BB23" s="315">
        <v>8</v>
      </c>
      <c r="BC23" s="316">
        <v>68</v>
      </c>
      <c r="BD23" s="317">
        <v>72</v>
      </c>
      <c r="BE23" s="311">
        <v>0</v>
      </c>
      <c r="BF23" s="315">
        <v>0</v>
      </c>
      <c r="BG23" s="312">
        <v>0</v>
      </c>
      <c r="BH23" s="314">
        <v>0</v>
      </c>
      <c r="BI23" s="315">
        <v>22</v>
      </c>
      <c r="BJ23" s="315">
        <v>18</v>
      </c>
      <c r="BK23" s="315">
        <v>10</v>
      </c>
      <c r="BL23" s="315">
        <v>3</v>
      </c>
      <c r="BM23" s="315">
        <v>3</v>
      </c>
      <c r="BN23" s="312">
        <v>56</v>
      </c>
      <c r="BO23" s="317">
        <v>56</v>
      </c>
      <c r="BP23" s="311">
        <v>0</v>
      </c>
      <c r="BQ23" s="315">
        <v>2</v>
      </c>
      <c r="BR23" s="312">
        <v>2</v>
      </c>
      <c r="BS23" s="314">
        <v>0</v>
      </c>
      <c r="BT23" s="315">
        <v>5</v>
      </c>
      <c r="BU23" s="315">
        <v>10</v>
      </c>
      <c r="BV23" s="315">
        <v>3</v>
      </c>
      <c r="BW23" s="315">
        <v>0</v>
      </c>
      <c r="BX23" s="315">
        <v>0</v>
      </c>
      <c r="BY23" s="312">
        <v>18</v>
      </c>
      <c r="BZ23" s="317">
        <v>20</v>
      </c>
      <c r="CA23" s="311">
        <v>1</v>
      </c>
      <c r="CB23" s="315">
        <v>1</v>
      </c>
      <c r="CC23" s="312">
        <v>2</v>
      </c>
      <c r="CD23" s="314">
        <v>0</v>
      </c>
      <c r="CE23" s="315">
        <v>2</v>
      </c>
      <c r="CF23" s="315">
        <v>2</v>
      </c>
      <c r="CG23" s="315">
        <v>9</v>
      </c>
      <c r="CH23" s="315">
        <v>5</v>
      </c>
      <c r="CI23" s="315">
        <v>1</v>
      </c>
      <c r="CJ23" s="312">
        <v>19</v>
      </c>
      <c r="CK23" s="317">
        <v>21</v>
      </c>
      <c r="CL23" s="311">
        <v>0</v>
      </c>
      <c r="CM23" s="315">
        <v>0</v>
      </c>
      <c r="CN23" s="312">
        <v>0</v>
      </c>
      <c r="CO23" s="314">
        <v>0</v>
      </c>
      <c r="CP23" s="315">
        <v>0</v>
      </c>
      <c r="CQ23" s="315">
        <v>0</v>
      </c>
      <c r="CR23" s="315">
        <v>0</v>
      </c>
      <c r="CS23" s="315">
        <v>0</v>
      </c>
      <c r="CT23" s="315">
        <v>0</v>
      </c>
      <c r="CU23" s="312">
        <v>0</v>
      </c>
      <c r="CV23" s="317">
        <v>0</v>
      </c>
      <c r="CW23" s="311">
        <v>0</v>
      </c>
      <c r="CX23" s="315">
        <v>0</v>
      </c>
      <c r="CY23" s="312">
        <v>0</v>
      </c>
      <c r="CZ23" s="314">
        <v>0</v>
      </c>
      <c r="DA23" s="315">
        <v>0</v>
      </c>
      <c r="DB23" s="315">
        <v>0</v>
      </c>
      <c r="DC23" s="315">
        <v>0</v>
      </c>
      <c r="DD23" s="315">
        <v>0</v>
      </c>
      <c r="DE23" s="315">
        <v>0</v>
      </c>
      <c r="DF23" s="312">
        <v>0</v>
      </c>
      <c r="DG23" s="317">
        <v>0</v>
      </c>
      <c r="DH23" s="311">
        <v>0</v>
      </c>
      <c r="DI23" s="315">
        <v>0</v>
      </c>
      <c r="DJ23" s="312">
        <v>0</v>
      </c>
      <c r="DK23" s="314">
        <v>0</v>
      </c>
      <c r="DL23" s="315">
        <v>0</v>
      </c>
      <c r="DM23" s="315">
        <v>0</v>
      </c>
      <c r="DN23" s="315">
        <v>0</v>
      </c>
      <c r="DO23" s="315">
        <v>0</v>
      </c>
      <c r="DP23" s="315">
        <v>0</v>
      </c>
      <c r="DQ23" s="312">
        <v>0</v>
      </c>
      <c r="DR23" s="317">
        <v>0</v>
      </c>
      <c r="DS23" s="311">
        <v>7</v>
      </c>
      <c r="DT23" s="315">
        <v>12</v>
      </c>
      <c r="DU23" s="312">
        <v>19</v>
      </c>
      <c r="DV23" s="314">
        <v>0</v>
      </c>
      <c r="DW23" s="315">
        <v>21</v>
      </c>
      <c r="DX23" s="315">
        <v>44</v>
      </c>
      <c r="DY23" s="315">
        <v>22</v>
      </c>
      <c r="DZ23" s="315">
        <v>18</v>
      </c>
      <c r="EA23" s="315">
        <v>9</v>
      </c>
      <c r="EB23" s="312">
        <v>114</v>
      </c>
      <c r="EC23" s="317">
        <v>133</v>
      </c>
      <c r="ED23" s="311">
        <v>1</v>
      </c>
      <c r="EE23" s="315">
        <v>1</v>
      </c>
      <c r="EF23" s="312">
        <v>2</v>
      </c>
      <c r="EG23" s="314">
        <v>0</v>
      </c>
      <c r="EH23" s="315">
        <v>8</v>
      </c>
      <c r="EI23" s="315">
        <v>4</v>
      </c>
      <c r="EJ23" s="315">
        <v>3</v>
      </c>
      <c r="EK23" s="315">
        <v>4</v>
      </c>
      <c r="EL23" s="315">
        <v>2</v>
      </c>
      <c r="EM23" s="312">
        <v>21</v>
      </c>
      <c r="EN23" s="317">
        <v>23</v>
      </c>
      <c r="EO23" s="311">
        <v>10</v>
      </c>
      <c r="EP23" s="315">
        <v>16</v>
      </c>
      <c r="EQ23" s="312">
        <v>26</v>
      </c>
      <c r="ER23" s="314">
        <v>0</v>
      </c>
      <c r="ES23" s="315">
        <v>52</v>
      </c>
      <c r="ET23" s="315">
        <v>61</v>
      </c>
      <c r="EU23" s="315">
        <v>29</v>
      </c>
      <c r="EV23" s="315">
        <v>17</v>
      </c>
      <c r="EW23" s="315">
        <v>9</v>
      </c>
      <c r="EX23" s="312">
        <v>168</v>
      </c>
      <c r="EY23" s="317">
        <v>194</v>
      </c>
    </row>
    <row r="24" spans="1:155" ht="19.5" customHeight="1" x14ac:dyDescent="0.2">
      <c r="A24" s="296" t="s">
        <v>22</v>
      </c>
      <c r="B24" s="311">
        <v>0</v>
      </c>
      <c r="C24" s="315">
        <v>0</v>
      </c>
      <c r="D24" s="437">
        <v>0</v>
      </c>
      <c r="E24" s="314">
        <v>0</v>
      </c>
      <c r="F24" s="315">
        <v>5</v>
      </c>
      <c r="G24" s="315">
        <v>6</v>
      </c>
      <c r="H24" s="315">
        <v>0</v>
      </c>
      <c r="I24" s="315">
        <v>2</v>
      </c>
      <c r="J24" s="315">
        <v>3</v>
      </c>
      <c r="K24" s="316">
        <v>16</v>
      </c>
      <c r="L24" s="317">
        <v>16</v>
      </c>
      <c r="M24" s="311">
        <v>0</v>
      </c>
      <c r="N24" s="315">
        <v>0</v>
      </c>
      <c r="O24" s="312">
        <v>0</v>
      </c>
      <c r="P24" s="314">
        <v>0</v>
      </c>
      <c r="Q24" s="315">
        <v>0</v>
      </c>
      <c r="R24" s="315">
        <v>0</v>
      </c>
      <c r="S24" s="315">
        <v>1</v>
      </c>
      <c r="T24" s="315">
        <v>0</v>
      </c>
      <c r="U24" s="315">
        <v>1</v>
      </c>
      <c r="V24" s="312">
        <v>2</v>
      </c>
      <c r="W24" s="317">
        <v>2</v>
      </c>
      <c r="X24" s="311">
        <v>1</v>
      </c>
      <c r="Y24" s="315">
        <v>0</v>
      </c>
      <c r="Z24" s="312">
        <v>1</v>
      </c>
      <c r="AA24" s="314">
        <v>0</v>
      </c>
      <c r="AB24" s="315">
        <v>2</v>
      </c>
      <c r="AC24" s="315">
        <v>4</v>
      </c>
      <c r="AD24" s="315">
        <v>2</v>
      </c>
      <c r="AE24" s="315">
        <v>3</v>
      </c>
      <c r="AF24" s="315">
        <v>3</v>
      </c>
      <c r="AG24" s="312">
        <v>14</v>
      </c>
      <c r="AH24" s="317">
        <v>15</v>
      </c>
      <c r="AI24" s="311">
        <v>1</v>
      </c>
      <c r="AJ24" s="315">
        <v>0</v>
      </c>
      <c r="AK24" s="312">
        <v>1</v>
      </c>
      <c r="AL24" s="314">
        <v>0</v>
      </c>
      <c r="AM24" s="315">
        <v>1</v>
      </c>
      <c r="AN24" s="315">
        <v>0</v>
      </c>
      <c r="AO24" s="315">
        <v>0</v>
      </c>
      <c r="AP24" s="315">
        <v>1</v>
      </c>
      <c r="AQ24" s="315">
        <v>1</v>
      </c>
      <c r="AR24" s="312">
        <v>3</v>
      </c>
      <c r="AS24" s="317">
        <v>4</v>
      </c>
      <c r="AT24" s="311">
        <v>0</v>
      </c>
      <c r="AU24" s="315">
        <v>0</v>
      </c>
      <c r="AV24" s="312">
        <v>0</v>
      </c>
      <c r="AW24" s="314">
        <v>0</v>
      </c>
      <c r="AX24" s="315">
        <v>5</v>
      </c>
      <c r="AY24" s="315">
        <v>7</v>
      </c>
      <c r="AZ24" s="315">
        <v>3</v>
      </c>
      <c r="BA24" s="315">
        <v>2</v>
      </c>
      <c r="BB24" s="315">
        <v>1</v>
      </c>
      <c r="BC24" s="316">
        <v>18</v>
      </c>
      <c r="BD24" s="317">
        <v>18</v>
      </c>
      <c r="BE24" s="311">
        <v>0</v>
      </c>
      <c r="BF24" s="315">
        <v>0</v>
      </c>
      <c r="BG24" s="312">
        <v>0</v>
      </c>
      <c r="BH24" s="314">
        <v>0</v>
      </c>
      <c r="BI24" s="315">
        <v>9</v>
      </c>
      <c r="BJ24" s="315">
        <v>12</v>
      </c>
      <c r="BK24" s="315">
        <v>4</v>
      </c>
      <c r="BL24" s="315">
        <v>4</v>
      </c>
      <c r="BM24" s="315">
        <v>3</v>
      </c>
      <c r="BN24" s="312">
        <v>32</v>
      </c>
      <c r="BO24" s="317">
        <v>32</v>
      </c>
      <c r="BP24" s="311">
        <v>0</v>
      </c>
      <c r="BQ24" s="315">
        <v>0</v>
      </c>
      <c r="BR24" s="312">
        <v>0</v>
      </c>
      <c r="BS24" s="314">
        <v>0</v>
      </c>
      <c r="BT24" s="315">
        <v>4</v>
      </c>
      <c r="BU24" s="315">
        <v>1</v>
      </c>
      <c r="BV24" s="315">
        <v>1</v>
      </c>
      <c r="BW24" s="315">
        <v>1</v>
      </c>
      <c r="BX24" s="315">
        <v>2</v>
      </c>
      <c r="BY24" s="312">
        <v>9</v>
      </c>
      <c r="BZ24" s="317">
        <v>9</v>
      </c>
      <c r="CA24" s="311">
        <v>0</v>
      </c>
      <c r="CB24" s="315">
        <v>0</v>
      </c>
      <c r="CC24" s="312">
        <v>0</v>
      </c>
      <c r="CD24" s="314">
        <v>0</v>
      </c>
      <c r="CE24" s="315">
        <v>1</v>
      </c>
      <c r="CF24" s="315">
        <v>0</v>
      </c>
      <c r="CG24" s="315">
        <v>5</v>
      </c>
      <c r="CH24" s="315">
        <v>4</v>
      </c>
      <c r="CI24" s="315">
        <v>1</v>
      </c>
      <c r="CJ24" s="312">
        <v>11</v>
      </c>
      <c r="CK24" s="317">
        <v>11</v>
      </c>
      <c r="CL24" s="311">
        <v>0</v>
      </c>
      <c r="CM24" s="315">
        <v>0</v>
      </c>
      <c r="CN24" s="312">
        <v>0</v>
      </c>
      <c r="CO24" s="314">
        <v>0</v>
      </c>
      <c r="CP24" s="315">
        <v>0</v>
      </c>
      <c r="CQ24" s="315">
        <v>0</v>
      </c>
      <c r="CR24" s="315">
        <v>1</v>
      </c>
      <c r="CS24" s="315">
        <v>0</v>
      </c>
      <c r="CT24" s="315">
        <v>0</v>
      </c>
      <c r="CU24" s="312">
        <v>1</v>
      </c>
      <c r="CV24" s="317">
        <v>1</v>
      </c>
      <c r="CW24" s="311">
        <v>0</v>
      </c>
      <c r="CX24" s="315">
        <v>0</v>
      </c>
      <c r="CY24" s="312">
        <v>0</v>
      </c>
      <c r="CZ24" s="314">
        <v>0</v>
      </c>
      <c r="DA24" s="315">
        <v>0</v>
      </c>
      <c r="DB24" s="315">
        <v>0</v>
      </c>
      <c r="DC24" s="315">
        <v>0</v>
      </c>
      <c r="DD24" s="315">
        <v>0</v>
      </c>
      <c r="DE24" s="315">
        <v>0</v>
      </c>
      <c r="DF24" s="312">
        <v>0</v>
      </c>
      <c r="DG24" s="317">
        <v>0</v>
      </c>
      <c r="DH24" s="311">
        <v>0</v>
      </c>
      <c r="DI24" s="315">
        <v>0</v>
      </c>
      <c r="DJ24" s="312">
        <v>0</v>
      </c>
      <c r="DK24" s="314">
        <v>0</v>
      </c>
      <c r="DL24" s="315">
        <v>0</v>
      </c>
      <c r="DM24" s="315">
        <v>0</v>
      </c>
      <c r="DN24" s="315">
        <v>0</v>
      </c>
      <c r="DO24" s="315">
        <v>0</v>
      </c>
      <c r="DP24" s="315">
        <v>0</v>
      </c>
      <c r="DQ24" s="312">
        <v>0</v>
      </c>
      <c r="DR24" s="317">
        <v>0</v>
      </c>
      <c r="DS24" s="311">
        <v>2</v>
      </c>
      <c r="DT24" s="315">
        <v>6</v>
      </c>
      <c r="DU24" s="312">
        <v>8</v>
      </c>
      <c r="DV24" s="314">
        <v>0</v>
      </c>
      <c r="DW24" s="315">
        <v>11</v>
      </c>
      <c r="DX24" s="315">
        <v>16</v>
      </c>
      <c r="DY24" s="315">
        <v>7</v>
      </c>
      <c r="DZ24" s="315">
        <v>8</v>
      </c>
      <c r="EA24" s="315">
        <v>7</v>
      </c>
      <c r="EB24" s="312">
        <v>49</v>
      </c>
      <c r="EC24" s="317">
        <v>57</v>
      </c>
      <c r="ED24" s="311">
        <v>0</v>
      </c>
      <c r="EE24" s="315">
        <v>1</v>
      </c>
      <c r="EF24" s="312">
        <v>1</v>
      </c>
      <c r="EG24" s="314">
        <v>0</v>
      </c>
      <c r="EH24" s="315">
        <v>2</v>
      </c>
      <c r="EI24" s="315">
        <v>3</v>
      </c>
      <c r="EJ24" s="315">
        <v>1</v>
      </c>
      <c r="EK24" s="315">
        <v>4</v>
      </c>
      <c r="EL24" s="315">
        <v>0</v>
      </c>
      <c r="EM24" s="312">
        <v>10</v>
      </c>
      <c r="EN24" s="317">
        <v>11</v>
      </c>
      <c r="EO24" s="311">
        <v>3</v>
      </c>
      <c r="EP24" s="315">
        <v>6</v>
      </c>
      <c r="EQ24" s="312">
        <v>9</v>
      </c>
      <c r="ER24" s="314">
        <v>0</v>
      </c>
      <c r="ES24" s="315">
        <v>27</v>
      </c>
      <c r="ET24" s="315">
        <v>24</v>
      </c>
      <c r="EU24" s="315">
        <v>10</v>
      </c>
      <c r="EV24" s="315">
        <v>10</v>
      </c>
      <c r="EW24" s="315">
        <v>7</v>
      </c>
      <c r="EX24" s="312">
        <v>78</v>
      </c>
      <c r="EY24" s="317">
        <v>87</v>
      </c>
    </row>
    <row r="25" spans="1:155" ht="19.5" customHeight="1" x14ac:dyDescent="0.2">
      <c r="A25" s="296" t="s">
        <v>23</v>
      </c>
      <c r="B25" s="311">
        <v>0</v>
      </c>
      <c r="C25" s="315">
        <v>0</v>
      </c>
      <c r="D25" s="437">
        <v>0</v>
      </c>
      <c r="E25" s="314">
        <v>0</v>
      </c>
      <c r="F25" s="315">
        <v>4</v>
      </c>
      <c r="G25" s="315">
        <v>9</v>
      </c>
      <c r="H25" s="315">
        <v>4</v>
      </c>
      <c r="I25" s="315">
        <v>5</v>
      </c>
      <c r="J25" s="315">
        <v>2</v>
      </c>
      <c r="K25" s="316">
        <v>24</v>
      </c>
      <c r="L25" s="317">
        <v>24</v>
      </c>
      <c r="M25" s="311">
        <v>0</v>
      </c>
      <c r="N25" s="315">
        <v>0</v>
      </c>
      <c r="O25" s="312">
        <v>0</v>
      </c>
      <c r="P25" s="314">
        <v>0</v>
      </c>
      <c r="Q25" s="315">
        <v>1</v>
      </c>
      <c r="R25" s="315">
        <v>0</v>
      </c>
      <c r="S25" s="315">
        <v>0</v>
      </c>
      <c r="T25" s="315">
        <v>0</v>
      </c>
      <c r="U25" s="315">
        <v>0</v>
      </c>
      <c r="V25" s="312">
        <v>1</v>
      </c>
      <c r="W25" s="317">
        <v>1</v>
      </c>
      <c r="X25" s="311">
        <v>1</v>
      </c>
      <c r="Y25" s="315">
        <v>2</v>
      </c>
      <c r="Z25" s="312">
        <v>3</v>
      </c>
      <c r="AA25" s="314">
        <v>0</v>
      </c>
      <c r="AB25" s="315">
        <v>3</v>
      </c>
      <c r="AC25" s="315">
        <v>4</v>
      </c>
      <c r="AD25" s="315">
        <v>0</v>
      </c>
      <c r="AE25" s="315">
        <v>2</v>
      </c>
      <c r="AF25" s="315">
        <v>0</v>
      </c>
      <c r="AG25" s="312">
        <v>9</v>
      </c>
      <c r="AH25" s="317">
        <v>12</v>
      </c>
      <c r="AI25" s="311">
        <v>0</v>
      </c>
      <c r="AJ25" s="315">
        <v>0</v>
      </c>
      <c r="AK25" s="312">
        <v>0</v>
      </c>
      <c r="AL25" s="314">
        <v>0</v>
      </c>
      <c r="AM25" s="315">
        <v>1</v>
      </c>
      <c r="AN25" s="315">
        <v>2</v>
      </c>
      <c r="AO25" s="315">
        <v>0</v>
      </c>
      <c r="AP25" s="315">
        <v>0</v>
      </c>
      <c r="AQ25" s="315">
        <v>0</v>
      </c>
      <c r="AR25" s="312">
        <v>3</v>
      </c>
      <c r="AS25" s="317">
        <v>3</v>
      </c>
      <c r="AT25" s="311">
        <v>3</v>
      </c>
      <c r="AU25" s="315">
        <v>3</v>
      </c>
      <c r="AV25" s="312">
        <v>6</v>
      </c>
      <c r="AW25" s="314">
        <v>0</v>
      </c>
      <c r="AX25" s="315">
        <v>14</v>
      </c>
      <c r="AY25" s="315">
        <v>10</v>
      </c>
      <c r="AZ25" s="315">
        <v>5</v>
      </c>
      <c r="BA25" s="315">
        <v>8</v>
      </c>
      <c r="BB25" s="315">
        <v>4</v>
      </c>
      <c r="BC25" s="316">
        <v>41</v>
      </c>
      <c r="BD25" s="317">
        <v>47</v>
      </c>
      <c r="BE25" s="311">
        <v>0</v>
      </c>
      <c r="BF25" s="315">
        <v>0</v>
      </c>
      <c r="BG25" s="312">
        <v>0</v>
      </c>
      <c r="BH25" s="314">
        <v>0</v>
      </c>
      <c r="BI25" s="315">
        <v>22</v>
      </c>
      <c r="BJ25" s="315">
        <v>9</v>
      </c>
      <c r="BK25" s="315">
        <v>4</v>
      </c>
      <c r="BL25" s="315">
        <v>3</v>
      </c>
      <c r="BM25" s="315">
        <v>1</v>
      </c>
      <c r="BN25" s="312">
        <v>39</v>
      </c>
      <c r="BO25" s="317">
        <v>39</v>
      </c>
      <c r="BP25" s="311">
        <v>0</v>
      </c>
      <c r="BQ25" s="315">
        <v>0</v>
      </c>
      <c r="BR25" s="312">
        <v>0</v>
      </c>
      <c r="BS25" s="314">
        <v>0</v>
      </c>
      <c r="BT25" s="315">
        <v>3</v>
      </c>
      <c r="BU25" s="315">
        <v>4</v>
      </c>
      <c r="BV25" s="315">
        <v>2</v>
      </c>
      <c r="BW25" s="315">
        <v>3</v>
      </c>
      <c r="BX25" s="315">
        <v>0</v>
      </c>
      <c r="BY25" s="312">
        <v>12</v>
      </c>
      <c r="BZ25" s="317">
        <v>12</v>
      </c>
      <c r="CA25" s="311">
        <v>0</v>
      </c>
      <c r="CB25" s="315">
        <v>0</v>
      </c>
      <c r="CC25" s="312">
        <v>0</v>
      </c>
      <c r="CD25" s="314">
        <v>0</v>
      </c>
      <c r="CE25" s="315">
        <v>0</v>
      </c>
      <c r="CF25" s="315">
        <v>1</v>
      </c>
      <c r="CG25" s="315">
        <v>2</v>
      </c>
      <c r="CH25" s="315">
        <v>4</v>
      </c>
      <c r="CI25" s="315">
        <v>0</v>
      </c>
      <c r="CJ25" s="312">
        <v>7</v>
      </c>
      <c r="CK25" s="317">
        <v>7</v>
      </c>
      <c r="CL25" s="311">
        <v>0</v>
      </c>
      <c r="CM25" s="315">
        <v>0</v>
      </c>
      <c r="CN25" s="312">
        <v>0</v>
      </c>
      <c r="CO25" s="314">
        <v>0</v>
      </c>
      <c r="CP25" s="315">
        <v>1</v>
      </c>
      <c r="CQ25" s="315">
        <v>0</v>
      </c>
      <c r="CR25" s="315">
        <v>0</v>
      </c>
      <c r="CS25" s="315">
        <v>0</v>
      </c>
      <c r="CT25" s="315">
        <v>0</v>
      </c>
      <c r="CU25" s="312">
        <v>1</v>
      </c>
      <c r="CV25" s="317">
        <v>1</v>
      </c>
      <c r="CW25" s="311">
        <v>0</v>
      </c>
      <c r="CX25" s="315">
        <v>0</v>
      </c>
      <c r="CY25" s="312">
        <v>0</v>
      </c>
      <c r="CZ25" s="314">
        <v>0</v>
      </c>
      <c r="DA25" s="315">
        <v>0</v>
      </c>
      <c r="DB25" s="315">
        <v>0</v>
      </c>
      <c r="DC25" s="315">
        <v>0</v>
      </c>
      <c r="DD25" s="315">
        <v>0</v>
      </c>
      <c r="DE25" s="315">
        <v>0</v>
      </c>
      <c r="DF25" s="312">
        <v>0</v>
      </c>
      <c r="DG25" s="317">
        <v>0</v>
      </c>
      <c r="DH25" s="311">
        <v>0</v>
      </c>
      <c r="DI25" s="315">
        <v>0</v>
      </c>
      <c r="DJ25" s="312">
        <v>0</v>
      </c>
      <c r="DK25" s="314">
        <v>0</v>
      </c>
      <c r="DL25" s="315">
        <v>0</v>
      </c>
      <c r="DM25" s="315">
        <v>0</v>
      </c>
      <c r="DN25" s="315">
        <v>0</v>
      </c>
      <c r="DO25" s="315">
        <v>0</v>
      </c>
      <c r="DP25" s="315">
        <v>0</v>
      </c>
      <c r="DQ25" s="312">
        <v>0</v>
      </c>
      <c r="DR25" s="317">
        <v>0</v>
      </c>
      <c r="DS25" s="311">
        <v>1</v>
      </c>
      <c r="DT25" s="315">
        <v>8</v>
      </c>
      <c r="DU25" s="312">
        <v>9</v>
      </c>
      <c r="DV25" s="314">
        <v>0</v>
      </c>
      <c r="DW25" s="315">
        <v>11</v>
      </c>
      <c r="DX25" s="315">
        <v>23</v>
      </c>
      <c r="DY25" s="315">
        <v>10</v>
      </c>
      <c r="DZ25" s="315">
        <v>11</v>
      </c>
      <c r="EA25" s="315">
        <v>2</v>
      </c>
      <c r="EB25" s="312">
        <v>57</v>
      </c>
      <c r="EC25" s="317">
        <v>66</v>
      </c>
      <c r="ED25" s="311">
        <v>2</v>
      </c>
      <c r="EE25" s="315">
        <v>2</v>
      </c>
      <c r="EF25" s="312">
        <v>4</v>
      </c>
      <c r="EG25" s="314">
        <v>0</v>
      </c>
      <c r="EH25" s="315">
        <v>5</v>
      </c>
      <c r="EI25" s="315">
        <v>2</v>
      </c>
      <c r="EJ25" s="315">
        <v>2</v>
      </c>
      <c r="EK25" s="315">
        <v>3</v>
      </c>
      <c r="EL25" s="315">
        <v>3</v>
      </c>
      <c r="EM25" s="312">
        <v>15</v>
      </c>
      <c r="EN25" s="317">
        <v>19</v>
      </c>
      <c r="EO25" s="311">
        <v>5</v>
      </c>
      <c r="EP25" s="315">
        <v>10</v>
      </c>
      <c r="EQ25" s="312">
        <v>15</v>
      </c>
      <c r="ER25" s="314">
        <v>0</v>
      </c>
      <c r="ES25" s="315">
        <v>35</v>
      </c>
      <c r="ET25" s="315">
        <v>30</v>
      </c>
      <c r="EU25" s="315">
        <v>12</v>
      </c>
      <c r="EV25" s="315">
        <v>14</v>
      </c>
      <c r="EW25" s="315">
        <v>3</v>
      </c>
      <c r="EX25" s="312">
        <v>94</v>
      </c>
      <c r="EY25" s="317">
        <v>109</v>
      </c>
    </row>
    <row r="26" spans="1:155" ht="19.5" customHeight="1" x14ac:dyDescent="0.2">
      <c r="A26" s="296" t="s">
        <v>24</v>
      </c>
      <c r="B26" s="311">
        <v>0</v>
      </c>
      <c r="C26" s="315">
        <v>0</v>
      </c>
      <c r="D26" s="437">
        <v>0</v>
      </c>
      <c r="E26" s="314">
        <v>0</v>
      </c>
      <c r="F26" s="315">
        <v>12</v>
      </c>
      <c r="G26" s="315">
        <v>7</v>
      </c>
      <c r="H26" s="315">
        <v>1</v>
      </c>
      <c r="I26" s="315">
        <v>3</v>
      </c>
      <c r="J26" s="315">
        <v>3</v>
      </c>
      <c r="K26" s="316">
        <v>26</v>
      </c>
      <c r="L26" s="317">
        <v>26</v>
      </c>
      <c r="M26" s="311">
        <v>0</v>
      </c>
      <c r="N26" s="315">
        <v>0</v>
      </c>
      <c r="O26" s="312">
        <v>0</v>
      </c>
      <c r="P26" s="314">
        <v>0</v>
      </c>
      <c r="Q26" s="315">
        <v>0</v>
      </c>
      <c r="R26" s="315">
        <v>2</v>
      </c>
      <c r="S26" s="315">
        <v>0</v>
      </c>
      <c r="T26" s="315">
        <v>1</v>
      </c>
      <c r="U26" s="315">
        <v>1</v>
      </c>
      <c r="V26" s="312">
        <v>4</v>
      </c>
      <c r="W26" s="317">
        <v>4</v>
      </c>
      <c r="X26" s="311">
        <v>6</v>
      </c>
      <c r="Y26" s="315">
        <v>2</v>
      </c>
      <c r="Z26" s="312">
        <v>8</v>
      </c>
      <c r="AA26" s="314">
        <v>0</v>
      </c>
      <c r="AB26" s="315">
        <v>10</v>
      </c>
      <c r="AC26" s="315">
        <v>5</v>
      </c>
      <c r="AD26" s="315">
        <v>4</v>
      </c>
      <c r="AE26" s="315">
        <v>6</v>
      </c>
      <c r="AF26" s="315">
        <v>2</v>
      </c>
      <c r="AG26" s="312">
        <v>27</v>
      </c>
      <c r="AH26" s="317">
        <v>35</v>
      </c>
      <c r="AI26" s="311">
        <v>1</v>
      </c>
      <c r="AJ26" s="315">
        <v>1</v>
      </c>
      <c r="AK26" s="312">
        <v>2</v>
      </c>
      <c r="AL26" s="314">
        <v>0</v>
      </c>
      <c r="AM26" s="315">
        <v>2</v>
      </c>
      <c r="AN26" s="315">
        <v>0</v>
      </c>
      <c r="AO26" s="315">
        <v>0</v>
      </c>
      <c r="AP26" s="315">
        <v>0</v>
      </c>
      <c r="AQ26" s="315">
        <v>0</v>
      </c>
      <c r="AR26" s="312">
        <v>2</v>
      </c>
      <c r="AS26" s="317">
        <v>4</v>
      </c>
      <c r="AT26" s="311">
        <v>6</v>
      </c>
      <c r="AU26" s="315">
        <v>2</v>
      </c>
      <c r="AV26" s="312">
        <v>8</v>
      </c>
      <c r="AW26" s="314">
        <v>0</v>
      </c>
      <c r="AX26" s="315">
        <v>15</v>
      </c>
      <c r="AY26" s="315">
        <v>10</v>
      </c>
      <c r="AZ26" s="315">
        <v>8</v>
      </c>
      <c r="BA26" s="315">
        <v>8</v>
      </c>
      <c r="BB26" s="315">
        <v>3</v>
      </c>
      <c r="BC26" s="316">
        <v>44</v>
      </c>
      <c r="BD26" s="317">
        <v>52</v>
      </c>
      <c r="BE26" s="311">
        <v>0</v>
      </c>
      <c r="BF26" s="315">
        <v>0</v>
      </c>
      <c r="BG26" s="312">
        <v>0</v>
      </c>
      <c r="BH26" s="314">
        <v>0</v>
      </c>
      <c r="BI26" s="315">
        <v>10</v>
      </c>
      <c r="BJ26" s="315">
        <v>9</v>
      </c>
      <c r="BK26" s="315">
        <v>3</v>
      </c>
      <c r="BL26" s="315">
        <v>3</v>
      </c>
      <c r="BM26" s="315">
        <v>0</v>
      </c>
      <c r="BN26" s="312">
        <v>25</v>
      </c>
      <c r="BO26" s="317">
        <v>25</v>
      </c>
      <c r="BP26" s="311">
        <v>1</v>
      </c>
      <c r="BQ26" s="315">
        <v>2</v>
      </c>
      <c r="BR26" s="312">
        <v>3</v>
      </c>
      <c r="BS26" s="314">
        <v>0</v>
      </c>
      <c r="BT26" s="315">
        <v>5</v>
      </c>
      <c r="BU26" s="315">
        <v>3</v>
      </c>
      <c r="BV26" s="315">
        <v>4</v>
      </c>
      <c r="BW26" s="315">
        <v>0</v>
      </c>
      <c r="BX26" s="315">
        <v>0</v>
      </c>
      <c r="BY26" s="312">
        <v>12</v>
      </c>
      <c r="BZ26" s="317">
        <v>15</v>
      </c>
      <c r="CA26" s="311">
        <v>1</v>
      </c>
      <c r="CB26" s="315">
        <v>0</v>
      </c>
      <c r="CC26" s="312">
        <v>1</v>
      </c>
      <c r="CD26" s="314">
        <v>0</v>
      </c>
      <c r="CE26" s="315">
        <v>1</v>
      </c>
      <c r="CF26" s="315">
        <v>0</v>
      </c>
      <c r="CG26" s="315">
        <v>2</v>
      </c>
      <c r="CH26" s="315">
        <v>2</v>
      </c>
      <c r="CI26" s="315">
        <v>1</v>
      </c>
      <c r="CJ26" s="312">
        <v>6</v>
      </c>
      <c r="CK26" s="317">
        <v>7</v>
      </c>
      <c r="CL26" s="311">
        <v>0</v>
      </c>
      <c r="CM26" s="315">
        <v>0</v>
      </c>
      <c r="CN26" s="312">
        <v>0</v>
      </c>
      <c r="CO26" s="314">
        <v>0</v>
      </c>
      <c r="CP26" s="315">
        <v>0</v>
      </c>
      <c r="CQ26" s="315">
        <v>0</v>
      </c>
      <c r="CR26" s="315">
        <v>0</v>
      </c>
      <c r="CS26" s="315">
        <v>0</v>
      </c>
      <c r="CT26" s="315">
        <v>0</v>
      </c>
      <c r="CU26" s="312">
        <v>0</v>
      </c>
      <c r="CV26" s="317">
        <v>0</v>
      </c>
      <c r="CW26" s="311">
        <v>0</v>
      </c>
      <c r="CX26" s="315">
        <v>0</v>
      </c>
      <c r="CY26" s="312">
        <v>0</v>
      </c>
      <c r="CZ26" s="314">
        <v>0</v>
      </c>
      <c r="DA26" s="315">
        <v>0</v>
      </c>
      <c r="DB26" s="315">
        <v>0</v>
      </c>
      <c r="DC26" s="315">
        <v>0</v>
      </c>
      <c r="DD26" s="315">
        <v>0</v>
      </c>
      <c r="DE26" s="315">
        <v>0</v>
      </c>
      <c r="DF26" s="312">
        <v>0</v>
      </c>
      <c r="DG26" s="317">
        <v>0</v>
      </c>
      <c r="DH26" s="311">
        <v>0</v>
      </c>
      <c r="DI26" s="315">
        <v>0</v>
      </c>
      <c r="DJ26" s="312">
        <v>0</v>
      </c>
      <c r="DK26" s="314">
        <v>0</v>
      </c>
      <c r="DL26" s="315">
        <v>0</v>
      </c>
      <c r="DM26" s="315">
        <v>0</v>
      </c>
      <c r="DN26" s="315">
        <v>0</v>
      </c>
      <c r="DO26" s="315">
        <v>0</v>
      </c>
      <c r="DP26" s="315">
        <v>0</v>
      </c>
      <c r="DQ26" s="312">
        <v>0</v>
      </c>
      <c r="DR26" s="317">
        <v>0</v>
      </c>
      <c r="DS26" s="311">
        <v>15</v>
      </c>
      <c r="DT26" s="315">
        <v>7</v>
      </c>
      <c r="DU26" s="312">
        <v>22</v>
      </c>
      <c r="DV26" s="314">
        <v>0</v>
      </c>
      <c r="DW26" s="315">
        <v>21</v>
      </c>
      <c r="DX26" s="315">
        <v>14</v>
      </c>
      <c r="DY26" s="315">
        <v>10</v>
      </c>
      <c r="DZ26" s="315">
        <v>10</v>
      </c>
      <c r="EA26" s="315">
        <v>4</v>
      </c>
      <c r="EB26" s="312">
        <v>59</v>
      </c>
      <c r="EC26" s="317">
        <v>81</v>
      </c>
      <c r="ED26" s="311">
        <v>2</v>
      </c>
      <c r="EE26" s="315">
        <v>1</v>
      </c>
      <c r="EF26" s="312">
        <v>3</v>
      </c>
      <c r="EG26" s="314">
        <v>0</v>
      </c>
      <c r="EH26" s="315">
        <v>4</v>
      </c>
      <c r="EI26" s="315">
        <v>3</v>
      </c>
      <c r="EJ26" s="315">
        <v>3</v>
      </c>
      <c r="EK26" s="315">
        <v>1</v>
      </c>
      <c r="EL26" s="315">
        <v>2</v>
      </c>
      <c r="EM26" s="312">
        <v>13</v>
      </c>
      <c r="EN26" s="317">
        <v>16</v>
      </c>
      <c r="EO26" s="311">
        <v>21</v>
      </c>
      <c r="EP26" s="315">
        <v>8</v>
      </c>
      <c r="EQ26" s="312">
        <v>29</v>
      </c>
      <c r="ER26" s="314">
        <v>0</v>
      </c>
      <c r="ES26" s="315">
        <v>35</v>
      </c>
      <c r="ET26" s="315">
        <v>22</v>
      </c>
      <c r="EU26" s="315">
        <v>14</v>
      </c>
      <c r="EV26" s="315">
        <v>10</v>
      </c>
      <c r="EW26" s="315">
        <v>4</v>
      </c>
      <c r="EX26" s="312">
        <v>85</v>
      </c>
      <c r="EY26" s="317">
        <v>114</v>
      </c>
    </row>
    <row r="27" spans="1:155" ht="19.5" customHeight="1" x14ac:dyDescent="0.2">
      <c r="A27" s="296" t="s">
        <v>25</v>
      </c>
      <c r="B27" s="311">
        <v>0</v>
      </c>
      <c r="C27" s="315">
        <v>0</v>
      </c>
      <c r="D27" s="437">
        <v>0</v>
      </c>
      <c r="E27" s="314">
        <v>0</v>
      </c>
      <c r="F27" s="315">
        <v>4</v>
      </c>
      <c r="G27" s="315">
        <v>3</v>
      </c>
      <c r="H27" s="315">
        <v>1</v>
      </c>
      <c r="I27" s="315">
        <v>2</v>
      </c>
      <c r="J27" s="315">
        <v>1</v>
      </c>
      <c r="K27" s="316">
        <v>11</v>
      </c>
      <c r="L27" s="317">
        <v>11</v>
      </c>
      <c r="M27" s="311">
        <v>0</v>
      </c>
      <c r="N27" s="315">
        <v>0</v>
      </c>
      <c r="O27" s="312">
        <v>0</v>
      </c>
      <c r="P27" s="314">
        <v>0</v>
      </c>
      <c r="Q27" s="315">
        <v>1</v>
      </c>
      <c r="R27" s="315">
        <v>0</v>
      </c>
      <c r="S27" s="315">
        <v>0</v>
      </c>
      <c r="T27" s="315">
        <v>2</v>
      </c>
      <c r="U27" s="315">
        <v>1</v>
      </c>
      <c r="V27" s="312">
        <v>4</v>
      </c>
      <c r="W27" s="317">
        <v>4</v>
      </c>
      <c r="X27" s="311">
        <v>0</v>
      </c>
      <c r="Y27" s="315">
        <v>2</v>
      </c>
      <c r="Z27" s="312">
        <v>2</v>
      </c>
      <c r="AA27" s="314">
        <v>0</v>
      </c>
      <c r="AB27" s="315">
        <v>6</v>
      </c>
      <c r="AC27" s="315">
        <v>6</v>
      </c>
      <c r="AD27" s="315">
        <v>1</v>
      </c>
      <c r="AE27" s="315">
        <v>1</v>
      </c>
      <c r="AF27" s="315">
        <v>2</v>
      </c>
      <c r="AG27" s="312">
        <v>16</v>
      </c>
      <c r="AH27" s="317">
        <v>18</v>
      </c>
      <c r="AI27" s="311">
        <v>0</v>
      </c>
      <c r="AJ27" s="315">
        <v>1</v>
      </c>
      <c r="AK27" s="312">
        <v>1</v>
      </c>
      <c r="AL27" s="314">
        <v>0</v>
      </c>
      <c r="AM27" s="315">
        <v>1</v>
      </c>
      <c r="AN27" s="315">
        <v>0</v>
      </c>
      <c r="AO27" s="315">
        <v>1</v>
      </c>
      <c r="AP27" s="315">
        <v>0</v>
      </c>
      <c r="AQ27" s="315">
        <v>1</v>
      </c>
      <c r="AR27" s="312">
        <v>3</v>
      </c>
      <c r="AS27" s="317">
        <v>4</v>
      </c>
      <c r="AT27" s="311">
        <v>0</v>
      </c>
      <c r="AU27" s="315">
        <v>1</v>
      </c>
      <c r="AV27" s="312">
        <v>1</v>
      </c>
      <c r="AW27" s="314">
        <v>0</v>
      </c>
      <c r="AX27" s="315">
        <v>9</v>
      </c>
      <c r="AY27" s="315">
        <v>2</v>
      </c>
      <c r="AZ27" s="315">
        <v>2</v>
      </c>
      <c r="BA27" s="315">
        <v>5</v>
      </c>
      <c r="BB27" s="315">
        <v>1</v>
      </c>
      <c r="BC27" s="316">
        <v>19</v>
      </c>
      <c r="BD27" s="317">
        <v>20</v>
      </c>
      <c r="BE27" s="311">
        <v>0</v>
      </c>
      <c r="BF27" s="315">
        <v>0</v>
      </c>
      <c r="BG27" s="312">
        <v>0</v>
      </c>
      <c r="BH27" s="314">
        <v>0</v>
      </c>
      <c r="BI27" s="315">
        <v>8</v>
      </c>
      <c r="BJ27" s="315">
        <v>4</v>
      </c>
      <c r="BK27" s="315">
        <v>0</v>
      </c>
      <c r="BL27" s="315">
        <v>2</v>
      </c>
      <c r="BM27" s="315">
        <v>1</v>
      </c>
      <c r="BN27" s="312">
        <v>15</v>
      </c>
      <c r="BO27" s="317">
        <v>15</v>
      </c>
      <c r="BP27" s="311">
        <v>0</v>
      </c>
      <c r="BQ27" s="315">
        <v>0</v>
      </c>
      <c r="BR27" s="312">
        <v>0</v>
      </c>
      <c r="BS27" s="314">
        <v>0</v>
      </c>
      <c r="BT27" s="315">
        <v>2</v>
      </c>
      <c r="BU27" s="315">
        <v>3</v>
      </c>
      <c r="BV27" s="315">
        <v>2</v>
      </c>
      <c r="BW27" s="315">
        <v>1</v>
      </c>
      <c r="BX27" s="315">
        <v>1</v>
      </c>
      <c r="BY27" s="312">
        <v>9</v>
      </c>
      <c r="BZ27" s="317">
        <v>9</v>
      </c>
      <c r="CA27" s="311">
        <v>0</v>
      </c>
      <c r="CB27" s="315">
        <v>0</v>
      </c>
      <c r="CC27" s="312">
        <v>0</v>
      </c>
      <c r="CD27" s="314">
        <v>0</v>
      </c>
      <c r="CE27" s="315">
        <v>1</v>
      </c>
      <c r="CF27" s="315">
        <v>0</v>
      </c>
      <c r="CG27" s="315">
        <v>1</v>
      </c>
      <c r="CH27" s="315">
        <v>1</v>
      </c>
      <c r="CI27" s="315">
        <v>0</v>
      </c>
      <c r="CJ27" s="312">
        <v>3</v>
      </c>
      <c r="CK27" s="317">
        <v>3</v>
      </c>
      <c r="CL27" s="311">
        <v>0</v>
      </c>
      <c r="CM27" s="315">
        <v>0</v>
      </c>
      <c r="CN27" s="312">
        <v>0</v>
      </c>
      <c r="CO27" s="314">
        <v>0</v>
      </c>
      <c r="CP27" s="315">
        <v>0</v>
      </c>
      <c r="CQ27" s="315">
        <v>0</v>
      </c>
      <c r="CR27" s="315">
        <v>0</v>
      </c>
      <c r="CS27" s="315">
        <v>0</v>
      </c>
      <c r="CT27" s="315">
        <v>1</v>
      </c>
      <c r="CU27" s="312">
        <v>1</v>
      </c>
      <c r="CV27" s="317">
        <v>1</v>
      </c>
      <c r="CW27" s="311">
        <v>0</v>
      </c>
      <c r="CX27" s="315">
        <v>0</v>
      </c>
      <c r="CY27" s="312">
        <v>0</v>
      </c>
      <c r="CZ27" s="314">
        <v>0</v>
      </c>
      <c r="DA27" s="315">
        <v>0</v>
      </c>
      <c r="DB27" s="315">
        <v>0</v>
      </c>
      <c r="DC27" s="315">
        <v>0</v>
      </c>
      <c r="DD27" s="315">
        <v>0</v>
      </c>
      <c r="DE27" s="315">
        <v>0</v>
      </c>
      <c r="DF27" s="312">
        <v>0</v>
      </c>
      <c r="DG27" s="317">
        <v>0</v>
      </c>
      <c r="DH27" s="311">
        <v>0</v>
      </c>
      <c r="DI27" s="315">
        <v>0</v>
      </c>
      <c r="DJ27" s="312">
        <v>0</v>
      </c>
      <c r="DK27" s="314">
        <v>0</v>
      </c>
      <c r="DL27" s="315">
        <v>0</v>
      </c>
      <c r="DM27" s="315">
        <v>0</v>
      </c>
      <c r="DN27" s="315">
        <v>0</v>
      </c>
      <c r="DO27" s="315">
        <v>0</v>
      </c>
      <c r="DP27" s="315">
        <v>0</v>
      </c>
      <c r="DQ27" s="312">
        <v>0</v>
      </c>
      <c r="DR27" s="317">
        <v>0</v>
      </c>
      <c r="DS27" s="311">
        <v>1</v>
      </c>
      <c r="DT27" s="315">
        <v>2</v>
      </c>
      <c r="DU27" s="312">
        <v>3</v>
      </c>
      <c r="DV27" s="314">
        <v>0</v>
      </c>
      <c r="DW27" s="315">
        <v>9</v>
      </c>
      <c r="DX27" s="315">
        <v>7</v>
      </c>
      <c r="DY27" s="315">
        <v>3</v>
      </c>
      <c r="DZ27" s="315">
        <v>6</v>
      </c>
      <c r="EA27" s="315">
        <v>3</v>
      </c>
      <c r="EB27" s="312">
        <v>28</v>
      </c>
      <c r="EC27" s="317">
        <v>31</v>
      </c>
      <c r="ED27" s="311">
        <v>0</v>
      </c>
      <c r="EE27" s="315">
        <v>1</v>
      </c>
      <c r="EF27" s="312">
        <v>1</v>
      </c>
      <c r="EG27" s="314">
        <v>0</v>
      </c>
      <c r="EH27" s="315">
        <v>5</v>
      </c>
      <c r="EI27" s="315">
        <v>0</v>
      </c>
      <c r="EJ27" s="315">
        <v>1</v>
      </c>
      <c r="EK27" s="315">
        <v>2</v>
      </c>
      <c r="EL27" s="315">
        <v>0</v>
      </c>
      <c r="EM27" s="312">
        <v>8</v>
      </c>
      <c r="EN27" s="317">
        <v>9</v>
      </c>
      <c r="EO27" s="311">
        <v>1</v>
      </c>
      <c r="EP27" s="315">
        <v>4</v>
      </c>
      <c r="EQ27" s="312">
        <v>5</v>
      </c>
      <c r="ER27" s="314">
        <v>0</v>
      </c>
      <c r="ES27" s="315">
        <v>25</v>
      </c>
      <c r="ET27" s="315">
        <v>11</v>
      </c>
      <c r="EU27" s="315">
        <v>4</v>
      </c>
      <c r="EV27" s="315">
        <v>7</v>
      </c>
      <c r="EW27" s="315">
        <v>3</v>
      </c>
      <c r="EX27" s="312">
        <v>50</v>
      </c>
      <c r="EY27" s="317">
        <v>55</v>
      </c>
    </row>
    <row r="28" spans="1:155" ht="19.5" customHeight="1" x14ac:dyDescent="0.2">
      <c r="A28" s="296" t="s">
        <v>26</v>
      </c>
      <c r="B28" s="311">
        <v>0</v>
      </c>
      <c r="C28" s="315">
        <v>0</v>
      </c>
      <c r="D28" s="437">
        <v>0</v>
      </c>
      <c r="E28" s="314">
        <v>0</v>
      </c>
      <c r="F28" s="315">
        <v>3</v>
      </c>
      <c r="G28" s="315">
        <v>9</v>
      </c>
      <c r="H28" s="315">
        <v>7</v>
      </c>
      <c r="I28" s="315">
        <v>3</v>
      </c>
      <c r="J28" s="315">
        <v>3</v>
      </c>
      <c r="K28" s="316">
        <v>25</v>
      </c>
      <c r="L28" s="317">
        <v>25</v>
      </c>
      <c r="M28" s="311">
        <v>0</v>
      </c>
      <c r="N28" s="315">
        <v>0</v>
      </c>
      <c r="O28" s="312">
        <v>0</v>
      </c>
      <c r="P28" s="314">
        <v>0</v>
      </c>
      <c r="Q28" s="315">
        <v>0</v>
      </c>
      <c r="R28" s="315">
        <v>0</v>
      </c>
      <c r="S28" s="315">
        <v>2</v>
      </c>
      <c r="T28" s="315">
        <v>3</v>
      </c>
      <c r="U28" s="315">
        <v>1</v>
      </c>
      <c r="V28" s="312">
        <v>6</v>
      </c>
      <c r="W28" s="317">
        <v>6</v>
      </c>
      <c r="X28" s="311">
        <v>0</v>
      </c>
      <c r="Y28" s="315">
        <v>2</v>
      </c>
      <c r="Z28" s="312">
        <v>2</v>
      </c>
      <c r="AA28" s="314">
        <v>0</v>
      </c>
      <c r="AB28" s="315">
        <v>4</v>
      </c>
      <c r="AC28" s="315">
        <v>4</v>
      </c>
      <c r="AD28" s="315">
        <v>7</v>
      </c>
      <c r="AE28" s="315">
        <v>2</v>
      </c>
      <c r="AF28" s="315">
        <v>4</v>
      </c>
      <c r="AG28" s="312">
        <v>21</v>
      </c>
      <c r="AH28" s="317">
        <v>23</v>
      </c>
      <c r="AI28" s="311">
        <v>0</v>
      </c>
      <c r="AJ28" s="315">
        <v>0</v>
      </c>
      <c r="AK28" s="312">
        <v>0</v>
      </c>
      <c r="AL28" s="314">
        <v>0</v>
      </c>
      <c r="AM28" s="315">
        <v>0</v>
      </c>
      <c r="AN28" s="315">
        <v>1</v>
      </c>
      <c r="AO28" s="315">
        <v>2</v>
      </c>
      <c r="AP28" s="315">
        <v>0</v>
      </c>
      <c r="AQ28" s="315">
        <v>0</v>
      </c>
      <c r="AR28" s="312">
        <v>3</v>
      </c>
      <c r="AS28" s="317">
        <v>3</v>
      </c>
      <c r="AT28" s="311">
        <v>1</v>
      </c>
      <c r="AU28" s="315">
        <v>2</v>
      </c>
      <c r="AV28" s="312">
        <v>3</v>
      </c>
      <c r="AW28" s="314">
        <v>0</v>
      </c>
      <c r="AX28" s="315">
        <v>3</v>
      </c>
      <c r="AY28" s="315">
        <v>6</v>
      </c>
      <c r="AZ28" s="315">
        <v>8</v>
      </c>
      <c r="BA28" s="315">
        <v>2</v>
      </c>
      <c r="BB28" s="315">
        <v>3</v>
      </c>
      <c r="BC28" s="316">
        <v>22</v>
      </c>
      <c r="BD28" s="317">
        <v>25</v>
      </c>
      <c r="BE28" s="311">
        <v>0</v>
      </c>
      <c r="BF28" s="315">
        <v>0</v>
      </c>
      <c r="BG28" s="312">
        <v>0</v>
      </c>
      <c r="BH28" s="314">
        <v>0</v>
      </c>
      <c r="BI28" s="315">
        <v>5</v>
      </c>
      <c r="BJ28" s="315">
        <v>12</v>
      </c>
      <c r="BK28" s="315">
        <v>4</v>
      </c>
      <c r="BL28" s="315">
        <v>1</v>
      </c>
      <c r="BM28" s="315">
        <v>2</v>
      </c>
      <c r="BN28" s="312">
        <v>24</v>
      </c>
      <c r="BO28" s="317">
        <v>24</v>
      </c>
      <c r="BP28" s="311">
        <v>1</v>
      </c>
      <c r="BQ28" s="315">
        <v>1</v>
      </c>
      <c r="BR28" s="312">
        <v>2</v>
      </c>
      <c r="BS28" s="314">
        <v>0</v>
      </c>
      <c r="BT28" s="315">
        <v>0</v>
      </c>
      <c r="BU28" s="315">
        <v>4</v>
      </c>
      <c r="BV28" s="315">
        <v>3</v>
      </c>
      <c r="BW28" s="315">
        <v>0</v>
      </c>
      <c r="BX28" s="315">
        <v>0</v>
      </c>
      <c r="BY28" s="312">
        <v>7</v>
      </c>
      <c r="BZ28" s="317">
        <v>9</v>
      </c>
      <c r="CA28" s="311">
        <v>0</v>
      </c>
      <c r="CB28" s="315">
        <v>0</v>
      </c>
      <c r="CC28" s="312">
        <v>0</v>
      </c>
      <c r="CD28" s="314">
        <v>0</v>
      </c>
      <c r="CE28" s="315">
        <v>1</v>
      </c>
      <c r="CF28" s="315">
        <v>3</v>
      </c>
      <c r="CG28" s="315">
        <v>0</v>
      </c>
      <c r="CH28" s="315">
        <v>1</v>
      </c>
      <c r="CI28" s="315">
        <v>0</v>
      </c>
      <c r="CJ28" s="312">
        <v>5</v>
      </c>
      <c r="CK28" s="317">
        <v>5</v>
      </c>
      <c r="CL28" s="311">
        <v>0</v>
      </c>
      <c r="CM28" s="315">
        <v>0</v>
      </c>
      <c r="CN28" s="312">
        <v>0</v>
      </c>
      <c r="CO28" s="314">
        <v>0</v>
      </c>
      <c r="CP28" s="315">
        <v>0</v>
      </c>
      <c r="CQ28" s="315">
        <v>0</v>
      </c>
      <c r="CR28" s="315">
        <v>1</v>
      </c>
      <c r="CS28" s="315">
        <v>0</v>
      </c>
      <c r="CT28" s="315">
        <v>0</v>
      </c>
      <c r="CU28" s="312">
        <v>1</v>
      </c>
      <c r="CV28" s="317">
        <v>1</v>
      </c>
      <c r="CW28" s="311">
        <v>0</v>
      </c>
      <c r="CX28" s="315">
        <v>0</v>
      </c>
      <c r="CY28" s="312">
        <v>0</v>
      </c>
      <c r="CZ28" s="314">
        <v>0</v>
      </c>
      <c r="DA28" s="315">
        <v>0</v>
      </c>
      <c r="DB28" s="315">
        <v>0</v>
      </c>
      <c r="DC28" s="315">
        <v>0</v>
      </c>
      <c r="DD28" s="315">
        <v>0</v>
      </c>
      <c r="DE28" s="315">
        <v>0</v>
      </c>
      <c r="DF28" s="312">
        <v>0</v>
      </c>
      <c r="DG28" s="317">
        <v>0</v>
      </c>
      <c r="DH28" s="311">
        <v>0</v>
      </c>
      <c r="DI28" s="315">
        <v>0</v>
      </c>
      <c r="DJ28" s="312">
        <v>0</v>
      </c>
      <c r="DK28" s="314">
        <v>0</v>
      </c>
      <c r="DL28" s="315">
        <v>0</v>
      </c>
      <c r="DM28" s="315">
        <v>0</v>
      </c>
      <c r="DN28" s="315">
        <v>0</v>
      </c>
      <c r="DO28" s="315">
        <v>0</v>
      </c>
      <c r="DP28" s="315">
        <v>0</v>
      </c>
      <c r="DQ28" s="312">
        <v>0</v>
      </c>
      <c r="DR28" s="317">
        <v>0</v>
      </c>
      <c r="DS28" s="311">
        <v>3</v>
      </c>
      <c r="DT28" s="315">
        <v>5</v>
      </c>
      <c r="DU28" s="312">
        <v>8</v>
      </c>
      <c r="DV28" s="314">
        <v>0</v>
      </c>
      <c r="DW28" s="315">
        <v>9</v>
      </c>
      <c r="DX28" s="315">
        <v>19</v>
      </c>
      <c r="DY28" s="315">
        <v>16</v>
      </c>
      <c r="DZ28" s="315">
        <v>5</v>
      </c>
      <c r="EA28" s="315">
        <v>4</v>
      </c>
      <c r="EB28" s="312">
        <v>53</v>
      </c>
      <c r="EC28" s="317">
        <v>61</v>
      </c>
      <c r="ED28" s="311">
        <v>0</v>
      </c>
      <c r="EE28" s="315">
        <v>0</v>
      </c>
      <c r="EF28" s="312">
        <v>0</v>
      </c>
      <c r="EG28" s="314">
        <v>0</v>
      </c>
      <c r="EH28" s="315">
        <v>2</v>
      </c>
      <c r="EI28" s="315">
        <v>1</v>
      </c>
      <c r="EJ28" s="315">
        <v>0</v>
      </c>
      <c r="EK28" s="315">
        <v>0</v>
      </c>
      <c r="EL28" s="315">
        <v>0</v>
      </c>
      <c r="EM28" s="312">
        <v>3</v>
      </c>
      <c r="EN28" s="317">
        <v>3</v>
      </c>
      <c r="EO28" s="311">
        <v>4</v>
      </c>
      <c r="EP28" s="315">
        <v>6</v>
      </c>
      <c r="EQ28" s="312">
        <v>10</v>
      </c>
      <c r="ER28" s="314">
        <v>0</v>
      </c>
      <c r="ES28" s="315">
        <v>15</v>
      </c>
      <c r="ET28" s="315">
        <v>26</v>
      </c>
      <c r="EU28" s="315">
        <v>16</v>
      </c>
      <c r="EV28" s="315">
        <v>5</v>
      </c>
      <c r="EW28" s="315">
        <v>6</v>
      </c>
      <c r="EX28" s="312">
        <v>68</v>
      </c>
      <c r="EY28" s="317">
        <v>78</v>
      </c>
    </row>
    <row r="29" spans="1:155" ht="19.5" customHeight="1" x14ac:dyDescent="0.2">
      <c r="A29" s="296" t="s">
        <v>27</v>
      </c>
      <c r="B29" s="311">
        <v>0</v>
      </c>
      <c r="C29" s="315">
        <v>0</v>
      </c>
      <c r="D29" s="437">
        <v>0</v>
      </c>
      <c r="E29" s="314">
        <v>0</v>
      </c>
      <c r="F29" s="315">
        <v>4</v>
      </c>
      <c r="G29" s="315">
        <v>1</v>
      </c>
      <c r="H29" s="315">
        <v>8</v>
      </c>
      <c r="I29" s="315">
        <v>4</v>
      </c>
      <c r="J29" s="315">
        <v>0</v>
      </c>
      <c r="K29" s="316">
        <v>17</v>
      </c>
      <c r="L29" s="317">
        <v>17</v>
      </c>
      <c r="M29" s="311">
        <v>0</v>
      </c>
      <c r="N29" s="315">
        <v>0</v>
      </c>
      <c r="O29" s="312">
        <v>0</v>
      </c>
      <c r="P29" s="314">
        <v>0</v>
      </c>
      <c r="Q29" s="315">
        <v>0</v>
      </c>
      <c r="R29" s="315">
        <v>0</v>
      </c>
      <c r="S29" s="315">
        <v>0</v>
      </c>
      <c r="T29" s="315">
        <v>1</v>
      </c>
      <c r="U29" s="315">
        <v>1</v>
      </c>
      <c r="V29" s="312">
        <v>2</v>
      </c>
      <c r="W29" s="317">
        <v>2</v>
      </c>
      <c r="X29" s="311">
        <v>0</v>
      </c>
      <c r="Y29" s="315">
        <v>3</v>
      </c>
      <c r="Z29" s="312">
        <v>3</v>
      </c>
      <c r="AA29" s="314">
        <v>0</v>
      </c>
      <c r="AB29" s="315">
        <v>5</v>
      </c>
      <c r="AC29" s="315">
        <v>8</v>
      </c>
      <c r="AD29" s="315">
        <v>3</v>
      </c>
      <c r="AE29" s="315">
        <v>4</v>
      </c>
      <c r="AF29" s="315">
        <v>3</v>
      </c>
      <c r="AG29" s="312">
        <v>23</v>
      </c>
      <c r="AH29" s="317">
        <v>26</v>
      </c>
      <c r="AI29" s="311">
        <v>0</v>
      </c>
      <c r="AJ29" s="315">
        <v>1</v>
      </c>
      <c r="AK29" s="312">
        <v>1</v>
      </c>
      <c r="AL29" s="314">
        <v>0</v>
      </c>
      <c r="AM29" s="315">
        <v>0</v>
      </c>
      <c r="AN29" s="315">
        <v>0</v>
      </c>
      <c r="AO29" s="315">
        <v>0</v>
      </c>
      <c r="AP29" s="315">
        <v>0</v>
      </c>
      <c r="AQ29" s="315">
        <v>0</v>
      </c>
      <c r="AR29" s="312">
        <v>0</v>
      </c>
      <c r="AS29" s="317">
        <v>1</v>
      </c>
      <c r="AT29" s="311">
        <v>0</v>
      </c>
      <c r="AU29" s="315">
        <v>1</v>
      </c>
      <c r="AV29" s="312">
        <v>1</v>
      </c>
      <c r="AW29" s="314">
        <v>0</v>
      </c>
      <c r="AX29" s="315">
        <v>3</v>
      </c>
      <c r="AY29" s="315">
        <v>5</v>
      </c>
      <c r="AZ29" s="315">
        <v>8</v>
      </c>
      <c r="BA29" s="315">
        <v>10</v>
      </c>
      <c r="BB29" s="315">
        <v>5</v>
      </c>
      <c r="BC29" s="316">
        <v>31</v>
      </c>
      <c r="BD29" s="317">
        <v>32</v>
      </c>
      <c r="BE29" s="311">
        <v>0</v>
      </c>
      <c r="BF29" s="315">
        <v>0</v>
      </c>
      <c r="BG29" s="312">
        <v>0</v>
      </c>
      <c r="BH29" s="314">
        <v>0</v>
      </c>
      <c r="BI29" s="315">
        <v>9</v>
      </c>
      <c r="BJ29" s="315">
        <v>7</v>
      </c>
      <c r="BK29" s="315">
        <v>6</v>
      </c>
      <c r="BL29" s="315">
        <v>5</v>
      </c>
      <c r="BM29" s="315">
        <v>3</v>
      </c>
      <c r="BN29" s="312">
        <v>30</v>
      </c>
      <c r="BO29" s="317">
        <v>30</v>
      </c>
      <c r="BP29" s="311">
        <v>0</v>
      </c>
      <c r="BQ29" s="315">
        <v>2</v>
      </c>
      <c r="BR29" s="312">
        <v>2</v>
      </c>
      <c r="BS29" s="314">
        <v>0</v>
      </c>
      <c r="BT29" s="315">
        <v>1</v>
      </c>
      <c r="BU29" s="315">
        <v>4</v>
      </c>
      <c r="BV29" s="315">
        <v>2</v>
      </c>
      <c r="BW29" s="315">
        <v>1</v>
      </c>
      <c r="BX29" s="315">
        <v>1</v>
      </c>
      <c r="BY29" s="312">
        <v>9</v>
      </c>
      <c r="BZ29" s="317">
        <v>11</v>
      </c>
      <c r="CA29" s="311">
        <v>0</v>
      </c>
      <c r="CB29" s="315">
        <v>0</v>
      </c>
      <c r="CC29" s="312">
        <v>0</v>
      </c>
      <c r="CD29" s="314">
        <v>0</v>
      </c>
      <c r="CE29" s="315">
        <v>1</v>
      </c>
      <c r="CF29" s="315">
        <v>2</v>
      </c>
      <c r="CG29" s="315">
        <v>1</v>
      </c>
      <c r="CH29" s="315">
        <v>0</v>
      </c>
      <c r="CI29" s="315">
        <v>1</v>
      </c>
      <c r="CJ29" s="312">
        <v>5</v>
      </c>
      <c r="CK29" s="317">
        <v>5</v>
      </c>
      <c r="CL29" s="311">
        <v>0</v>
      </c>
      <c r="CM29" s="315">
        <v>0</v>
      </c>
      <c r="CN29" s="312">
        <v>0</v>
      </c>
      <c r="CO29" s="314">
        <v>0</v>
      </c>
      <c r="CP29" s="315">
        <v>0</v>
      </c>
      <c r="CQ29" s="315">
        <v>1</v>
      </c>
      <c r="CR29" s="315">
        <v>1</v>
      </c>
      <c r="CS29" s="315">
        <v>0</v>
      </c>
      <c r="CT29" s="315">
        <v>0</v>
      </c>
      <c r="CU29" s="312">
        <v>2</v>
      </c>
      <c r="CV29" s="317">
        <v>2</v>
      </c>
      <c r="CW29" s="311">
        <v>0</v>
      </c>
      <c r="CX29" s="315">
        <v>0</v>
      </c>
      <c r="CY29" s="312">
        <v>0</v>
      </c>
      <c r="CZ29" s="314">
        <v>0</v>
      </c>
      <c r="DA29" s="315">
        <v>0</v>
      </c>
      <c r="DB29" s="315">
        <v>0</v>
      </c>
      <c r="DC29" s="315">
        <v>0</v>
      </c>
      <c r="DD29" s="315">
        <v>0</v>
      </c>
      <c r="DE29" s="315">
        <v>0</v>
      </c>
      <c r="DF29" s="312">
        <v>0</v>
      </c>
      <c r="DG29" s="317">
        <v>0</v>
      </c>
      <c r="DH29" s="311">
        <v>0</v>
      </c>
      <c r="DI29" s="315">
        <v>0</v>
      </c>
      <c r="DJ29" s="312">
        <v>0</v>
      </c>
      <c r="DK29" s="314">
        <v>0</v>
      </c>
      <c r="DL29" s="315">
        <v>0</v>
      </c>
      <c r="DM29" s="315">
        <v>0</v>
      </c>
      <c r="DN29" s="315">
        <v>0</v>
      </c>
      <c r="DO29" s="315">
        <v>0</v>
      </c>
      <c r="DP29" s="315">
        <v>0</v>
      </c>
      <c r="DQ29" s="312">
        <v>0</v>
      </c>
      <c r="DR29" s="317">
        <v>0</v>
      </c>
      <c r="DS29" s="311">
        <v>3</v>
      </c>
      <c r="DT29" s="315">
        <v>7</v>
      </c>
      <c r="DU29" s="312">
        <v>10</v>
      </c>
      <c r="DV29" s="314">
        <v>0</v>
      </c>
      <c r="DW29" s="315">
        <v>7</v>
      </c>
      <c r="DX29" s="315">
        <v>12</v>
      </c>
      <c r="DY29" s="315">
        <v>10</v>
      </c>
      <c r="DZ29" s="315">
        <v>7</v>
      </c>
      <c r="EA29" s="315">
        <v>5</v>
      </c>
      <c r="EB29" s="312">
        <v>41</v>
      </c>
      <c r="EC29" s="317">
        <v>51</v>
      </c>
      <c r="ED29" s="311">
        <v>0</v>
      </c>
      <c r="EE29" s="315">
        <v>1</v>
      </c>
      <c r="EF29" s="312">
        <v>1</v>
      </c>
      <c r="EG29" s="314">
        <v>0</v>
      </c>
      <c r="EH29" s="315">
        <v>1</v>
      </c>
      <c r="EI29" s="315">
        <v>2</v>
      </c>
      <c r="EJ29" s="315">
        <v>1</v>
      </c>
      <c r="EK29" s="315">
        <v>4</v>
      </c>
      <c r="EL29" s="315">
        <v>2</v>
      </c>
      <c r="EM29" s="312">
        <v>10</v>
      </c>
      <c r="EN29" s="317">
        <v>11</v>
      </c>
      <c r="EO29" s="311">
        <v>3</v>
      </c>
      <c r="EP29" s="315">
        <v>11</v>
      </c>
      <c r="EQ29" s="312">
        <v>14</v>
      </c>
      <c r="ER29" s="314">
        <v>0</v>
      </c>
      <c r="ES29" s="315">
        <v>19</v>
      </c>
      <c r="ET29" s="315">
        <v>16</v>
      </c>
      <c r="EU29" s="315">
        <v>12</v>
      </c>
      <c r="EV29" s="315">
        <v>8</v>
      </c>
      <c r="EW29" s="315">
        <v>5</v>
      </c>
      <c r="EX29" s="312">
        <v>60</v>
      </c>
      <c r="EY29" s="317">
        <v>74</v>
      </c>
    </row>
    <row r="30" spans="1:155" ht="19.5" customHeight="1" x14ac:dyDescent="0.2">
      <c r="A30" s="296" t="s">
        <v>28</v>
      </c>
      <c r="B30" s="311">
        <v>0</v>
      </c>
      <c r="C30" s="315">
        <v>0</v>
      </c>
      <c r="D30" s="437">
        <v>0</v>
      </c>
      <c r="E30" s="314">
        <v>0</v>
      </c>
      <c r="F30" s="315">
        <v>0</v>
      </c>
      <c r="G30" s="315">
        <v>1</v>
      </c>
      <c r="H30" s="315">
        <v>1</v>
      </c>
      <c r="I30" s="315">
        <v>0</v>
      </c>
      <c r="J30" s="315">
        <v>0</v>
      </c>
      <c r="K30" s="316">
        <v>2</v>
      </c>
      <c r="L30" s="317">
        <v>2</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0</v>
      </c>
      <c r="AC30" s="315">
        <v>4</v>
      </c>
      <c r="AD30" s="315">
        <v>1</v>
      </c>
      <c r="AE30" s="315">
        <v>0</v>
      </c>
      <c r="AF30" s="315">
        <v>1</v>
      </c>
      <c r="AG30" s="312">
        <v>6</v>
      </c>
      <c r="AH30" s="317">
        <v>6</v>
      </c>
      <c r="AI30" s="311">
        <v>0</v>
      </c>
      <c r="AJ30" s="315">
        <v>0</v>
      </c>
      <c r="AK30" s="312">
        <v>0</v>
      </c>
      <c r="AL30" s="314">
        <v>0</v>
      </c>
      <c r="AM30" s="315">
        <v>0</v>
      </c>
      <c r="AN30" s="315">
        <v>0</v>
      </c>
      <c r="AO30" s="315">
        <v>0</v>
      </c>
      <c r="AP30" s="315">
        <v>0</v>
      </c>
      <c r="AQ30" s="315">
        <v>0</v>
      </c>
      <c r="AR30" s="312">
        <v>0</v>
      </c>
      <c r="AS30" s="317">
        <v>0</v>
      </c>
      <c r="AT30" s="311">
        <v>0</v>
      </c>
      <c r="AU30" s="315">
        <v>0</v>
      </c>
      <c r="AV30" s="312">
        <v>0</v>
      </c>
      <c r="AW30" s="314">
        <v>0</v>
      </c>
      <c r="AX30" s="315">
        <v>1</v>
      </c>
      <c r="AY30" s="315">
        <v>1</v>
      </c>
      <c r="AZ30" s="315">
        <v>1</v>
      </c>
      <c r="BA30" s="315">
        <v>0</v>
      </c>
      <c r="BB30" s="315">
        <v>1</v>
      </c>
      <c r="BC30" s="316">
        <v>4</v>
      </c>
      <c r="BD30" s="317">
        <v>4</v>
      </c>
      <c r="BE30" s="311">
        <v>0</v>
      </c>
      <c r="BF30" s="315">
        <v>0</v>
      </c>
      <c r="BG30" s="312">
        <v>0</v>
      </c>
      <c r="BH30" s="314">
        <v>0</v>
      </c>
      <c r="BI30" s="315">
        <v>2</v>
      </c>
      <c r="BJ30" s="315">
        <v>0</v>
      </c>
      <c r="BK30" s="315">
        <v>0</v>
      </c>
      <c r="BL30" s="315">
        <v>0</v>
      </c>
      <c r="BM30" s="315">
        <v>0</v>
      </c>
      <c r="BN30" s="312">
        <v>2</v>
      </c>
      <c r="BO30" s="317">
        <v>2</v>
      </c>
      <c r="BP30" s="311">
        <v>0</v>
      </c>
      <c r="BQ30" s="315">
        <v>0</v>
      </c>
      <c r="BR30" s="312">
        <v>0</v>
      </c>
      <c r="BS30" s="314">
        <v>0</v>
      </c>
      <c r="BT30" s="315">
        <v>0</v>
      </c>
      <c r="BU30" s="315">
        <v>0</v>
      </c>
      <c r="BV30" s="315">
        <v>0</v>
      </c>
      <c r="BW30" s="315">
        <v>0</v>
      </c>
      <c r="BX30" s="315">
        <v>0</v>
      </c>
      <c r="BY30" s="312">
        <v>0</v>
      </c>
      <c r="BZ30" s="317">
        <v>0</v>
      </c>
      <c r="CA30" s="311">
        <v>0</v>
      </c>
      <c r="CB30" s="315">
        <v>0</v>
      </c>
      <c r="CC30" s="312">
        <v>0</v>
      </c>
      <c r="CD30" s="314">
        <v>0</v>
      </c>
      <c r="CE30" s="315">
        <v>0</v>
      </c>
      <c r="CF30" s="315">
        <v>0</v>
      </c>
      <c r="CG30" s="315">
        <v>0</v>
      </c>
      <c r="CH30" s="315">
        <v>0</v>
      </c>
      <c r="CI30" s="315">
        <v>1</v>
      </c>
      <c r="CJ30" s="312">
        <v>1</v>
      </c>
      <c r="CK30" s="317">
        <v>1</v>
      </c>
      <c r="CL30" s="311">
        <v>0</v>
      </c>
      <c r="CM30" s="315">
        <v>0</v>
      </c>
      <c r="CN30" s="312">
        <v>0</v>
      </c>
      <c r="CO30" s="314">
        <v>0</v>
      </c>
      <c r="CP30" s="315">
        <v>0</v>
      </c>
      <c r="CQ30" s="315">
        <v>0</v>
      </c>
      <c r="CR30" s="315">
        <v>0</v>
      </c>
      <c r="CS30" s="315">
        <v>0</v>
      </c>
      <c r="CT30" s="315">
        <v>0</v>
      </c>
      <c r="CU30" s="312">
        <v>0</v>
      </c>
      <c r="CV30" s="317">
        <v>0</v>
      </c>
      <c r="CW30" s="311">
        <v>0</v>
      </c>
      <c r="CX30" s="315">
        <v>0</v>
      </c>
      <c r="CY30" s="312">
        <v>0</v>
      </c>
      <c r="CZ30" s="314">
        <v>0</v>
      </c>
      <c r="DA30" s="315">
        <v>0</v>
      </c>
      <c r="DB30" s="315">
        <v>0</v>
      </c>
      <c r="DC30" s="315">
        <v>0</v>
      </c>
      <c r="DD30" s="315">
        <v>0</v>
      </c>
      <c r="DE30" s="315">
        <v>0</v>
      </c>
      <c r="DF30" s="312">
        <v>0</v>
      </c>
      <c r="DG30" s="317">
        <v>0</v>
      </c>
      <c r="DH30" s="311">
        <v>0</v>
      </c>
      <c r="DI30" s="315">
        <v>0</v>
      </c>
      <c r="DJ30" s="312">
        <v>0</v>
      </c>
      <c r="DK30" s="314">
        <v>0</v>
      </c>
      <c r="DL30" s="315">
        <v>0</v>
      </c>
      <c r="DM30" s="315">
        <v>0</v>
      </c>
      <c r="DN30" s="315">
        <v>0</v>
      </c>
      <c r="DO30" s="315">
        <v>0</v>
      </c>
      <c r="DP30" s="315">
        <v>0</v>
      </c>
      <c r="DQ30" s="312">
        <v>0</v>
      </c>
      <c r="DR30" s="317">
        <v>0</v>
      </c>
      <c r="DS30" s="311">
        <v>0</v>
      </c>
      <c r="DT30" s="315">
        <v>1</v>
      </c>
      <c r="DU30" s="312">
        <v>1</v>
      </c>
      <c r="DV30" s="314">
        <v>0</v>
      </c>
      <c r="DW30" s="315">
        <v>2</v>
      </c>
      <c r="DX30" s="315">
        <v>7</v>
      </c>
      <c r="DY30" s="315">
        <v>0</v>
      </c>
      <c r="DZ30" s="315">
        <v>0</v>
      </c>
      <c r="EA30" s="315">
        <v>1</v>
      </c>
      <c r="EB30" s="312">
        <v>10</v>
      </c>
      <c r="EC30" s="317">
        <v>11</v>
      </c>
      <c r="ED30" s="311">
        <v>0</v>
      </c>
      <c r="EE30" s="315">
        <v>0</v>
      </c>
      <c r="EF30" s="312">
        <v>0</v>
      </c>
      <c r="EG30" s="314">
        <v>0</v>
      </c>
      <c r="EH30" s="315">
        <v>1</v>
      </c>
      <c r="EI30" s="315">
        <v>0</v>
      </c>
      <c r="EJ30" s="315">
        <v>1</v>
      </c>
      <c r="EK30" s="315">
        <v>0</v>
      </c>
      <c r="EL30" s="315">
        <v>0</v>
      </c>
      <c r="EM30" s="312">
        <v>2</v>
      </c>
      <c r="EN30" s="317">
        <v>2</v>
      </c>
      <c r="EO30" s="311">
        <v>0</v>
      </c>
      <c r="EP30" s="315">
        <v>1</v>
      </c>
      <c r="EQ30" s="312">
        <v>1</v>
      </c>
      <c r="ER30" s="314">
        <v>0</v>
      </c>
      <c r="ES30" s="315">
        <v>5</v>
      </c>
      <c r="ET30" s="315">
        <v>7</v>
      </c>
      <c r="EU30" s="315">
        <v>1</v>
      </c>
      <c r="EV30" s="315">
        <v>0</v>
      </c>
      <c r="EW30" s="315">
        <v>2</v>
      </c>
      <c r="EX30" s="312">
        <v>15</v>
      </c>
      <c r="EY30" s="317">
        <v>16</v>
      </c>
    </row>
    <row r="31" spans="1:155" ht="19.5" customHeight="1" x14ac:dyDescent="0.2">
      <c r="A31" s="296" t="s">
        <v>29</v>
      </c>
      <c r="B31" s="311">
        <v>0</v>
      </c>
      <c r="C31" s="315">
        <v>0</v>
      </c>
      <c r="D31" s="437">
        <v>0</v>
      </c>
      <c r="E31" s="314">
        <v>0</v>
      </c>
      <c r="F31" s="315">
        <v>0</v>
      </c>
      <c r="G31" s="315">
        <v>1</v>
      </c>
      <c r="H31" s="315">
        <v>0</v>
      </c>
      <c r="I31" s="315">
        <v>1</v>
      </c>
      <c r="J31" s="315">
        <v>0</v>
      </c>
      <c r="K31" s="316">
        <v>2</v>
      </c>
      <c r="L31" s="317">
        <v>2</v>
      </c>
      <c r="M31" s="311">
        <v>0</v>
      </c>
      <c r="N31" s="315">
        <v>0</v>
      </c>
      <c r="O31" s="312">
        <v>0</v>
      </c>
      <c r="P31" s="314">
        <v>0</v>
      </c>
      <c r="Q31" s="315">
        <v>0</v>
      </c>
      <c r="R31" s="315">
        <v>0</v>
      </c>
      <c r="S31" s="315">
        <v>0</v>
      </c>
      <c r="T31" s="315">
        <v>0</v>
      </c>
      <c r="U31" s="315">
        <v>1</v>
      </c>
      <c r="V31" s="312">
        <v>1</v>
      </c>
      <c r="W31" s="317">
        <v>1</v>
      </c>
      <c r="X31" s="311">
        <v>0</v>
      </c>
      <c r="Y31" s="315">
        <v>1</v>
      </c>
      <c r="Z31" s="312">
        <v>1</v>
      </c>
      <c r="AA31" s="314">
        <v>0</v>
      </c>
      <c r="AB31" s="315">
        <v>0</v>
      </c>
      <c r="AC31" s="315">
        <v>0</v>
      </c>
      <c r="AD31" s="315">
        <v>0</v>
      </c>
      <c r="AE31" s="315">
        <v>0</v>
      </c>
      <c r="AF31" s="315">
        <v>1</v>
      </c>
      <c r="AG31" s="312">
        <v>1</v>
      </c>
      <c r="AH31" s="317">
        <v>2</v>
      </c>
      <c r="AI31" s="311">
        <v>0</v>
      </c>
      <c r="AJ31" s="315">
        <v>0</v>
      </c>
      <c r="AK31" s="312">
        <v>0</v>
      </c>
      <c r="AL31" s="314">
        <v>0</v>
      </c>
      <c r="AM31" s="315">
        <v>0</v>
      </c>
      <c r="AN31" s="315">
        <v>0</v>
      </c>
      <c r="AO31" s="315">
        <v>0</v>
      </c>
      <c r="AP31" s="315">
        <v>0</v>
      </c>
      <c r="AQ31" s="315">
        <v>0</v>
      </c>
      <c r="AR31" s="312">
        <v>0</v>
      </c>
      <c r="AS31" s="317">
        <v>0</v>
      </c>
      <c r="AT31" s="311">
        <v>0</v>
      </c>
      <c r="AU31" s="315">
        <v>0</v>
      </c>
      <c r="AV31" s="312">
        <v>0</v>
      </c>
      <c r="AW31" s="314">
        <v>0</v>
      </c>
      <c r="AX31" s="315">
        <v>0</v>
      </c>
      <c r="AY31" s="315">
        <v>3</v>
      </c>
      <c r="AZ31" s="315">
        <v>0</v>
      </c>
      <c r="BA31" s="315">
        <v>0</v>
      </c>
      <c r="BB31" s="315">
        <v>1</v>
      </c>
      <c r="BC31" s="316">
        <v>4</v>
      </c>
      <c r="BD31" s="317">
        <v>4</v>
      </c>
      <c r="BE31" s="311">
        <v>0</v>
      </c>
      <c r="BF31" s="315">
        <v>0</v>
      </c>
      <c r="BG31" s="312">
        <v>0</v>
      </c>
      <c r="BH31" s="314">
        <v>0</v>
      </c>
      <c r="BI31" s="315">
        <v>3</v>
      </c>
      <c r="BJ31" s="315">
        <v>1</v>
      </c>
      <c r="BK31" s="315">
        <v>1</v>
      </c>
      <c r="BL31" s="315">
        <v>0</v>
      </c>
      <c r="BM31" s="315">
        <v>1</v>
      </c>
      <c r="BN31" s="312">
        <v>6</v>
      </c>
      <c r="BO31" s="317">
        <v>6</v>
      </c>
      <c r="BP31" s="311">
        <v>0</v>
      </c>
      <c r="BQ31" s="315">
        <v>0</v>
      </c>
      <c r="BR31" s="312">
        <v>0</v>
      </c>
      <c r="BS31" s="314">
        <v>0</v>
      </c>
      <c r="BT31" s="315">
        <v>0</v>
      </c>
      <c r="BU31" s="315">
        <v>1</v>
      </c>
      <c r="BV31" s="315">
        <v>1</v>
      </c>
      <c r="BW31" s="315">
        <v>1</v>
      </c>
      <c r="BX31" s="315">
        <v>0</v>
      </c>
      <c r="BY31" s="312">
        <v>3</v>
      </c>
      <c r="BZ31" s="317">
        <v>3</v>
      </c>
      <c r="CA31" s="311">
        <v>0</v>
      </c>
      <c r="CB31" s="315">
        <v>0</v>
      </c>
      <c r="CC31" s="312">
        <v>0</v>
      </c>
      <c r="CD31" s="314">
        <v>0</v>
      </c>
      <c r="CE31" s="315">
        <v>0</v>
      </c>
      <c r="CF31" s="315">
        <v>0</v>
      </c>
      <c r="CG31" s="315">
        <v>0</v>
      </c>
      <c r="CH31" s="315">
        <v>1</v>
      </c>
      <c r="CI31" s="315">
        <v>1</v>
      </c>
      <c r="CJ31" s="312">
        <v>2</v>
      </c>
      <c r="CK31" s="317">
        <v>2</v>
      </c>
      <c r="CL31" s="311">
        <v>0</v>
      </c>
      <c r="CM31" s="315">
        <v>0</v>
      </c>
      <c r="CN31" s="312">
        <v>0</v>
      </c>
      <c r="CO31" s="314">
        <v>0</v>
      </c>
      <c r="CP31" s="315">
        <v>0</v>
      </c>
      <c r="CQ31" s="315">
        <v>0</v>
      </c>
      <c r="CR31" s="315">
        <v>0</v>
      </c>
      <c r="CS31" s="315">
        <v>1</v>
      </c>
      <c r="CT31" s="315">
        <v>0</v>
      </c>
      <c r="CU31" s="312">
        <v>1</v>
      </c>
      <c r="CV31" s="317">
        <v>1</v>
      </c>
      <c r="CW31" s="311">
        <v>0</v>
      </c>
      <c r="CX31" s="315">
        <v>0</v>
      </c>
      <c r="CY31" s="312">
        <v>0</v>
      </c>
      <c r="CZ31" s="314">
        <v>0</v>
      </c>
      <c r="DA31" s="315">
        <v>0</v>
      </c>
      <c r="DB31" s="315">
        <v>0</v>
      </c>
      <c r="DC31" s="315">
        <v>0</v>
      </c>
      <c r="DD31" s="315">
        <v>0</v>
      </c>
      <c r="DE31" s="315">
        <v>0</v>
      </c>
      <c r="DF31" s="312">
        <v>0</v>
      </c>
      <c r="DG31" s="317">
        <v>0</v>
      </c>
      <c r="DH31" s="311">
        <v>0</v>
      </c>
      <c r="DI31" s="315">
        <v>0</v>
      </c>
      <c r="DJ31" s="312">
        <v>0</v>
      </c>
      <c r="DK31" s="314">
        <v>0</v>
      </c>
      <c r="DL31" s="315">
        <v>0</v>
      </c>
      <c r="DM31" s="315">
        <v>0</v>
      </c>
      <c r="DN31" s="315">
        <v>0</v>
      </c>
      <c r="DO31" s="315">
        <v>0</v>
      </c>
      <c r="DP31" s="315">
        <v>0</v>
      </c>
      <c r="DQ31" s="312">
        <v>0</v>
      </c>
      <c r="DR31" s="317">
        <v>0</v>
      </c>
      <c r="DS31" s="311">
        <v>2</v>
      </c>
      <c r="DT31" s="315">
        <v>1</v>
      </c>
      <c r="DU31" s="312">
        <v>3</v>
      </c>
      <c r="DV31" s="314">
        <v>0</v>
      </c>
      <c r="DW31" s="315">
        <v>1</v>
      </c>
      <c r="DX31" s="315">
        <v>4</v>
      </c>
      <c r="DY31" s="315">
        <v>1</v>
      </c>
      <c r="DZ31" s="315">
        <v>2</v>
      </c>
      <c r="EA31" s="315">
        <v>2</v>
      </c>
      <c r="EB31" s="312">
        <v>10</v>
      </c>
      <c r="EC31" s="317">
        <v>13</v>
      </c>
      <c r="ED31" s="311">
        <v>0</v>
      </c>
      <c r="EE31" s="315">
        <v>0</v>
      </c>
      <c r="EF31" s="312">
        <v>0</v>
      </c>
      <c r="EG31" s="314">
        <v>0</v>
      </c>
      <c r="EH31" s="315">
        <v>0</v>
      </c>
      <c r="EI31" s="315">
        <v>3</v>
      </c>
      <c r="EJ31" s="315">
        <v>0</v>
      </c>
      <c r="EK31" s="315">
        <v>0</v>
      </c>
      <c r="EL31" s="315">
        <v>0</v>
      </c>
      <c r="EM31" s="312">
        <v>3</v>
      </c>
      <c r="EN31" s="317">
        <v>3</v>
      </c>
      <c r="EO31" s="311">
        <v>2</v>
      </c>
      <c r="EP31" s="315">
        <v>2</v>
      </c>
      <c r="EQ31" s="312">
        <v>4</v>
      </c>
      <c r="ER31" s="314">
        <v>0</v>
      </c>
      <c r="ES31" s="315">
        <v>6</v>
      </c>
      <c r="ET31" s="315">
        <v>4</v>
      </c>
      <c r="EU31" s="315">
        <v>1</v>
      </c>
      <c r="EV31" s="315">
        <v>2</v>
      </c>
      <c r="EW31" s="315">
        <v>2</v>
      </c>
      <c r="EX31" s="312">
        <v>15</v>
      </c>
      <c r="EY31" s="317">
        <v>19</v>
      </c>
    </row>
    <row r="32" spans="1:155" ht="19.5" customHeight="1" x14ac:dyDescent="0.2">
      <c r="A32" s="296" t="s">
        <v>30</v>
      </c>
      <c r="B32" s="311">
        <v>0</v>
      </c>
      <c r="C32" s="315">
        <v>0</v>
      </c>
      <c r="D32" s="437">
        <v>0</v>
      </c>
      <c r="E32" s="314">
        <v>0</v>
      </c>
      <c r="F32" s="315">
        <v>1</v>
      </c>
      <c r="G32" s="315">
        <v>2</v>
      </c>
      <c r="H32" s="315">
        <v>1</v>
      </c>
      <c r="I32" s="315">
        <v>2</v>
      </c>
      <c r="J32" s="315">
        <v>0</v>
      </c>
      <c r="K32" s="316">
        <v>6</v>
      </c>
      <c r="L32" s="317">
        <v>6</v>
      </c>
      <c r="M32" s="311">
        <v>0</v>
      </c>
      <c r="N32" s="315">
        <v>0</v>
      </c>
      <c r="O32" s="312">
        <v>0</v>
      </c>
      <c r="P32" s="314">
        <v>0</v>
      </c>
      <c r="Q32" s="315">
        <v>0</v>
      </c>
      <c r="R32" s="315">
        <v>0</v>
      </c>
      <c r="S32" s="315">
        <v>0</v>
      </c>
      <c r="T32" s="315">
        <v>1</v>
      </c>
      <c r="U32" s="315">
        <v>0</v>
      </c>
      <c r="V32" s="312">
        <v>1</v>
      </c>
      <c r="W32" s="317">
        <v>1</v>
      </c>
      <c r="X32" s="311">
        <v>0</v>
      </c>
      <c r="Y32" s="315">
        <v>0</v>
      </c>
      <c r="Z32" s="312">
        <v>0</v>
      </c>
      <c r="AA32" s="314">
        <v>0</v>
      </c>
      <c r="AB32" s="315">
        <v>1</v>
      </c>
      <c r="AC32" s="315">
        <v>0</v>
      </c>
      <c r="AD32" s="315">
        <v>0</v>
      </c>
      <c r="AE32" s="315">
        <v>2</v>
      </c>
      <c r="AF32" s="315">
        <v>0</v>
      </c>
      <c r="AG32" s="312">
        <v>3</v>
      </c>
      <c r="AH32" s="317">
        <v>3</v>
      </c>
      <c r="AI32" s="311">
        <v>0</v>
      </c>
      <c r="AJ32" s="315">
        <v>0</v>
      </c>
      <c r="AK32" s="312">
        <v>0</v>
      </c>
      <c r="AL32" s="314">
        <v>0</v>
      </c>
      <c r="AM32" s="315">
        <v>0</v>
      </c>
      <c r="AN32" s="315">
        <v>0</v>
      </c>
      <c r="AO32" s="315">
        <v>0</v>
      </c>
      <c r="AP32" s="315">
        <v>0</v>
      </c>
      <c r="AQ32" s="315">
        <v>0</v>
      </c>
      <c r="AR32" s="312">
        <v>0</v>
      </c>
      <c r="AS32" s="317">
        <v>0</v>
      </c>
      <c r="AT32" s="311">
        <v>0</v>
      </c>
      <c r="AU32" s="315">
        <v>0</v>
      </c>
      <c r="AV32" s="312">
        <v>0</v>
      </c>
      <c r="AW32" s="314">
        <v>0</v>
      </c>
      <c r="AX32" s="315">
        <v>2</v>
      </c>
      <c r="AY32" s="315">
        <v>1</v>
      </c>
      <c r="AZ32" s="315">
        <v>1</v>
      </c>
      <c r="BA32" s="315">
        <v>1</v>
      </c>
      <c r="BB32" s="315">
        <v>0</v>
      </c>
      <c r="BC32" s="316">
        <v>5</v>
      </c>
      <c r="BD32" s="317">
        <v>5</v>
      </c>
      <c r="BE32" s="311">
        <v>0</v>
      </c>
      <c r="BF32" s="315">
        <v>0</v>
      </c>
      <c r="BG32" s="312">
        <v>0</v>
      </c>
      <c r="BH32" s="314">
        <v>0</v>
      </c>
      <c r="BI32" s="315">
        <v>0</v>
      </c>
      <c r="BJ32" s="315">
        <v>0</v>
      </c>
      <c r="BK32" s="315">
        <v>0</v>
      </c>
      <c r="BL32" s="315">
        <v>1</v>
      </c>
      <c r="BM32" s="315">
        <v>0</v>
      </c>
      <c r="BN32" s="312">
        <v>1</v>
      </c>
      <c r="BO32" s="317">
        <v>1</v>
      </c>
      <c r="BP32" s="311">
        <v>0</v>
      </c>
      <c r="BQ32" s="315">
        <v>0</v>
      </c>
      <c r="BR32" s="312">
        <v>0</v>
      </c>
      <c r="BS32" s="314">
        <v>0</v>
      </c>
      <c r="BT32" s="315">
        <v>1</v>
      </c>
      <c r="BU32" s="315">
        <v>0</v>
      </c>
      <c r="BV32" s="315">
        <v>0</v>
      </c>
      <c r="BW32" s="315">
        <v>0</v>
      </c>
      <c r="BX32" s="315">
        <v>0</v>
      </c>
      <c r="BY32" s="312">
        <v>1</v>
      </c>
      <c r="BZ32" s="317">
        <v>1</v>
      </c>
      <c r="CA32" s="311">
        <v>0</v>
      </c>
      <c r="CB32" s="315">
        <v>0</v>
      </c>
      <c r="CC32" s="312">
        <v>0</v>
      </c>
      <c r="CD32" s="314">
        <v>0</v>
      </c>
      <c r="CE32" s="315">
        <v>1</v>
      </c>
      <c r="CF32" s="315">
        <v>0</v>
      </c>
      <c r="CG32" s="315">
        <v>1</v>
      </c>
      <c r="CH32" s="315">
        <v>1</v>
      </c>
      <c r="CI32" s="315">
        <v>0</v>
      </c>
      <c r="CJ32" s="312">
        <v>3</v>
      </c>
      <c r="CK32" s="317">
        <v>3</v>
      </c>
      <c r="CL32" s="311">
        <v>0</v>
      </c>
      <c r="CM32" s="315">
        <v>0</v>
      </c>
      <c r="CN32" s="312">
        <v>0</v>
      </c>
      <c r="CO32" s="314">
        <v>0</v>
      </c>
      <c r="CP32" s="315">
        <v>0</v>
      </c>
      <c r="CQ32" s="315">
        <v>0</v>
      </c>
      <c r="CR32" s="315">
        <v>0</v>
      </c>
      <c r="CS32" s="315">
        <v>0</v>
      </c>
      <c r="CT32" s="315">
        <v>0</v>
      </c>
      <c r="CU32" s="312">
        <v>0</v>
      </c>
      <c r="CV32" s="317">
        <v>0</v>
      </c>
      <c r="CW32" s="311">
        <v>0</v>
      </c>
      <c r="CX32" s="315">
        <v>0</v>
      </c>
      <c r="CY32" s="312">
        <v>0</v>
      </c>
      <c r="CZ32" s="314">
        <v>0</v>
      </c>
      <c r="DA32" s="315">
        <v>0</v>
      </c>
      <c r="DB32" s="315">
        <v>0</v>
      </c>
      <c r="DC32" s="315">
        <v>0</v>
      </c>
      <c r="DD32" s="315">
        <v>0</v>
      </c>
      <c r="DE32" s="315">
        <v>0</v>
      </c>
      <c r="DF32" s="312">
        <v>0</v>
      </c>
      <c r="DG32" s="317">
        <v>0</v>
      </c>
      <c r="DH32" s="311">
        <v>0</v>
      </c>
      <c r="DI32" s="315">
        <v>0</v>
      </c>
      <c r="DJ32" s="312">
        <v>0</v>
      </c>
      <c r="DK32" s="314">
        <v>0</v>
      </c>
      <c r="DL32" s="315">
        <v>0</v>
      </c>
      <c r="DM32" s="315">
        <v>0</v>
      </c>
      <c r="DN32" s="315">
        <v>0</v>
      </c>
      <c r="DO32" s="315">
        <v>0</v>
      </c>
      <c r="DP32" s="315">
        <v>0</v>
      </c>
      <c r="DQ32" s="312">
        <v>0</v>
      </c>
      <c r="DR32" s="317">
        <v>0</v>
      </c>
      <c r="DS32" s="311">
        <v>1</v>
      </c>
      <c r="DT32" s="315">
        <v>1</v>
      </c>
      <c r="DU32" s="312">
        <v>2</v>
      </c>
      <c r="DV32" s="314">
        <v>0</v>
      </c>
      <c r="DW32" s="315">
        <v>2</v>
      </c>
      <c r="DX32" s="315">
        <v>2</v>
      </c>
      <c r="DY32" s="315">
        <v>2</v>
      </c>
      <c r="DZ32" s="315">
        <v>3</v>
      </c>
      <c r="EA32" s="315">
        <v>0</v>
      </c>
      <c r="EB32" s="312">
        <v>9</v>
      </c>
      <c r="EC32" s="317">
        <v>11</v>
      </c>
      <c r="ED32" s="311">
        <v>0</v>
      </c>
      <c r="EE32" s="315">
        <v>0</v>
      </c>
      <c r="EF32" s="312">
        <v>0</v>
      </c>
      <c r="EG32" s="314">
        <v>0</v>
      </c>
      <c r="EH32" s="315">
        <v>2</v>
      </c>
      <c r="EI32" s="315">
        <v>0</v>
      </c>
      <c r="EJ32" s="315">
        <v>0</v>
      </c>
      <c r="EK32" s="315">
        <v>0</v>
      </c>
      <c r="EL32" s="315">
        <v>0</v>
      </c>
      <c r="EM32" s="312">
        <v>2</v>
      </c>
      <c r="EN32" s="317">
        <v>2</v>
      </c>
      <c r="EO32" s="311">
        <v>2</v>
      </c>
      <c r="EP32" s="315">
        <v>1</v>
      </c>
      <c r="EQ32" s="312">
        <v>3</v>
      </c>
      <c r="ER32" s="314">
        <v>0</v>
      </c>
      <c r="ES32" s="315">
        <v>4</v>
      </c>
      <c r="ET32" s="315">
        <v>3</v>
      </c>
      <c r="EU32" s="315">
        <v>3</v>
      </c>
      <c r="EV32" s="315">
        <v>3</v>
      </c>
      <c r="EW32" s="315">
        <v>0</v>
      </c>
      <c r="EX32" s="312">
        <v>13</v>
      </c>
      <c r="EY32" s="317">
        <v>16</v>
      </c>
    </row>
    <row r="33" spans="1:155" ht="19.5" customHeight="1" x14ac:dyDescent="0.2">
      <c r="A33" s="296" t="s">
        <v>31</v>
      </c>
      <c r="B33" s="311">
        <v>0</v>
      </c>
      <c r="C33" s="315">
        <v>0</v>
      </c>
      <c r="D33" s="437">
        <v>0</v>
      </c>
      <c r="E33" s="314">
        <v>0</v>
      </c>
      <c r="F33" s="315">
        <v>1</v>
      </c>
      <c r="G33" s="315">
        <v>0</v>
      </c>
      <c r="H33" s="315">
        <v>1</v>
      </c>
      <c r="I33" s="315">
        <v>0</v>
      </c>
      <c r="J33" s="315">
        <v>0</v>
      </c>
      <c r="K33" s="316">
        <v>2</v>
      </c>
      <c r="L33" s="317">
        <v>2</v>
      </c>
      <c r="M33" s="311">
        <v>0</v>
      </c>
      <c r="N33" s="315">
        <v>0</v>
      </c>
      <c r="O33" s="312">
        <v>0</v>
      </c>
      <c r="P33" s="314">
        <v>0</v>
      </c>
      <c r="Q33" s="315">
        <v>0</v>
      </c>
      <c r="R33" s="315">
        <v>1</v>
      </c>
      <c r="S33" s="315">
        <v>1</v>
      </c>
      <c r="T33" s="315">
        <v>0</v>
      </c>
      <c r="U33" s="315">
        <v>0</v>
      </c>
      <c r="V33" s="312">
        <v>2</v>
      </c>
      <c r="W33" s="317">
        <v>2</v>
      </c>
      <c r="X33" s="311">
        <v>0</v>
      </c>
      <c r="Y33" s="315">
        <v>0</v>
      </c>
      <c r="Z33" s="312">
        <v>0</v>
      </c>
      <c r="AA33" s="314">
        <v>0</v>
      </c>
      <c r="AB33" s="315">
        <v>1</v>
      </c>
      <c r="AC33" s="315">
        <v>0</v>
      </c>
      <c r="AD33" s="315">
        <v>1</v>
      </c>
      <c r="AE33" s="315">
        <v>0</v>
      </c>
      <c r="AF33" s="315">
        <v>0</v>
      </c>
      <c r="AG33" s="312">
        <v>2</v>
      </c>
      <c r="AH33" s="317">
        <v>2</v>
      </c>
      <c r="AI33" s="311">
        <v>0</v>
      </c>
      <c r="AJ33" s="315">
        <v>0</v>
      </c>
      <c r="AK33" s="312">
        <v>0</v>
      </c>
      <c r="AL33" s="314">
        <v>0</v>
      </c>
      <c r="AM33" s="315">
        <v>0</v>
      </c>
      <c r="AN33" s="315">
        <v>2</v>
      </c>
      <c r="AO33" s="315">
        <v>0</v>
      </c>
      <c r="AP33" s="315">
        <v>0</v>
      </c>
      <c r="AQ33" s="315">
        <v>0</v>
      </c>
      <c r="AR33" s="312">
        <v>2</v>
      </c>
      <c r="AS33" s="317">
        <v>2</v>
      </c>
      <c r="AT33" s="311">
        <v>0</v>
      </c>
      <c r="AU33" s="315">
        <v>0</v>
      </c>
      <c r="AV33" s="312">
        <v>0</v>
      </c>
      <c r="AW33" s="314">
        <v>0</v>
      </c>
      <c r="AX33" s="315">
        <v>0</v>
      </c>
      <c r="AY33" s="315">
        <v>0</v>
      </c>
      <c r="AZ33" s="315">
        <v>0</v>
      </c>
      <c r="BA33" s="315">
        <v>1</v>
      </c>
      <c r="BB33" s="315">
        <v>0</v>
      </c>
      <c r="BC33" s="316">
        <v>1</v>
      </c>
      <c r="BD33" s="317">
        <v>1</v>
      </c>
      <c r="BE33" s="311">
        <v>0</v>
      </c>
      <c r="BF33" s="315">
        <v>0</v>
      </c>
      <c r="BG33" s="312">
        <v>0</v>
      </c>
      <c r="BH33" s="314">
        <v>0</v>
      </c>
      <c r="BI33" s="315">
        <v>4</v>
      </c>
      <c r="BJ33" s="315">
        <v>6</v>
      </c>
      <c r="BK33" s="315">
        <v>1</v>
      </c>
      <c r="BL33" s="315">
        <v>0</v>
      </c>
      <c r="BM33" s="315">
        <v>0</v>
      </c>
      <c r="BN33" s="312">
        <v>11</v>
      </c>
      <c r="BO33" s="317">
        <v>11</v>
      </c>
      <c r="BP33" s="311">
        <v>0</v>
      </c>
      <c r="BQ33" s="315">
        <v>0</v>
      </c>
      <c r="BR33" s="312">
        <v>0</v>
      </c>
      <c r="BS33" s="314">
        <v>0</v>
      </c>
      <c r="BT33" s="315">
        <v>0</v>
      </c>
      <c r="BU33" s="315">
        <v>2</v>
      </c>
      <c r="BV33" s="315">
        <v>1</v>
      </c>
      <c r="BW33" s="315">
        <v>0</v>
      </c>
      <c r="BX33" s="315">
        <v>0</v>
      </c>
      <c r="BY33" s="312">
        <v>3</v>
      </c>
      <c r="BZ33" s="317">
        <v>3</v>
      </c>
      <c r="CA33" s="311">
        <v>0</v>
      </c>
      <c r="CB33" s="315">
        <v>0</v>
      </c>
      <c r="CC33" s="312">
        <v>0</v>
      </c>
      <c r="CD33" s="314">
        <v>0</v>
      </c>
      <c r="CE33" s="315">
        <v>1</v>
      </c>
      <c r="CF33" s="315">
        <v>1</v>
      </c>
      <c r="CG33" s="315">
        <v>1</v>
      </c>
      <c r="CH33" s="315">
        <v>0</v>
      </c>
      <c r="CI33" s="315">
        <v>0</v>
      </c>
      <c r="CJ33" s="312">
        <v>3</v>
      </c>
      <c r="CK33" s="317">
        <v>3</v>
      </c>
      <c r="CL33" s="311">
        <v>0</v>
      </c>
      <c r="CM33" s="315">
        <v>0</v>
      </c>
      <c r="CN33" s="312">
        <v>0</v>
      </c>
      <c r="CO33" s="314">
        <v>0</v>
      </c>
      <c r="CP33" s="315">
        <v>0</v>
      </c>
      <c r="CQ33" s="315">
        <v>0</v>
      </c>
      <c r="CR33" s="315">
        <v>0</v>
      </c>
      <c r="CS33" s="315">
        <v>0</v>
      </c>
      <c r="CT33" s="315">
        <v>0</v>
      </c>
      <c r="CU33" s="312">
        <v>0</v>
      </c>
      <c r="CV33" s="317">
        <v>0</v>
      </c>
      <c r="CW33" s="311">
        <v>0</v>
      </c>
      <c r="CX33" s="315">
        <v>0</v>
      </c>
      <c r="CY33" s="312">
        <v>0</v>
      </c>
      <c r="CZ33" s="314">
        <v>0</v>
      </c>
      <c r="DA33" s="315">
        <v>0</v>
      </c>
      <c r="DB33" s="315">
        <v>0</v>
      </c>
      <c r="DC33" s="315">
        <v>0</v>
      </c>
      <c r="DD33" s="315">
        <v>0</v>
      </c>
      <c r="DE33" s="315">
        <v>0</v>
      </c>
      <c r="DF33" s="312">
        <v>0</v>
      </c>
      <c r="DG33" s="317">
        <v>0</v>
      </c>
      <c r="DH33" s="311">
        <v>0</v>
      </c>
      <c r="DI33" s="315">
        <v>0</v>
      </c>
      <c r="DJ33" s="312">
        <v>0</v>
      </c>
      <c r="DK33" s="314">
        <v>0</v>
      </c>
      <c r="DL33" s="315">
        <v>0</v>
      </c>
      <c r="DM33" s="315">
        <v>0</v>
      </c>
      <c r="DN33" s="315">
        <v>0</v>
      </c>
      <c r="DO33" s="315">
        <v>0</v>
      </c>
      <c r="DP33" s="315">
        <v>0</v>
      </c>
      <c r="DQ33" s="312">
        <v>0</v>
      </c>
      <c r="DR33" s="317">
        <v>0</v>
      </c>
      <c r="DS33" s="311">
        <v>2</v>
      </c>
      <c r="DT33" s="315">
        <v>1</v>
      </c>
      <c r="DU33" s="312">
        <v>3</v>
      </c>
      <c r="DV33" s="314">
        <v>0</v>
      </c>
      <c r="DW33" s="315">
        <v>2</v>
      </c>
      <c r="DX33" s="315">
        <v>8</v>
      </c>
      <c r="DY33" s="315">
        <v>3</v>
      </c>
      <c r="DZ33" s="315">
        <v>0</v>
      </c>
      <c r="EA33" s="315">
        <v>0</v>
      </c>
      <c r="EB33" s="312">
        <v>13</v>
      </c>
      <c r="EC33" s="317">
        <v>16</v>
      </c>
      <c r="ED33" s="311">
        <v>0</v>
      </c>
      <c r="EE33" s="315">
        <v>0</v>
      </c>
      <c r="EF33" s="312">
        <v>0</v>
      </c>
      <c r="EG33" s="314">
        <v>0</v>
      </c>
      <c r="EH33" s="315">
        <v>0</v>
      </c>
      <c r="EI33" s="315">
        <v>1</v>
      </c>
      <c r="EJ33" s="315">
        <v>0</v>
      </c>
      <c r="EK33" s="315">
        <v>0</v>
      </c>
      <c r="EL33" s="315">
        <v>0</v>
      </c>
      <c r="EM33" s="312">
        <v>1</v>
      </c>
      <c r="EN33" s="317">
        <v>1</v>
      </c>
      <c r="EO33" s="311">
        <v>2</v>
      </c>
      <c r="EP33" s="315">
        <v>1</v>
      </c>
      <c r="EQ33" s="312">
        <v>3</v>
      </c>
      <c r="ER33" s="314">
        <v>0</v>
      </c>
      <c r="ES33" s="315">
        <v>6</v>
      </c>
      <c r="ET33" s="315">
        <v>12</v>
      </c>
      <c r="EU33" s="315">
        <v>3</v>
      </c>
      <c r="EV33" s="315">
        <v>0</v>
      </c>
      <c r="EW33" s="315">
        <v>0</v>
      </c>
      <c r="EX33" s="312">
        <v>21</v>
      </c>
      <c r="EY33" s="317">
        <v>24</v>
      </c>
    </row>
    <row r="34" spans="1:155" ht="19.5" customHeight="1" x14ac:dyDescent="0.2">
      <c r="A34" s="296" t="s">
        <v>32</v>
      </c>
      <c r="B34" s="311">
        <v>0</v>
      </c>
      <c r="C34" s="315">
        <v>0</v>
      </c>
      <c r="D34" s="437">
        <v>0</v>
      </c>
      <c r="E34" s="314">
        <v>0</v>
      </c>
      <c r="F34" s="315">
        <v>1</v>
      </c>
      <c r="G34" s="315">
        <v>2</v>
      </c>
      <c r="H34" s="315">
        <v>1</v>
      </c>
      <c r="I34" s="315">
        <v>2</v>
      </c>
      <c r="J34" s="315">
        <v>0</v>
      </c>
      <c r="K34" s="316">
        <v>6</v>
      </c>
      <c r="L34" s="317">
        <v>6</v>
      </c>
      <c r="M34" s="311">
        <v>0</v>
      </c>
      <c r="N34" s="315">
        <v>0</v>
      </c>
      <c r="O34" s="312">
        <v>0</v>
      </c>
      <c r="P34" s="314">
        <v>0</v>
      </c>
      <c r="Q34" s="315">
        <v>0</v>
      </c>
      <c r="R34" s="315">
        <v>0</v>
      </c>
      <c r="S34" s="315">
        <v>1</v>
      </c>
      <c r="T34" s="315">
        <v>0</v>
      </c>
      <c r="U34" s="315">
        <v>0</v>
      </c>
      <c r="V34" s="312">
        <v>1</v>
      </c>
      <c r="W34" s="317">
        <v>1</v>
      </c>
      <c r="X34" s="311">
        <v>0</v>
      </c>
      <c r="Y34" s="315">
        <v>1</v>
      </c>
      <c r="Z34" s="312">
        <v>1</v>
      </c>
      <c r="AA34" s="314">
        <v>0</v>
      </c>
      <c r="AB34" s="315">
        <v>3</v>
      </c>
      <c r="AC34" s="315">
        <v>3</v>
      </c>
      <c r="AD34" s="315">
        <v>1</v>
      </c>
      <c r="AE34" s="315">
        <v>0</v>
      </c>
      <c r="AF34" s="315">
        <v>1</v>
      </c>
      <c r="AG34" s="312">
        <v>8</v>
      </c>
      <c r="AH34" s="317">
        <v>9</v>
      </c>
      <c r="AI34" s="311">
        <v>0</v>
      </c>
      <c r="AJ34" s="315">
        <v>0</v>
      </c>
      <c r="AK34" s="312">
        <v>0</v>
      </c>
      <c r="AL34" s="314">
        <v>0</v>
      </c>
      <c r="AM34" s="315">
        <v>0</v>
      </c>
      <c r="AN34" s="315">
        <v>0</v>
      </c>
      <c r="AO34" s="315">
        <v>0</v>
      </c>
      <c r="AP34" s="315">
        <v>0</v>
      </c>
      <c r="AQ34" s="315">
        <v>0</v>
      </c>
      <c r="AR34" s="312">
        <v>0</v>
      </c>
      <c r="AS34" s="317">
        <v>0</v>
      </c>
      <c r="AT34" s="311">
        <v>0</v>
      </c>
      <c r="AU34" s="315">
        <v>0</v>
      </c>
      <c r="AV34" s="312">
        <v>0</v>
      </c>
      <c r="AW34" s="314">
        <v>0</v>
      </c>
      <c r="AX34" s="315">
        <v>0</v>
      </c>
      <c r="AY34" s="315">
        <v>2</v>
      </c>
      <c r="AZ34" s="315">
        <v>5</v>
      </c>
      <c r="BA34" s="315">
        <v>3</v>
      </c>
      <c r="BB34" s="315">
        <v>0</v>
      </c>
      <c r="BC34" s="316">
        <v>10</v>
      </c>
      <c r="BD34" s="317">
        <v>10</v>
      </c>
      <c r="BE34" s="311">
        <v>0</v>
      </c>
      <c r="BF34" s="315">
        <v>0</v>
      </c>
      <c r="BG34" s="312">
        <v>0</v>
      </c>
      <c r="BH34" s="314">
        <v>0</v>
      </c>
      <c r="BI34" s="315">
        <v>3</v>
      </c>
      <c r="BJ34" s="315">
        <v>2</v>
      </c>
      <c r="BK34" s="315">
        <v>1</v>
      </c>
      <c r="BL34" s="315">
        <v>0</v>
      </c>
      <c r="BM34" s="315">
        <v>0</v>
      </c>
      <c r="BN34" s="312">
        <v>6</v>
      </c>
      <c r="BO34" s="317">
        <v>6</v>
      </c>
      <c r="BP34" s="311">
        <v>0</v>
      </c>
      <c r="BQ34" s="315">
        <v>0</v>
      </c>
      <c r="BR34" s="312">
        <v>0</v>
      </c>
      <c r="BS34" s="314">
        <v>0</v>
      </c>
      <c r="BT34" s="315">
        <v>2</v>
      </c>
      <c r="BU34" s="315">
        <v>0</v>
      </c>
      <c r="BV34" s="315">
        <v>0</v>
      </c>
      <c r="BW34" s="315">
        <v>0</v>
      </c>
      <c r="BX34" s="315">
        <v>1</v>
      </c>
      <c r="BY34" s="312">
        <v>3</v>
      </c>
      <c r="BZ34" s="317">
        <v>3</v>
      </c>
      <c r="CA34" s="311">
        <v>0</v>
      </c>
      <c r="CB34" s="315">
        <v>0</v>
      </c>
      <c r="CC34" s="312">
        <v>0</v>
      </c>
      <c r="CD34" s="314">
        <v>0</v>
      </c>
      <c r="CE34" s="315">
        <v>1</v>
      </c>
      <c r="CF34" s="315">
        <v>0</v>
      </c>
      <c r="CG34" s="315">
        <v>1</v>
      </c>
      <c r="CH34" s="315">
        <v>0</v>
      </c>
      <c r="CI34" s="315">
        <v>0</v>
      </c>
      <c r="CJ34" s="312">
        <v>2</v>
      </c>
      <c r="CK34" s="317">
        <v>2</v>
      </c>
      <c r="CL34" s="311">
        <v>0</v>
      </c>
      <c r="CM34" s="315">
        <v>0</v>
      </c>
      <c r="CN34" s="312">
        <v>0</v>
      </c>
      <c r="CO34" s="314">
        <v>0</v>
      </c>
      <c r="CP34" s="315">
        <v>0</v>
      </c>
      <c r="CQ34" s="315">
        <v>0</v>
      </c>
      <c r="CR34" s="315">
        <v>0</v>
      </c>
      <c r="CS34" s="315">
        <v>0</v>
      </c>
      <c r="CT34" s="315">
        <v>0</v>
      </c>
      <c r="CU34" s="312">
        <v>0</v>
      </c>
      <c r="CV34" s="317">
        <v>0</v>
      </c>
      <c r="CW34" s="311">
        <v>0</v>
      </c>
      <c r="CX34" s="315">
        <v>0</v>
      </c>
      <c r="CY34" s="312">
        <v>0</v>
      </c>
      <c r="CZ34" s="314">
        <v>0</v>
      </c>
      <c r="DA34" s="315">
        <v>0</v>
      </c>
      <c r="DB34" s="315">
        <v>0</v>
      </c>
      <c r="DC34" s="315">
        <v>0</v>
      </c>
      <c r="DD34" s="315">
        <v>0</v>
      </c>
      <c r="DE34" s="315">
        <v>0</v>
      </c>
      <c r="DF34" s="312">
        <v>0</v>
      </c>
      <c r="DG34" s="317">
        <v>0</v>
      </c>
      <c r="DH34" s="311">
        <v>0</v>
      </c>
      <c r="DI34" s="315">
        <v>0</v>
      </c>
      <c r="DJ34" s="312">
        <v>0</v>
      </c>
      <c r="DK34" s="314">
        <v>0</v>
      </c>
      <c r="DL34" s="315">
        <v>0</v>
      </c>
      <c r="DM34" s="315">
        <v>0</v>
      </c>
      <c r="DN34" s="315">
        <v>0</v>
      </c>
      <c r="DO34" s="315">
        <v>0</v>
      </c>
      <c r="DP34" s="315">
        <v>0</v>
      </c>
      <c r="DQ34" s="312">
        <v>0</v>
      </c>
      <c r="DR34" s="317">
        <v>0</v>
      </c>
      <c r="DS34" s="311">
        <v>0</v>
      </c>
      <c r="DT34" s="315">
        <v>2</v>
      </c>
      <c r="DU34" s="312">
        <v>2</v>
      </c>
      <c r="DV34" s="314">
        <v>0</v>
      </c>
      <c r="DW34" s="315">
        <v>6</v>
      </c>
      <c r="DX34" s="315">
        <v>6</v>
      </c>
      <c r="DY34" s="315">
        <v>5</v>
      </c>
      <c r="DZ34" s="315">
        <v>2</v>
      </c>
      <c r="EA34" s="315">
        <v>1</v>
      </c>
      <c r="EB34" s="312">
        <v>20</v>
      </c>
      <c r="EC34" s="317">
        <v>22</v>
      </c>
      <c r="ED34" s="311">
        <v>0</v>
      </c>
      <c r="EE34" s="315">
        <v>1</v>
      </c>
      <c r="EF34" s="312">
        <v>1</v>
      </c>
      <c r="EG34" s="314">
        <v>0</v>
      </c>
      <c r="EH34" s="315">
        <v>0</v>
      </c>
      <c r="EI34" s="315">
        <v>1</v>
      </c>
      <c r="EJ34" s="315">
        <v>1</v>
      </c>
      <c r="EK34" s="315">
        <v>2</v>
      </c>
      <c r="EL34" s="315">
        <v>0</v>
      </c>
      <c r="EM34" s="312">
        <v>4</v>
      </c>
      <c r="EN34" s="317">
        <v>5</v>
      </c>
      <c r="EO34" s="311">
        <v>0</v>
      </c>
      <c r="EP34" s="315">
        <v>2</v>
      </c>
      <c r="EQ34" s="312">
        <v>2</v>
      </c>
      <c r="ER34" s="314">
        <v>0</v>
      </c>
      <c r="ES34" s="315">
        <v>11</v>
      </c>
      <c r="ET34" s="315">
        <v>8</v>
      </c>
      <c r="EU34" s="315">
        <v>5</v>
      </c>
      <c r="EV34" s="315">
        <v>2</v>
      </c>
      <c r="EW34" s="315">
        <v>1</v>
      </c>
      <c r="EX34" s="312">
        <v>27</v>
      </c>
      <c r="EY34" s="317">
        <v>29</v>
      </c>
    </row>
    <row r="35" spans="1:155" ht="19.5" customHeight="1" x14ac:dyDescent="0.2">
      <c r="A35" s="296" t="s">
        <v>33</v>
      </c>
      <c r="B35" s="311">
        <v>0</v>
      </c>
      <c r="C35" s="315">
        <v>0</v>
      </c>
      <c r="D35" s="437">
        <v>0</v>
      </c>
      <c r="E35" s="314">
        <v>0</v>
      </c>
      <c r="F35" s="315">
        <v>1</v>
      </c>
      <c r="G35" s="315">
        <v>0</v>
      </c>
      <c r="H35" s="315">
        <v>0</v>
      </c>
      <c r="I35" s="315">
        <v>0</v>
      </c>
      <c r="J35" s="315">
        <v>0</v>
      </c>
      <c r="K35" s="316">
        <v>1</v>
      </c>
      <c r="L35" s="317">
        <v>1</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0</v>
      </c>
      <c r="AC35" s="315">
        <v>0</v>
      </c>
      <c r="AD35" s="315">
        <v>1</v>
      </c>
      <c r="AE35" s="315">
        <v>0</v>
      </c>
      <c r="AF35" s="315">
        <v>0</v>
      </c>
      <c r="AG35" s="312">
        <v>1</v>
      </c>
      <c r="AH35" s="317">
        <v>1</v>
      </c>
      <c r="AI35" s="311">
        <v>2</v>
      </c>
      <c r="AJ35" s="315">
        <v>1</v>
      </c>
      <c r="AK35" s="312">
        <v>3</v>
      </c>
      <c r="AL35" s="314">
        <v>0</v>
      </c>
      <c r="AM35" s="315">
        <v>0</v>
      </c>
      <c r="AN35" s="315">
        <v>0</v>
      </c>
      <c r="AO35" s="315">
        <v>0</v>
      </c>
      <c r="AP35" s="315">
        <v>0</v>
      </c>
      <c r="AQ35" s="315">
        <v>0</v>
      </c>
      <c r="AR35" s="312">
        <v>0</v>
      </c>
      <c r="AS35" s="317">
        <v>3</v>
      </c>
      <c r="AT35" s="311">
        <v>0</v>
      </c>
      <c r="AU35" s="315">
        <v>0</v>
      </c>
      <c r="AV35" s="312">
        <v>0</v>
      </c>
      <c r="AW35" s="314">
        <v>0</v>
      </c>
      <c r="AX35" s="315">
        <v>1</v>
      </c>
      <c r="AY35" s="315">
        <v>0</v>
      </c>
      <c r="AZ35" s="315">
        <v>0</v>
      </c>
      <c r="BA35" s="315">
        <v>0</v>
      </c>
      <c r="BB35" s="315">
        <v>1</v>
      </c>
      <c r="BC35" s="316">
        <v>2</v>
      </c>
      <c r="BD35" s="317">
        <v>2</v>
      </c>
      <c r="BE35" s="311">
        <v>0</v>
      </c>
      <c r="BF35" s="315">
        <v>0</v>
      </c>
      <c r="BG35" s="312">
        <v>0</v>
      </c>
      <c r="BH35" s="314">
        <v>0</v>
      </c>
      <c r="BI35" s="315">
        <v>0</v>
      </c>
      <c r="BJ35" s="315">
        <v>0</v>
      </c>
      <c r="BK35" s="315">
        <v>0</v>
      </c>
      <c r="BL35" s="315">
        <v>0</v>
      </c>
      <c r="BM35" s="315">
        <v>0</v>
      </c>
      <c r="BN35" s="312">
        <v>0</v>
      </c>
      <c r="BO35" s="317">
        <v>0</v>
      </c>
      <c r="BP35" s="311">
        <v>1</v>
      </c>
      <c r="BQ35" s="315">
        <v>0</v>
      </c>
      <c r="BR35" s="312">
        <v>1</v>
      </c>
      <c r="BS35" s="314">
        <v>0</v>
      </c>
      <c r="BT35" s="315">
        <v>1</v>
      </c>
      <c r="BU35" s="315">
        <v>2</v>
      </c>
      <c r="BV35" s="315">
        <v>0</v>
      </c>
      <c r="BW35" s="315">
        <v>0</v>
      </c>
      <c r="BX35" s="315">
        <v>0</v>
      </c>
      <c r="BY35" s="312">
        <v>3</v>
      </c>
      <c r="BZ35" s="317">
        <v>4</v>
      </c>
      <c r="CA35" s="311">
        <v>0</v>
      </c>
      <c r="CB35" s="315">
        <v>0</v>
      </c>
      <c r="CC35" s="312">
        <v>0</v>
      </c>
      <c r="CD35" s="314">
        <v>0</v>
      </c>
      <c r="CE35" s="315">
        <v>0</v>
      </c>
      <c r="CF35" s="315">
        <v>0</v>
      </c>
      <c r="CG35" s="315">
        <v>0</v>
      </c>
      <c r="CH35" s="315">
        <v>0</v>
      </c>
      <c r="CI35" s="315">
        <v>0</v>
      </c>
      <c r="CJ35" s="312">
        <v>0</v>
      </c>
      <c r="CK35" s="317">
        <v>0</v>
      </c>
      <c r="CL35" s="311">
        <v>0</v>
      </c>
      <c r="CM35" s="315">
        <v>0</v>
      </c>
      <c r="CN35" s="312">
        <v>0</v>
      </c>
      <c r="CO35" s="314">
        <v>0</v>
      </c>
      <c r="CP35" s="315">
        <v>0</v>
      </c>
      <c r="CQ35" s="315">
        <v>1</v>
      </c>
      <c r="CR35" s="315">
        <v>0</v>
      </c>
      <c r="CS35" s="315">
        <v>0</v>
      </c>
      <c r="CT35" s="315">
        <v>0</v>
      </c>
      <c r="CU35" s="312">
        <v>1</v>
      </c>
      <c r="CV35" s="317">
        <v>1</v>
      </c>
      <c r="CW35" s="311">
        <v>0</v>
      </c>
      <c r="CX35" s="315">
        <v>0</v>
      </c>
      <c r="CY35" s="312">
        <v>0</v>
      </c>
      <c r="CZ35" s="314">
        <v>0</v>
      </c>
      <c r="DA35" s="315">
        <v>0</v>
      </c>
      <c r="DB35" s="315">
        <v>0</v>
      </c>
      <c r="DC35" s="315">
        <v>0</v>
      </c>
      <c r="DD35" s="315">
        <v>0</v>
      </c>
      <c r="DE35" s="315">
        <v>0</v>
      </c>
      <c r="DF35" s="312">
        <v>0</v>
      </c>
      <c r="DG35" s="317">
        <v>0</v>
      </c>
      <c r="DH35" s="311">
        <v>0</v>
      </c>
      <c r="DI35" s="315">
        <v>0</v>
      </c>
      <c r="DJ35" s="312">
        <v>0</v>
      </c>
      <c r="DK35" s="314">
        <v>0</v>
      </c>
      <c r="DL35" s="315">
        <v>0</v>
      </c>
      <c r="DM35" s="315">
        <v>0</v>
      </c>
      <c r="DN35" s="315">
        <v>0</v>
      </c>
      <c r="DO35" s="315">
        <v>0</v>
      </c>
      <c r="DP35" s="315">
        <v>0</v>
      </c>
      <c r="DQ35" s="312">
        <v>0</v>
      </c>
      <c r="DR35" s="317">
        <v>0</v>
      </c>
      <c r="DS35" s="311">
        <v>1</v>
      </c>
      <c r="DT35" s="315">
        <v>0</v>
      </c>
      <c r="DU35" s="312">
        <v>1</v>
      </c>
      <c r="DV35" s="314">
        <v>0</v>
      </c>
      <c r="DW35" s="315">
        <v>3</v>
      </c>
      <c r="DX35" s="315">
        <v>2</v>
      </c>
      <c r="DY35" s="315">
        <v>1</v>
      </c>
      <c r="DZ35" s="315">
        <v>0</v>
      </c>
      <c r="EA35" s="315">
        <v>0</v>
      </c>
      <c r="EB35" s="312">
        <v>6</v>
      </c>
      <c r="EC35" s="317">
        <v>7</v>
      </c>
      <c r="ED35" s="311">
        <v>0</v>
      </c>
      <c r="EE35" s="315">
        <v>0</v>
      </c>
      <c r="EF35" s="312">
        <v>0</v>
      </c>
      <c r="EG35" s="314">
        <v>0</v>
      </c>
      <c r="EH35" s="315">
        <v>0</v>
      </c>
      <c r="EI35" s="315">
        <v>0</v>
      </c>
      <c r="EJ35" s="315">
        <v>0</v>
      </c>
      <c r="EK35" s="315">
        <v>0</v>
      </c>
      <c r="EL35" s="315">
        <v>1</v>
      </c>
      <c r="EM35" s="312">
        <v>1</v>
      </c>
      <c r="EN35" s="317">
        <v>1</v>
      </c>
      <c r="EO35" s="311">
        <v>3</v>
      </c>
      <c r="EP35" s="315">
        <v>1</v>
      </c>
      <c r="EQ35" s="312">
        <v>4</v>
      </c>
      <c r="ER35" s="314">
        <v>0</v>
      </c>
      <c r="ES35" s="315">
        <v>5</v>
      </c>
      <c r="ET35" s="315">
        <v>2</v>
      </c>
      <c r="EU35" s="315">
        <v>1</v>
      </c>
      <c r="EV35" s="315">
        <v>0</v>
      </c>
      <c r="EW35" s="315">
        <v>0</v>
      </c>
      <c r="EX35" s="312">
        <v>8</v>
      </c>
      <c r="EY35" s="317">
        <v>12</v>
      </c>
    </row>
    <row r="36" spans="1:155" ht="19.5" customHeight="1" x14ac:dyDescent="0.2">
      <c r="A36" s="296" t="s">
        <v>34</v>
      </c>
      <c r="B36" s="311">
        <v>0</v>
      </c>
      <c r="C36" s="315">
        <v>0</v>
      </c>
      <c r="D36" s="437">
        <v>0</v>
      </c>
      <c r="E36" s="314">
        <v>0</v>
      </c>
      <c r="F36" s="315">
        <v>1</v>
      </c>
      <c r="G36" s="315">
        <v>1</v>
      </c>
      <c r="H36" s="315">
        <v>1</v>
      </c>
      <c r="I36" s="315">
        <v>0</v>
      </c>
      <c r="J36" s="315">
        <v>0</v>
      </c>
      <c r="K36" s="316">
        <v>3</v>
      </c>
      <c r="L36" s="317">
        <v>3</v>
      </c>
      <c r="M36" s="311">
        <v>0</v>
      </c>
      <c r="N36" s="315">
        <v>0</v>
      </c>
      <c r="O36" s="312">
        <v>0</v>
      </c>
      <c r="P36" s="314">
        <v>0</v>
      </c>
      <c r="Q36" s="315">
        <v>0</v>
      </c>
      <c r="R36" s="315">
        <v>0</v>
      </c>
      <c r="S36" s="315">
        <v>0</v>
      </c>
      <c r="T36" s="315">
        <v>0</v>
      </c>
      <c r="U36" s="315">
        <v>0</v>
      </c>
      <c r="V36" s="312">
        <v>0</v>
      </c>
      <c r="W36" s="317">
        <v>0</v>
      </c>
      <c r="X36" s="311">
        <v>0</v>
      </c>
      <c r="Y36" s="315">
        <v>1</v>
      </c>
      <c r="Z36" s="312">
        <v>1</v>
      </c>
      <c r="AA36" s="314">
        <v>0</v>
      </c>
      <c r="AB36" s="315">
        <v>0</v>
      </c>
      <c r="AC36" s="315">
        <v>0</v>
      </c>
      <c r="AD36" s="315">
        <v>1</v>
      </c>
      <c r="AE36" s="315">
        <v>0</v>
      </c>
      <c r="AF36" s="315">
        <v>0</v>
      </c>
      <c r="AG36" s="312">
        <v>1</v>
      </c>
      <c r="AH36" s="317">
        <v>2</v>
      </c>
      <c r="AI36" s="311">
        <v>0</v>
      </c>
      <c r="AJ36" s="315">
        <v>0</v>
      </c>
      <c r="AK36" s="312">
        <v>0</v>
      </c>
      <c r="AL36" s="314">
        <v>0</v>
      </c>
      <c r="AM36" s="315">
        <v>0</v>
      </c>
      <c r="AN36" s="315">
        <v>1</v>
      </c>
      <c r="AO36" s="315">
        <v>0</v>
      </c>
      <c r="AP36" s="315">
        <v>0</v>
      </c>
      <c r="AQ36" s="315">
        <v>0</v>
      </c>
      <c r="AR36" s="312">
        <v>1</v>
      </c>
      <c r="AS36" s="317">
        <v>1</v>
      </c>
      <c r="AT36" s="311">
        <v>0</v>
      </c>
      <c r="AU36" s="315">
        <v>0</v>
      </c>
      <c r="AV36" s="312">
        <v>0</v>
      </c>
      <c r="AW36" s="314">
        <v>0</v>
      </c>
      <c r="AX36" s="315">
        <v>3</v>
      </c>
      <c r="AY36" s="315">
        <v>0</v>
      </c>
      <c r="AZ36" s="315">
        <v>2</v>
      </c>
      <c r="BA36" s="315">
        <v>0</v>
      </c>
      <c r="BB36" s="315">
        <v>1</v>
      </c>
      <c r="BC36" s="316">
        <v>6</v>
      </c>
      <c r="BD36" s="317">
        <v>6</v>
      </c>
      <c r="BE36" s="311">
        <v>0</v>
      </c>
      <c r="BF36" s="315">
        <v>0</v>
      </c>
      <c r="BG36" s="312">
        <v>0</v>
      </c>
      <c r="BH36" s="314">
        <v>0</v>
      </c>
      <c r="BI36" s="315">
        <v>2</v>
      </c>
      <c r="BJ36" s="315">
        <v>2</v>
      </c>
      <c r="BK36" s="315">
        <v>0</v>
      </c>
      <c r="BL36" s="315">
        <v>0</v>
      </c>
      <c r="BM36" s="315">
        <v>0</v>
      </c>
      <c r="BN36" s="312">
        <v>4</v>
      </c>
      <c r="BO36" s="317">
        <v>4</v>
      </c>
      <c r="BP36" s="311">
        <v>0</v>
      </c>
      <c r="BQ36" s="315">
        <v>0</v>
      </c>
      <c r="BR36" s="312">
        <v>0</v>
      </c>
      <c r="BS36" s="314">
        <v>0</v>
      </c>
      <c r="BT36" s="315">
        <v>2</v>
      </c>
      <c r="BU36" s="315">
        <v>0</v>
      </c>
      <c r="BV36" s="315">
        <v>0</v>
      </c>
      <c r="BW36" s="315">
        <v>0</v>
      </c>
      <c r="BX36" s="315">
        <v>0</v>
      </c>
      <c r="BY36" s="312">
        <v>2</v>
      </c>
      <c r="BZ36" s="317">
        <v>2</v>
      </c>
      <c r="CA36" s="311">
        <v>0</v>
      </c>
      <c r="CB36" s="315">
        <v>0</v>
      </c>
      <c r="CC36" s="312">
        <v>0</v>
      </c>
      <c r="CD36" s="314">
        <v>0</v>
      </c>
      <c r="CE36" s="315">
        <v>0</v>
      </c>
      <c r="CF36" s="315">
        <v>0</v>
      </c>
      <c r="CG36" s="315">
        <v>0</v>
      </c>
      <c r="CH36" s="315">
        <v>0</v>
      </c>
      <c r="CI36" s="315">
        <v>0</v>
      </c>
      <c r="CJ36" s="312">
        <v>0</v>
      </c>
      <c r="CK36" s="317">
        <v>0</v>
      </c>
      <c r="CL36" s="311">
        <v>0</v>
      </c>
      <c r="CM36" s="315">
        <v>0</v>
      </c>
      <c r="CN36" s="312">
        <v>0</v>
      </c>
      <c r="CO36" s="314">
        <v>0</v>
      </c>
      <c r="CP36" s="315">
        <v>0</v>
      </c>
      <c r="CQ36" s="315">
        <v>0</v>
      </c>
      <c r="CR36" s="315">
        <v>0</v>
      </c>
      <c r="CS36" s="315">
        <v>0</v>
      </c>
      <c r="CT36" s="315">
        <v>0</v>
      </c>
      <c r="CU36" s="312">
        <v>0</v>
      </c>
      <c r="CV36" s="317">
        <v>0</v>
      </c>
      <c r="CW36" s="311">
        <v>0</v>
      </c>
      <c r="CX36" s="315">
        <v>0</v>
      </c>
      <c r="CY36" s="312">
        <v>0</v>
      </c>
      <c r="CZ36" s="314">
        <v>0</v>
      </c>
      <c r="DA36" s="315">
        <v>0</v>
      </c>
      <c r="DB36" s="315">
        <v>0</v>
      </c>
      <c r="DC36" s="315">
        <v>0</v>
      </c>
      <c r="DD36" s="315">
        <v>0</v>
      </c>
      <c r="DE36" s="315">
        <v>0</v>
      </c>
      <c r="DF36" s="312">
        <v>0</v>
      </c>
      <c r="DG36" s="317">
        <v>0</v>
      </c>
      <c r="DH36" s="311">
        <v>0</v>
      </c>
      <c r="DI36" s="315">
        <v>0</v>
      </c>
      <c r="DJ36" s="312">
        <v>0</v>
      </c>
      <c r="DK36" s="314">
        <v>0</v>
      </c>
      <c r="DL36" s="315">
        <v>0</v>
      </c>
      <c r="DM36" s="315">
        <v>0</v>
      </c>
      <c r="DN36" s="315">
        <v>0</v>
      </c>
      <c r="DO36" s="315">
        <v>0</v>
      </c>
      <c r="DP36" s="315">
        <v>0</v>
      </c>
      <c r="DQ36" s="312">
        <v>0</v>
      </c>
      <c r="DR36" s="317">
        <v>0</v>
      </c>
      <c r="DS36" s="311">
        <v>0</v>
      </c>
      <c r="DT36" s="315">
        <v>0</v>
      </c>
      <c r="DU36" s="312">
        <v>0</v>
      </c>
      <c r="DV36" s="314">
        <v>0</v>
      </c>
      <c r="DW36" s="315">
        <v>3</v>
      </c>
      <c r="DX36" s="315">
        <v>2</v>
      </c>
      <c r="DY36" s="315">
        <v>3</v>
      </c>
      <c r="DZ36" s="315">
        <v>0</v>
      </c>
      <c r="EA36" s="315">
        <v>0</v>
      </c>
      <c r="EB36" s="312">
        <v>8</v>
      </c>
      <c r="EC36" s="317">
        <v>8</v>
      </c>
      <c r="ED36" s="311">
        <v>0</v>
      </c>
      <c r="EE36" s="315">
        <v>0</v>
      </c>
      <c r="EF36" s="312">
        <v>0</v>
      </c>
      <c r="EG36" s="314">
        <v>0</v>
      </c>
      <c r="EH36" s="315">
        <v>1</v>
      </c>
      <c r="EI36" s="315">
        <v>0</v>
      </c>
      <c r="EJ36" s="315">
        <v>1</v>
      </c>
      <c r="EK36" s="315">
        <v>0</v>
      </c>
      <c r="EL36" s="315">
        <v>1</v>
      </c>
      <c r="EM36" s="312">
        <v>3</v>
      </c>
      <c r="EN36" s="317">
        <v>3</v>
      </c>
      <c r="EO36" s="311">
        <v>0</v>
      </c>
      <c r="EP36" s="315">
        <v>1</v>
      </c>
      <c r="EQ36" s="312">
        <v>1</v>
      </c>
      <c r="ER36" s="314">
        <v>0</v>
      </c>
      <c r="ES36" s="315">
        <v>6</v>
      </c>
      <c r="ET36" s="315">
        <v>3</v>
      </c>
      <c r="EU36" s="315">
        <v>2</v>
      </c>
      <c r="EV36" s="315">
        <v>0</v>
      </c>
      <c r="EW36" s="315">
        <v>0</v>
      </c>
      <c r="EX36" s="312">
        <v>11</v>
      </c>
      <c r="EY36" s="317">
        <v>12</v>
      </c>
    </row>
    <row r="37" spans="1:155" ht="19.5" customHeight="1" x14ac:dyDescent="0.2">
      <c r="A37" s="296" t="s">
        <v>35</v>
      </c>
      <c r="B37" s="311">
        <v>0</v>
      </c>
      <c r="C37" s="315">
        <v>0</v>
      </c>
      <c r="D37" s="437">
        <v>0</v>
      </c>
      <c r="E37" s="314">
        <v>0</v>
      </c>
      <c r="F37" s="315">
        <v>3</v>
      </c>
      <c r="G37" s="315">
        <v>4</v>
      </c>
      <c r="H37" s="315">
        <v>0</v>
      </c>
      <c r="I37" s="315">
        <v>0</v>
      </c>
      <c r="J37" s="315">
        <v>1</v>
      </c>
      <c r="K37" s="316">
        <v>8</v>
      </c>
      <c r="L37" s="317">
        <v>8</v>
      </c>
      <c r="M37" s="311">
        <v>0</v>
      </c>
      <c r="N37" s="315">
        <v>0</v>
      </c>
      <c r="O37" s="312">
        <v>0</v>
      </c>
      <c r="P37" s="314">
        <v>0</v>
      </c>
      <c r="Q37" s="315">
        <v>0</v>
      </c>
      <c r="R37" s="315">
        <v>0</v>
      </c>
      <c r="S37" s="315">
        <v>0</v>
      </c>
      <c r="T37" s="315">
        <v>0</v>
      </c>
      <c r="U37" s="315">
        <v>1</v>
      </c>
      <c r="V37" s="312">
        <v>1</v>
      </c>
      <c r="W37" s="317">
        <v>1</v>
      </c>
      <c r="X37" s="311">
        <v>0</v>
      </c>
      <c r="Y37" s="315">
        <v>0</v>
      </c>
      <c r="Z37" s="312">
        <v>0</v>
      </c>
      <c r="AA37" s="314">
        <v>0</v>
      </c>
      <c r="AB37" s="315">
        <v>0</v>
      </c>
      <c r="AC37" s="315">
        <v>4</v>
      </c>
      <c r="AD37" s="315">
        <v>0</v>
      </c>
      <c r="AE37" s="315">
        <v>0</v>
      </c>
      <c r="AF37" s="315">
        <v>0</v>
      </c>
      <c r="AG37" s="312">
        <v>4</v>
      </c>
      <c r="AH37" s="317">
        <v>4</v>
      </c>
      <c r="AI37" s="311">
        <v>0</v>
      </c>
      <c r="AJ37" s="315">
        <v>0</v>
      </c>
      <c r="AK37" s="312">
        <v>0</v>
      </c>
      <c r="AL37" s="314">
        <v>0</v>
      </c>
      <c r="AM37" s="315">
        <v>2</v>
      </c>
      <c r="AN37" s="315">
        <v>1</v>
      </c>
      <c r="AO37" s="315">
        <v>0</v>
      </c>
      <c r="AP37" s="315">
        <v>0</v>
      </c>
      <c r="AQ37" s="315">
        <v>0</v>
      </c>
      <c r="AR37" s="312">
        <v>3</v>
      </c>
      <c r="AS37" s="317">
        <v>3</v>
      </c>
      <c r="AT37" s="311">
        <v>3</v>
      </c>
      <c r="AU37" s="315">
        <v>1</v>
      </c>
      <c r="AV37" s="312">
        <v>4</v>
      </c>
      <c r="AW37" s="314">
        <v>0</v>
      </c>
      <c r="AX37" s="315">
        <v>5</v>
      </c>
      <c r="AY37" s="315">
        <v>9</v>
      </c>
      <c r="AZ37" s="315">
        <v>3</v>
      </c>
      <c r="BA37" s="315">
        <v>2</v>
      </c>
      <c r="BB37" s="315">
        <v>2</v>
      </c>
      <c r="BC37" s="316">
        <v>21</v>
      </c>
      <c r="BD37" s="317">
        <v>25</v>
      </c>
      <c r="BE37" s="311">
        <v>0</v>
      </c>
      <c r="BF37" s="315">
        <v>0</v>
      </c>
      <c r="BG37" s="312">
        <v>0</v>
      </c>
      <c r="BH37" s="314">
        <v>0</v>
      </c>
      <c r="BI37" s="315">
        <v>5</v>
      </c>
      <c r="BJ37" s="315">
        <v>5</v>
      </c>
      <c r="BK37" s="315">
        <v>1</v>
      </c>
      <c r="BL37" s="315">
        <v>0</v>
      </c>
      <c r="BM37" s="315">
        <v>0</v>
      </c>
      <c r="BN37" s="312">
        <v>11</v>
      </c>
      <c r="BO37" s="317">
        <v>11</v>
      </c>
      <c r="BP37" s="311">
        <v>2</v>
      </c>
      <c r="BQ37" s="315">
        <v>0</v>
      </c>
      <c r="BR37" s="312">
        <v>2</v>
      </c>
      <c r="BS37" s="314">
        <v>0</v>
      </c>
      <c r="BT37" s="315">
        <v>1</v>
      </c>
      <c r="BU37" s="315">
        <v>1</v>
      </c>
      <c r="BV37" s="315">
        <v>0</v>
      </c>
      <c r="BW37" s="315">
        <v>1</v>
      </c>
      <c r="BX37" s="315">
        <v>0</v>
      </c>
      <c r="BY37" s="312">
        <v>3</v>
      </c>
      <c r="BZ37" s="317">
        <v>5</v>
      </c>
      <c r="CA37" s="311">
        <v>0</v>
      </c>
      <c r="CB37" s="315">
        <v>0</v>
      </c>
      <c r="CC37" s="312">
        <v>0</v>
      </c>
      <c r="CD37" s="314">
        <v>0</v>
      </c>
      <c r="CE37" s="315">
        <v>0</v>
      </c>
      <c r="CF37" s="315">
        <v>1</v>
      </c>
      <c r="CG37" s="315">
        <v>0</v>
      </c>
      <c r="CH37" s="315">
        <v>0</v>
      </c>
      <c r="CI37" s="315">
        <v>0</v>
      </c>
      <c r="CJ37" s="312">
        <v>1</v>
      </c>
      <c r="CK37" s="317">
        <v>1</v>
      </c>
      <c r="CL37" s="311">
        <v>0</v>
      </c>
      <c r="CM37" s="315">
        <v>0</v>
      </c>
      <c r="CN37" s="312">
        <v>0</v>
      </c>
      <c r="CO37" s="314">
        <v>0</v>
      </c>
      <c r="CP37" s="315">
        <v>0</v>
      </c>
      <c r="CQ37" s="315">
        <v>0</v>
      </c>
      <c r="CR37" s="315">
        <v>0</v>
      </c>
      <c r="CS37" s="315">
        <v>1</v>
      </c>
      <c r="CT37" s="315">
        <v>0</v>
      </c>
      <c r="CU37" s="312">
        <v>1</v>
      </c>
      <c r="CV37" s="317">
        <v>1</v>
      </c>
      <c r="CW37" s="311">
        <v>0</v>
      </c>
      <c r="CX37" s="315">
        <v>0</v>
      </c>
      <c r="CY37" s="312">
        <v>0</v>
      </c>
      <c r="CZ37" s="314">
        <v>0</v>
      </c>
      <c r="DA37" s="315">
        <v>0</v>
      </c>
      <c r="DB37" s="315">
        <v>0</v>
      </c>
      <c r="DC37" s="315">
        <v>0</v>
      </c>
      <c r="DD37" s="315">
        <v>0</v>
      </c>
      <c r="DE37" s="315">
        <v>0</v>
      </c>
      <c r="DF37" s="312">
        <v>0</v>
      </c>
      <c r="DG37" s="317">
        <v>0</v>
      </c>
      <c r="DH37" s="311">
        <v>0</v>
      </c>
      <c r="DI37" s="315">
        <v>0</v>
      </c>
      <c r="DJ37" s="312">
        <v>0</v>
      </c>
      <c r="DK37" s="314">
        <v>0</v>
      </c>
      <c r="DL37" s="315">
        <v>0</v>
      </c>
      <c r="DM37" s="315">
        <v>0</v>
      </c>
      <c r="DN37" s="315">
        <v>0</v>
      </c>
      <c r="DO37" s="315">
        <v>0</v>
      </c>
      <c r="DP37" s="315">
        <v>0</v>
      </c>
      <c r="DQ37" s="312">
        <v>0</v>
      </c>
      <c r="DR37" s="317">
        <v>0</v>
      </c>
      <c r="DS37" s="311">
        <v>0</v>
      </c>
      <c r="DT37" s="315">
        <v>1</v>
      </c>
      <c r="DU37" s="312">
        <v>1</v>
      </c>
      <c r="DV37" s="314">
        <v>0</v>
      </c>
      <c r="DW37" s="315">
        <v>5</v>
      </c>
      <c r="DX37" s="315">
        <v>9</v>
      </c>
      <c r="DY37" s="315">
        <v>1</v>
      </c>
      <c r="DZ37" s="315">
        <v>2</v>
      </c>
      <c r="EA37" s="315">
        <v>1</v>
      </c>
      <c r="EB37" s="312">
        <v>18</v>
      </c>
      <c r="EC37" s="317">
        <v>19</v>
      </c>
      <c r="ED37" s="311">
        <v>3</v>
      </c>
      <c r="EE37" s="315">
        <v>0</v>
      </c>
      <c r="EF37" s="312">
        <v>3</v>
      </c>
      <c r="EG37" s="314">
        <v>0</v>
      </c>
      <c r="EH37" s="315">
        <v>5</v>
      </c>
      <c r="EI37" s="315">
        <v>2</v>
      </c>
      <c r="EJ37" s="315">
        <v>2</v>
      </c>
      <c r="EK37" s="315">
        <v>2</v>
      </c>
      <c r="EL37" s="315">
        <v>1</v>
      </c>
      <c r="EM37" s="312">
        <v>12</v>
      </c>
      <c r="EN37" s="317">
        <v>15</v>
      </c>
      <c r="EO37" s="311">
        <v>2</v>
      </c>
      <c r="EP37" s="315">
        <v>1</v>
      </c>
      <c r="EQ37" s="312">
        <v>3</v>
      </c>
      <c r="ER37" s="314">
        <v>0</v>
      </c>
      <c r="ES37" s="315">
        <v>11</v>
      </c>
      <c r="ET37" s="315">
        <v>12</v>
      </c>
      <c r="EU37" s="315">
        <v>1</v>
      </c>
      <c r="EV37" s="315">
        <v>2</v>
      </c>
      <c r="EW37" s="315">
        <v>1</v>
      </c>
      <c r="EX37" s="312">
        <v>27</v>
      </c>
      <c r="EY37" s="317">
        <v>30</v>
      </c>
    </row>
    <row r="38" spans="1:155" ht="19.5" customHeight="1" x14ac:dyDescent="0.2">
      <c r="A38" s="296" t="s">
        <v>36</v>
      </c>
      <c r="B38" s="311">
        <v>0</v>
      </c>
      <c r="C38" s="315">
        <v>0</v>
      </c>
      <c r="D38" s="437">
        <v>0</v>
      </c>
      <c r="E38" s="314">
        <v>0</v>
      </c>
      <c r="F38" s="315">
        <v>3</v>
      </c>
      <c r="G38" s="315">
        <v>1</v>
      </c>
      <c r="H38" s="315">
        <v>0</v>
      </c>
      <c r="I38" s="315">
        <v>0</v>
      </c>
      <c r="J38" s="315">
        <v>0</v>
      </c>
      <c r="K38" s="316">
        <v>4</v>
      </c>
      <c r="L38" s="317">
        <v>4</v>
      </c>
      <c r="M38" s="311">
        <v>0</v>
      </c>
      <c r="N38" s="315">
        <v>0</v>
      </c>
      <c r="O38" s="312">
        <v>0</v>
      </c>
      <c r="P38" s="314">
        <v>0</v>
      </c>
      <c r="Q38" s="315">
        <v>0</v>
      </c>
      <c r="R38" s="315">
        <v>0</v>
      </c>
      <c r="S38" s="315">
        <v>0</v>
      </c>
      <c r="T38" s="315">
        <v>1</v>
      </c>
      <c r="U38" s="315">
        <v>0</v>
      </c>
      <c r="V38" s="312">
        <v>1</v>
      </c>
      <c r="W38" s="317">
        <v>1</v>
      </c>
      <c r="X38" s="311">
        <v>0</v>
      </c>
      <c r="Y38" s="315">
        <v>0</v>
      </c>
      <c r="Z38" s="312">
        <v>0</v>
      </c>
      <c r="AA38" s="314">
        <v>0</v>
      </c>
      <c r="AB38" s="315">
        <v>2</v>
      </c>
      <c r="AC38" s="315">
        <v>1</v>
      </c>
      <c r="AD38" s="315">
        <v>1</v>
      </c>
      <c r="AE38" s="315">
        <v>2</v>
      </c>
      <c r="AF38" s="315">
        <v>1</v>
      </c>
      <c r="AG38" s="312">
        <v>7</v>
      </c>
      <c r="AH38" s="317">
        <v>7</v>
      </c>
      <c r="AI38" s="311">
        <v>0</v>
      </c>
      <c r="AJ38" s="315">
        <v>0</v>
      </c>
      <c r="AK38" s="312">
        <v>0</v>
      </c>
      <c r="AL38" s="314">
        <v>0</v>
      </c>
      <c r="AM38" s="315">
        <v>0</v>
      </c>
      <c r="AN38" s="315">
        <v>0</v>
      </c>
      <c r="AO38" s="315">
        <v>0</v>
      </c>
      <c r="AP38" s="315">
        <v>0</v>
      </c>
      <c r="AQ38" s="315">
        <v>0</v>
      </c>
      <c r="AR38" s="312">
        <v>0</v>
      </c>
      <c r="AS38" s="317">
        <v>0</v>
      </c>
      <c r="AT38" s="311">
        <v>0</v>
      </c>
      <c r="AU38" s="315">
        <v>1</v>
      </c>
      <c r="AV38" s="312">
        <v>1</v>
      </c>
      <c r="AW38" s="314">
        <v>0</v>
      </c>
      <c r="AX38" s="315">
        <v>1</v>
      </c>
      <c r="AY38" s="315">
        <v>1</v>
      </c>
      <c r="AZ38" s="315">
        <v>5</v>
      </c>
      <c r="BA38" s="315">
        <v>0</v>
      </c>
      <c r="BB38" s="315">
        <v>0</v>
      </c>
      <c r="BC38" s="316">
        <v>7</v>
      </c>
      <c r="BD38" s="317">
        <v>8</v>
      </c>
      <c r="BE38" s="311">
        <v>0</v>
      </c>
      <c r="BF38" s="315">
        <v>0</v>
      </c>
      <c r="BG38" s="312">
        <v>0</v>
      </c>
      <c r="BH38" s="314">
        <v>0</v>
      </c>
      <c r="BI38" s="315">
        <v>2</v>
      </c>
      <c r="BJ38" s="315">
        <v>1</v>
      </c>
      <c r="BK38" s="315">
        <v>0</v>
      </c>
      <c r="BL38" s="315">
        <v>1</v>
      </c>
      <c r="BM38" s="315">
        <v>0</v>
      </c>
      <c r="BN38" s="312">
        <v>4</v>
      </c>
      <c r="BO38" s="317">
        <v>4</v>
      </c>
      <c r="BP38" s="311">
        <v>0</v>
      </c>
      <c r="BQ38" s="315">
        <v>1</v>
      </c>
      <c r="BR38" s="312">
        <v>1</v>
      </c>
      <c r="BS38" s="314">
        <v>0</v>
      </c>
      <c r="BT38" s="315">
        <v>0</v>
      </c>
      <c r="BU38" s="315">
        <v>1</v>
      </c>
      <c r="BV38" s="315">
        <v>1</v>
      </c>
      <c r="BW38" s="315">
        <v>0</v>
      </c>
      <c r="BX38" s="315">
        <v>0</v>
      </c>
      <c r="BY38" s="312">
        <v>2</v>
      </c>
      <c r="BZ38" s="317">
        <v>3</v>
      </c>
      <c r="CA38" s="311">
        <v>0</v>
      </c>
      <c r="CB38" s="315">
        <v>0</v>
      </c>
      <c r="CC38" s="312">
        <v>0</v>
      </c>
      <c r="CD38" s="314">
        <v>0</v>
      </c>
      <c r="CE38" s="315">
        <v>1</v>
      </c>
      <c r="CF38" s="315">
        <v>0</v>
      </c>
      <c r="CG38" s="315">
        <v>0</v>
      </c>
      <c r="CH38" s="315">
        <v>1</v>
      </c>
      <c r="CI38" s="315">
        <v>0</v>
      </c>
      <c r="CJ38" s="312">
        <v>2</v>
      </c>
      <c r="CK38" s="317">
        <v>2</v>
      </c>
      <c r="CL38" s="311">
        <v>0</v>
      </c>
      <c r="CM38" s="315">
        <v>0</v>
      </c>
      <c r="CN38" s="312">
        <v>0</v>
      </c>
      <c r="CO38" s="314">
        <v>0</v>
      </c>
      <c r="CP38" s="315">
        <v>0</v>
      </c>
      <c r="CQ38" s="315">
        <v>0</v>
      </c>
      <c r="CR38" s="315">
        <v>0</v>
      </c>
      <c r="CS38" s="315">
        <v>0</v>
      </c>
      <c r="CT38" s="315">
        <v>0</v>
      </c>
      <c r="CU38" s="312">
        <v>0</v>
      </c>
      <c r="CV38" s="317">
        <v>0</v>
      </c>
      <c r="CW38" s="311">
        <v>0</v>
      </c>
      <c r="CX38" s="315">
        <v>0</v>
      </c>
      <c r="CY38" s="312">
        <v>0</v>
      </c>
      <c r="CZ38" s="314">
        <v>0</v>
      </c>
      <c r="DA38" s="315">
        <v>0</v>
      </c>
      <c r="DB38" s="315">
        <v>0</v>
      </c>
      <c r="DC38" s="315">
        <v>0</v>
      </c>
      <c r="DD38" s="315">
        <v>0</v>
      </c>
      <c r="DE38" s="315">
        <v>0</v>
      </c>
      <c r="DF38" s="312">
        <v>0</v>
      </c>
      <c r="DG38" s="317">
        <v>0</v>
      </c>
      <c r="DH38" s="311">
        <v>0</v>
      </c>
      <c r="DI38" s="315">
        <v>0</v>
      </c>
      <c r="DJ38" s="312">
        <v>0</v>
      </c>
      <c r="DK38" s="314">
        <v>0</v>
      </c>
      <c r="DL38" s="315">
        <v>0</v>
      </c>
      <c r="DM38" s="315">
        <v>0</v>
      </c>
      <c r="DN38" s="315">
        <v>0</v>
      </c>
      <c r="DO38" s="315">
        <v>0</v>
      </c>
      <c r="DP38" s="315">
        <v>0</v>
      </c>
      <c r="DQ38" s="312">
        <v>0</v>
      </c>
      <c r="DR38" s="317">
        <v>0</v>
      </c>
      <c r="DS38" s="311">
        <v>3</v>
      </c>
      <c r="DT38" s="315">
        <v>4</v>
      </c>
      <c r="DU38" s="312">
        <v>7</v>
      </c>
      <c r="DV38" s="314">
        <v>0</v>
      </c>
      <c r="DW38" s="315">
        <v>5</v>
      </c>
      <c r="DX38" s="315">
        <v>3</v>
      </c>
      <c r="DY38" s="315">
        <v>3</v>
      </c>
      <c r="DZ38" s="315">
        <v>3</v>
      </c>
      <c r="EA38" s="315">
        <v>1</v>
      </c>
      <c r="EB38" s="312">
        <v>15</v>
      </c>
      <c r="EC38" s="317">
        <v>22</v>
      </c>
      <c r="ED38" s="311">
        <v>0</v>
      </c>
      <c r="EE38" s="315">
        <v>0</v>
      </c>
      <c r="EF38" s="312">
        <v>0</v>
      </c>
      <c r="EG38" s="314">
        <v>0</v>
      </c>
      <c r="EH38" s="315">
        <v>0</v>
      </c>
      <c r="EI38" s="315">
        <v>1</v>
      </c>
      <c r="EJ38" s="315">
        <v>1</v>
      </c>
      <c r="EK38" s="315">
        <v>0</v>
      </c>
      <c r="EL38" s="315">
        <v>0</v>
      </c>
      <c r="EM38" s="312">
        <v>2</v>
      </c>
      <c r="EN38" s="317">
        <v>2</v>
      </c>
      <c r="EO38" s="311">
        <v>3</v>
      </c>
      <c r="EP38" s="315">
        <v>5</v>
      </c>
      <c r="EQ38" s="312">
        <v>8</v>
      </c>
      <c r="ER38" s="314">
        <v>0</v>
      </c>
      <c r="ES38" s="315">
        <v>8</v>
      </c>
      <c r="ET38" s="315">
        <v>3</v>
      </c>
      <c r="EU38" s="315">
        <v>3</v>
      </c>
      <c r="EV38" s="315">
        <v>2</v>
      </c>
      <c r="EW38" s="315">
        <v>1</v>
      </c>
      <c r="EX38" s="312">
        <v>17</v>
      </c>
      <c r="EY38" s="317">
        <v>25</v>
      </c>
    </row>
    <row r="39" spans="1:155" ht="19.5" customHeight="1" thickBot="1" x14ac:dyDescent="0.25">
      <c r="A39" s="297" t="s">
        <v>37</v>
      </c>
      <c r="B39" s="318">
        <v>0</v>
      </c>
      <c r="C39" s="322">
        <v>0</v>
      </c>
      <c r="D39" s="438">
        <v>0</v>
      </c>
      <c r="E39" s="321">
        <v>0</v>
      </c>
      <c r="F39" s="322">
        <v>0</v>
      </c>
      <c r="G39" s="322">
        <v>0</v>
      </c>
      <c r="H39" s="322">
        <v>0</v>
      </c>
      <c r="I39" s="322">
        <v>0</v>
      </c>
      <c r="J39" s="322">
        <v>0</v>
      </c>
      <c r="K39" s="323">
        <v>0</v>
      </c>
      <c r="L39" s="324">
        <v>0</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1</v>
      </c>
      <c r="AC39" s="322">
        <v>0</v>
      </c>
      <c r="AD39" s="322">
        <v>0</v>
      </c>
      <c r="AE39" s="322">
        <v>0</v>
      </c>
      <c r="AF39" s="322">
        <v>0</v>
      </c>
      <c r="AG39" s="319">
        <v>1</v>
      </c>
      <c r="AH39" s="324">
        <v>1</v>
      </c>
      <c r="AI39" s="318">
        <v>0</v>
      </c>
      <c r="AJ39" s="322">
        <v>0</v>
      </c>
      <c r="AK39" s="319">
        <v>0</v>
      </c>
      <c r="AL39" s="321">
        <v>0</v>
      </c>
      <c r="AM39" s="322">
        <v>1</v>
      </c>
      <c r="AN39" s="322">
        <v>0</v>
      </c>
      <c r="AO39" s="322">
        <v>0</v>
      </c>
      <c r="AP39" s="322">
        <v>0</v>
      </c>
      <c r="AQ39" s="322">
        <v>0</v>
      </c>
      <c r="AR39" s="319">
        <v>1</v>
      </c>
      <c r="AS39" s="324">
        <v>1</v>
      </c>
      <c r="AT39" s="318">
        <v>0</v>
      </c>
      <c r="AU39" s="322">
        <v>0</v>
      </c>
      <c r="AV39" s="319">
        <v>0</v>
      </c>
      <c r="AW39" s="321">
        <v>0</v>
      </c>
      <c r="AX39" s="322">
        <v>0</v>
      </c>
      <c r="AY39" s="322">
        <v>0</v>
      </c>
      <c r="AZ39" s="322">
        <v>0</v>
      </c>
      <c r="BA39" s="322">
        <v>0</v>
      </c>
      <c r="BB39" s="322">
        <v>1</v>
      </c>
      <c r="BC39" s="323">
        <v>1</v>
      </c>
      <c r="BD39" s="324">
        <v>1</v>
      </c>
      <c r="BE39" s="318">
        <v>0</v>
      </c>
      <c r="BF39" s="322">
        <v>0</v>
      </c>
      <c r="BG39" s="319">
        <v>0</v>
      </c>
      <c r="BH39" s="321">
        <v>0</v>
      </c>
      <c r="BI39" s="322">
        <v>1</v>
      </c>
      <c r="BJ39" s="322">
        <v>1</v>
      </c>
      <c r="BK39" s="322">
        <v>0</v>
      </c>
      <c r="BL39" s="322">
        <v>0</v>
      </c>
      <c r="BM39" s="322">
        <v>0</v>
      </c>
      <c r="BN39" s="319">
        <v>2</v>
      </c>
      <c r="BO39" s="324">
        <v>2</v>
      </c>
      <c r="BP39" s="318">
        <v>0</v>
      </c>
      <c r="BQ39" s="322">
        <v>0</v>
      </c>
      <c r="BR39" s="319">
        <v>0</v>
      </c>
      <c r="BS39" s="321">
        <v>0</v>
      </c>
      <c r="BT39" s="322">
        <v>1</v>
      </c>
      <c r="BU39" s="322">
        <v>1</v>
      </c>
      <c r="BV39" s="322">
        <v>0</v>
      </c>
      <c r="BW39" s="322">
        <v>0</v>
      </c>
      <c r="BX39" s="322">
        <v>0</v>
      </c>
      <c r="BY39" s="319">
        <v>2</v>
      </c>
      <c r="BZ39" s="324">
        <v>2</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0</v>
      </c>
      <c r="CT39" s="322">
        <v>0</v>
      </c>
      <c r="CU39" s="319">
        <v>0</v>
      </c>
      <c r="CV39" s="324">
        <v>0</v>
      </c>
      <c r="CW39" s="318">
        <v>0</v>
      </c>
      <c r="CX39" s="322">
        <v>0</v>
      </c>
      <c r="CY39" s="319">
        <v>0</v>
      </c>
      <c r="CZ39" s="321">
        <v>0</v>
      </c>
      <c r="DA39" s="322">
        <v>0</v>
      </c>
      <c r="DB39" s="322">
        <v>0</v>
      </c>
      <c r="DC39" s="322">
        <v>0</v>
      </c>
      <c r="DD39" s="322">
        <v>0</v>
      </c>
      <c r="DE39" s="322">
        <v>0</v>
      </c>
      <c r="DF39" s="319">
        <v>0</v>
      </c>
      <c r="DG39" s="324">
        <v>0</v>
      </c>
      <c r="DH39" s="318">
        <v>0</v>
      </c>
      <c r="DI39" s="322">
        <v>0</v>
      </c>
      <c r="DJ39" s="319">
        <v>0</v>
      </c>
      <c r="DK39" s="321">
        <v>0</v>
      </c>
      <c r="DL39" s="322">
        <v>0</v>
      </c>
      <c r="DM39" s="322">
        <v>0</v>
      </c>
      <c r="DN39" s="322">
        <v>0</v>
      </c>
      <c r="DO39" s="322">
        <v>0</v>
      </c>
      <c r="DP39" s="322">
        <v>0</v>
      </c>
      <c r="DQ39" s="319">
        <v>0</v>
      </c>
      <c r="DR39" s="324">
        <v>0</v>
      </c>
      <c r="DS39" s="318">
        <v>1</v>
      </c>
      <c r="DT39" s="322">
        <v>0</v>
      </c>
      <c r="DU39" s="319">
        <v>1</v>
      </c>
      <c r="DV39" s="321">
        <v>0</v>
      </c>
      <c r="DW39" s="322">
        <v>1</v>
      </c>
      <c r="DX39" s="322">
        <v>2</v>
      </c>
      <c r="DY39" s="322">
        <v>0</v>
      </c>
      <c r="DZ39" s="322">
        <v>0</v>
      </c>
      <c r="EA39" s="322">
        <v>0</v>
      </c>
      <c r="EB39" s="319">
        <v>3</v>
      </c>
      <c r="EC39" s="324">
        <v>4</v>
      </c>
      <c r="ED39" s="318">
        <v>0</v>
      </c>
      <c r="EE39" s="322">
        <v>0</v>
      </c>
      <c r="EF39" s="319">
        <v>0</v>
      </c>
      <c r="EG39" s="321">
        <v>0</v>
      </c>
      <c r="EH39" s="322">
        <v>0</v>
      </c>
      <c r="EI39" s="322">
        <v>0</v>
      </c>
      <c r="EJ39" s="322">
        <v>0</v>
      </c>
      <c r="EK39" s="322">
        <v>0</v>
      </c>
      <c r="EL39" s="322">
        <v>1</v>
      </c>
      <c r="EM39" s="319">
        <v>1</v>
      </c>
      <c r="EN39" s="324">
        <v>1</v>
      </c>
      <c r="EO39" s="318">
        <v>1</v>
      </c>
      <c r="EP39" s="322">
        <v>0</v>
      </c>
      <c r="EQ39" s="319">
        <v>1</v>
      </c>
      <c r="ER39" s="321">
        <v>0</v>
      </c>
      <c r="ES39" s="322">
        <v>2</v>
      </c>
      <c r="ET39" s="322">
        <v>2</v>
      </c>
      <c r="EU39" s="322">
        <v>0</v>
      </c>
      <c r="EV39" s="322">
        <v>0</v>
      </c>
      <c r="EW39" s="322">
        <v>0</v>
      </c>
      <c r="EX39" s="319">
        <v>4</v>
      </c>
      <c r="EY39" s="324">
        <v>5</v>
      </c>
    </row>
  </sheetData>
  <mergeCells count="59">
    <mergeCell ref="DK4:DQ4"/>
    <mergeCell ref="DR4:DR5"/>
    <mergeCell ref="H1:I1"/>
    <mergeCell ref="K1:L1"/>
    <mergeCell ref="AT3:BD3"/>
    <mergeCell ref="BE3:BO3"/>
    <mergeCell ref="BP3:BZ3"/>
    <mergeCell ref="BD4:BD5"/>
    <mergeCell ref="CW3:DG3"/>
    <mergeCell ref="CV4:CV5"/>
    <mergeCell ref="BE4:BG4"/>
    <mergeCell ref="BH4:BN4"/>
    <mergeCell ref="BO4:BO5"/>
    <mergeCell ref="BP4:BR4"/>
    <mergeCell ref="BS4:BY4"/>
    <mergeCell ref="BZ4:BZ5"/>
    <mergeCell ref="A3:A5"/>
    <mergeCell ref="B3:L3"/>
    <mergeCell ref="M3:W3"/>
    <mergeCell ref="W4:W5"/>
    <mergeCell ref="AI3:AS3"/>
    <mergeCell ref="X3:AH3"/>
    <mergeCell ref="X4:Z4"/>
    <mergeCell ref="AA4:AG4"/>
    <mergeCell ref="AH4:AH5"/>
    <mergeCell ref="B4:D4"/>
    <mergeCell ref="E4:K4"/>
    <mergeCell ref="L4:L5"/>
    <mergeCell ref="M4:O4"/>
    <mergeCell ref="P4:V4"/>
    <mergeCell ref="DS3:EC3"/>
    <mergeCell ref="ED3:EN3"/>
    <mergeCell ref="EO3:EY3"/>
    <mergeCell ref="CA3:CK3"/>
    <mergeCell ref="CL3:CV3"/>
    <mergeCell ref="DH3:DR3"/>
    <mergeCell ref="CA4:CC4"/>
    <mergeCell ref="CD4:CJ4"/>
    <mergeCell ref="AI4:AK4"/>
    <mergeCell ref="AL4:AR4"/>
    <mergeCell ref="AS4:AS5"/>
    <mergeCell ref="AT4:AV4"/>
    <mergeCell ref="AW4:BC4"/>
    <mergeCell ref="CK4:CK5"/>
    <mergeCell ref="CL4:CN4"/>
    <mergeCell ref="CO4:CU4"/>
    <mergeCell ref="EY4:EY5"/>
    <mergeCell ref="CW4:CY4"/>
    <mergeCell ref="CZ4:DF4"/>
    <mergeCell ref="DG4:DG5"/>
    <mergeCell ref="DS4:DU4"/>
    <mergeCell ref="DV4:EB4"/>
    <mergeCell ref="EC4:EC5"/>
    <mergeCell ref="ED4:EF4"/>
    <mergeCell ref="EG4:EM4"/>
    <mergeCell ref="EN4:EN5"/>
    <mergeCell ref="EO4:EQ4"/>
    <mergeCell ref="ER4:EX4"/>
    <mergeCell ref="DH4:DJ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Y39"/>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3" width="9" style="290"/>
    <col min="4" max="4" width="10.33203125" style="290" customWidth="1"/>
    <col min="5" max="5" width="7.6640625" style="290" customWidth="1"/>
    <col min="6" max="6" width="10.21875" style="290" customWidth="1"/>
    <col min="7" max="7" width="10.44140625" style="290" customWidth="1"/>
    <col min="8" max="15" width="9" style="290"/>
    <col min="16" max="16" width="7.21875" style="290" customWidth="1"/>
    <col min="17" max="26" width="9" style="290"/>
    <col min="27" max="27" width="7.6640625" style="290" customWidth="1"/>
    <col min="28" max="37" width="9" style="290"/>
    <col min="38" max="38" width="7.6640625" style="290" customWidth="1"/>
    <col min="39" max="48" width="9" style="290"/>
    <col min="49" max="49" width="7.21875" style="290" customWidth="1"/>
    <col min="50" max="59" width="9" style="290"/>
    <col min="60" max="60" width="7.21875" style="290" customWidth="1"/>
    <col min="61" max="70" width="9" style="290"/>
    <col min="71" max="71" width="7.33203125" style="290" customWidth="1"/>
    <col min="72" max="81" width="9" style="290"/>
    <col min="82" max="82" width="7.44140625" style="290" customWidth="1"/>
    <col min="83" max="92" width="9" style="290"/>
    <col min="93" max="93" width="7.6640625" style="290" customWidth="1"/>
    <col min="94" max="103" width="9" style="290"/>
    <col min="104" max="104" width="7.44140625" style="290" customWidth="1"/>
    <col min="105" max="114" width="9" style="290"/>
    <col min="115" max="115" width="7.44140625" style="290" customWidth="1"/>
    <col min="116" max="125" width="9" style="290"/>
    <col min="126" max="126" width="7.44140625" style="290" customWidth="1"/>
    <col min="127" max="136" width="9" style="290"/>
    <col min="137" max="137" width="7.33203125" style="290" customWidth="1"/>
    <col min="138" max="147" width="9" style="290"/>
    <col min="148" max="148" width="7.77734375" style="290" customWidth="1"/>
    <col min="149" max="16384" width="9" style="290"/>
  </cols>
  <sheetData>
    <row r="1" spans="1:155" ht="24" customHeight="1" x14ac:dyDescent="0.2">
      <c r="A1" s="325" t="s">
        <v>122</v>
      </c>
      <c r="H1" s="522">
        <f>第１表!F2</f>
        <v>4</v>
      </c>
      <c r="I1" s="522"/>
      <c r="J1" s="282">
        <f>第１表!G2</f>
        <v>3</v>
      </c>
      <c r="K1" s="523">
        <f>IF(J1&lt;3,J1+12-2,J1-2)</f>
        <v>1</v>
      </c>
      <c r="L1" s="523"/>
    </row>
    <row r="2" spans="1:155" ht="21" customHeight="1" thickBot="1" x14ac:dyDescent="0.25">
      <c r="A2" s="325" t="s">
        <v>154</v>
      </c>
      <c r="F2" s="281"/>
      <c r="G2" s="282"/>
      <c r="I2" s="392"/>
      <c r="J2" s="392"/>
    </row>
    <row r="3" spans="1:155" ht="23.25" customHeight="1" thickBot="1" x14ac:dyDescent="0.25">
      <c r="A3" s="531"/>
      <c r="B3" s="534" t="s">
        <v>70</v>
      </c>
      <c r="C3" s="535"/>
      <c r="D3" s="535"/>
      <c r="E3" s="535"/>
      <c r="F3" s="535"/>
      <c r="G3" s="535"/>
      <c r="H3" s="535"/>
      <c r="I3" s="535"/>
      <c r="J3" s="535"/>
      <c r="K3" s="535"/>
      <c r="L3" s="536"/>
      <c r="M3" s="534" t="s">
        <v>71</v>
      </c>
      <c r="N3" s="535"/>
      <c r="O3" s="535"/>
      <c r="P3" s="535"/>
      <c r="Q3" s="535"/>
      <c r="R3" s="535"/>
      <c r="S3" s="535"/>
      <c r="T3" s="535"/>
      <c r="U3" s="535"/>
      <c r="V3" s="535"/>
      <c r="W3" s="536"/>
      <c r="X3" s="534" t="s">
        <v>72</v>
      </c>
      <c r="Y3" s="535"/>
      <c r="Z3" s="535"/>
      <c r="AA3" s="535"/>
      <c r="AB3" s="535"/>
      <c r="AC3" s="535"/>
      <c r="AD3" s="535"/>
      <c r="AE3" s="535"/>
      <c r="AF3" s="535"/>
      <c r="AG3" s="535"/>
      <c r="AH3" s="536"/>
      <c r="AI3" s="534" t="s">
        <v>73</v>
      </c>
      <c r="AJ3" s="535"/>
      <c r="AK3" s="535"/>
      <c r="AL3" s="535"/>
      <c r="AM3" s="535"/>
      <c r="AN3" s="535"/>
      <c r="AO3" s="535"/>
      <c r="AP3" s="535"/>
      <c r="AQ3" s="535"/>
      <c r="AR3" s="535"/>
      <c r="AS3" s="536"/>
      <c r="AT3" s="534" t="s">
        <v>74</v>
      </c>
      <c r="AU3" s="535"/>
      <c r="AV3" s="535"/>
      <c r="AW3" s="535"/>
      <c r="AX3" s="535"/>
      <c r="AY3" s="535"/>
      <c r="AZ3" s="535"/>
      <c r="BA3" s="535"/>
      <c r="BB3" s="535"/>
      <c r="BC3" s="535"/>
      <c r="BD3" s="536"/>
      <c r="BE3" s="534" t="s">
        <v>75</v>
      </c>
      <c r="BF3" s="535"/>
      <c r="BG3" s="535"/>
      <c r="BH3" s="535"/>
      <c r="BI3" s="535"/>
      <c r="BJ3" s="535"/>
      <c r="BK3" s="535"/>
      <c r="BL3" s="535"/>
      <c r="BM3" s="535"/>
      <c r="BN3" s="535"/>
      <c r="BO3" s="536"/>
      <c r="BP3" s="534" t="s">
        <v>76</v>
      </c>
      <c r="BQ3" s="535"/>
      <c r="BR3" s="535"/>
      <c r="BS3" s="535"/>
      <c r="BT3" s="535"/>
      <c r="BU3" s="535"/>
      <c r="BV3" s="535"/>
      <c r="BW3" s="535"/>
      <c r="BX3" s="535"/>
      <c r="BY3" s="535"/>
      <c r="BZ3" s="536"/>
      <c r="CA3" s="534" t="s">
        <v>77</v>
      </c>
      <c r="CB3" s="535"/>
      <c r="CC3" s="535"/>
      <c r="CD3" s="535"/>
      <c r="CE3" s="535"/>
      <c r="CF3" s="535"/>
      <c r="CG3" s="535"/>
      <c r="CH3" s="535"/>
      <c r="CI3" s="535"/>
      <c r="CJ3" s="535"/>
      <c r="CK3" s="536"/>
      <c r="CL3" s="534" t="s">
        <v>78</v>
      </c>
      <c r="CM3" s="535"/>
      <c r="CN3" s="535"/>
      <c r="CO3" s="535"/>
      <c r="CP3" s="535"/>
      <c r="CQ3" s="535"/>
      <c r="CR3" s="535"/>
      <c r="CS3" s="535"/>
      <c r="CT3" s="535"/>
      <c r="CU3" s="535"/>
      <c r="CV3" s="536"/>
      <c r="CW3" s="534" t="s">
        <v>79</v>
      </c>
      <c r="CX3" s="535"/>
      <c r="CY3" s="535"/>
      <c r="CZ3" s="535"/>
      <c r="DA3" s="535"/>
      <c r="DB3" s="535"/>
      <c r="DC3" s="535"/>
      <c r="DD3" s="535"/>
      <c r="DE3" s="535"/>
      <c r="DF3" s="535"/>
      <c r="DG3" s="536"/>
      <c r="DH3" s="534" t="s">
        <v>152</v>
      </c>
      <c r="DI3" s="535"/>
      <c r="DJ3" s="535"/>
      <c r="DK3" s="535"/>
      <c r="DL3" s="535"/>
      <c r="DM3" s="535"/>
      <c r="DN3" s="535"/>
      <c r="DO3" s="535"/>
      <c r="DP3" s="535"/>
      <c r="DQ3" s="535"/>
      <c r="DR3" s="536"/>
      <c r="DS3" s="534" t="s">
        <v>80</v>
      </c>
      <c r="DT3" s="535"/>
      <c r="DU3" s="535"/>
      <c r="DV3" s="535"/>
      <c r="DW3" s="535"/>
      <c r="DX3" s="535"/>
      <c r="DY3" s="535"/>
      <c r="DZ3" s="535"/>
      <c r="EA3" s="535"/>
      <c r="EB3" s="535"/>
      <c r="EC3" s="536"/>
      <c r="ED3" s="534" t="s">
        <v>68</v>
      </c>
      <c r="EE3" s="535"/>
      <c r="EF3" s="535"/>
      <c r="EG3" s="535"/>
      <c r="EH3" s="535"/>
      <c r="EI3" s="535"/>
      <c r="EJ3" s="535"/>
      <c r="EK3" s="535"/>
      <c r="EL3" s="535"/>
      <c r="EM3" s="535"/>
      <c r="EN3" s="536"/>
      <c r="EO3" s="537" t="s">
        <v>69</v>
      </c>
      <c r="EP3" s="538"/>
      <c r="EQ3" s="538"/>
      <c r="ER3" s="538"/>
      <c r="ES3" s="538"/>
      <c r="ET3" s="538"/>
      <c r="EU3" s="538"/>
      <c r="EV3" s="538"/>
      <c r="EW3" s="538"/>
      <c r="EX3" s="538"/>
      <c r="EY3" s="539"/>
    </row>
    <row r="4" spans="1:155" ht="22.5" customHeight="1" x14ac:dyDescent="0.2">
      <c r="A4" s="532"/>
      <c r="B4" s="526" t="s">
        <v>61</v>
      </c>
      <c r="C4" s="527"/>
      <c r="D4" s="528"/>
      <c r="E4" s="529" t="s">
        <v>62</v>
      </c>
      <c r="F4" s="527"/>
      <c r="G4" s="527"/>
      <c r="H4" s="527"/>
      <c r="I4" s="527"/>
      <c r="J4" s="527"/>
      <c r="K4" s="530"/>
      <c r="L4" s="524" t="s">
        <v>52</v>
      </c>
      <c r="M4" s="526" t="s">
        <v>61</v>
      </c>
      <c r="N4" s="527"/>
      <c r="O4" s="528"/>
      <c r="P4" s="529" t="s">
        <v>62</v>
      </c>
      <c r="Q4" s="527"/>
      <c r="R4" s="527"/>
      <c r="S4" s="527"/>
      <c r="T4" s="527"/>
      <c r="U4" s="527"/>
      <c r="V4" s="528"/>
      <c r="W4" s="524" t="s">
        <v>52</v>
      </c>
      <c r="X4" s="526" t="s">
        <v>61</v>
      </c>
      <c r="Y4" s="527"/>
      <c r="Z4" s="528"/>
      <c r="AA4" s="529" t="s">
        <v>62</v>
      </c>
      <c r="AB4" s="527"/>
      <c r="AC4" s="527"/>
      <c r="AD4" s="527"/>
      <c r="AE4" s="527"/>
      <c r="AF4" s="527"/>
      <c r="AG4" s="528"/>
      <c r="AH4" s="524" t="s">
        <v>52</v>
      </c>
      <c r="AI4" s="526" t="s">
        <v>61</v>
      </c>
      <c r="AJ4" s="527"/>
      <c r="AK4" s="528"/>
      <c r="AL4" s="529" t="s">
        <v>62</v>
      </c>
      <c r="AM4" s="527"/>
      <c r="AN4" s="527"/>
      <c r="AO4" s="527"/>
      <c r="AP4" s="527"/>
      <c r="AQ4" s="527"/>
      <c r="AR4" s="528"/>
      <c r="AS4" s="524" t="s">
        <v>52</v>
      </c>
      <c r="AT4" s="526" t="s">
        <v>61</v>
      </c>
      <c r="AU4" s="527"/>
      <c r="AV4" s="528"/>
      <c r="AW4" s="529" t="s">
        <v>62</v>
      </c>
      <c r="AX4" s="527"/>
      <c r="AY4" s="527"/>
      <c r="AZ4" s="527"/>
      <c r="BA4" s="527"/>
      <c r="BB4" s="527"/>
      <c r="BC4" s="530"/>
      <c r="BD4" s="524" t="s">
        <v>52</v>
      </c>
      <c r="BE4" s="526" t="s">
        <v>61</v>
      </c>
      <c r="BF4" s="527"/>
      <c r="BG4" s="528"/>
      <c r="BH4" s="529" t="s">
        <v>62</v>
      </c>
      <c r="BI4" s="527"/>
      <c r="BJ4" s="527"/>
      <c r="BK4" s="527"/>
      <c r="BL4" s="527"/>
      <c r="BM4" s="527"/>
      <c r="BN4" s="528"/>
      <c r="BO4" s="524" t="s">
        <v>52</v>
      </c>
      <c r="BP4" s="526" t="s">
        <v>61</v>
      </c>
      <c r="BQ4" s="527"/>
      <c r="BR4" s="528"/>
      <c r="BS4" s="529" t="s">
        <v>62</v>
      </c>
      <c r="BT4" s="527"/>
      <c r="BU4" s="527"/>
      <c r="BV4" s="527"/>
      <c r="BW4" s="527"/>
      <c r="BX4" s="527"/>
      <c r="BY4" s="528"/>
      <c r="BZ4" s="524" t="s">
        <v>52</v>
      </c>
      <c r="CA4" s="526" t="s">
        <v>61</v>
      </c>
      <c r="CB4" s="527"/>
      <c r="CC4" s="528"/>
      <c r="CD4" s="529" t="s">
        <v>62</v>
      </c>
      <c r="CE4" s="527"/>
      <c r="CF4" s="527"/>
      <c r="CG4" s="527"/>
      <c r="CH4" s="527"/>
      <c r="CI4" s="527"/>
      <c r="CJ4" s="528"/>
      <c r="CK4" s="524" t="s">
        <v>52</v>
      </c>
      <c r="CL4" s="526" t="s">
        <v>61</v>
      </c>
      <c r="CM4" s="527"/>
      <c r="CN4" s="528"/>
      <c r="CO4" s="529" t="s">
        <v>62</v>
      </c>
      <c r="CP4" s="527"/>
      <c r="CQ4" s="527"/>
      <c r="CR4" s="527"/>
      <c r="CS4" s="527"/>
      <c r="CT4" s="527"/>
      <c r="CU4" s="528"/>
      <c r="CV4" s="524" t="s">
        <v>52</v>
      </c>
      <c r="CW4" s="526" t="s">
        <v>61</v>
      </c>
      <c r="CX4" s="527"/>
      <c r="CY4" s="528"/>
      <c r="CZ4" s="529" t="s">
        <v>62</v>
      </c>
      <c r="DA4" s="527"/>
      <c r="DB4" s="527"/>
      <c r="DC4" s="527"/>
      <c r="DD4" s="527"/>
      <c r="DE4" s="527"/>
      <c r="DF4" s="528"/>
      <c r="DG4" s="524" t="s">
        <v>52</v>
      </c>
      <c r="DH4" s="526" t="s">
        <v>61</v>
      </c>
      <c r="DI4" s="527"/>
      <c r="DJ4" s="528"/>
      <c r="DK4" s="529" t="s">
        <v>62</v>
      </c>
      <c r="DL4" s="527"/>
      <c r="DM4" s="527"/>
      <c r="DN4" s="527"/>
      <c r="DO4" s="527"/>
      <c r="DP4" s="527"/>
      <c r="DQ4" s="528"/>
      <c r="DR4" s="524" t="s">
        <v>52</v>
      </c>
      <c r="DS4" s="526" t="s">
        <v>61</v>
      </c>
      <c r="DT4" s="527"/>
      <c r="DU4" s="528"/>
      <c r="DV4" s="529" t="s">
        <v>62</v>
      </c>
      <c r="DW4" s="527"/>
      <c r="DX4" s="527"/>
      <c r="DY4" s="527"/>
      <c r="DZ4" s="527"/>
      <c r="EA4" s="527"/>
      <c r="EB4" s="528"/>
      <c r="EC4" s="524" t="s">
        <v>52</v>
      </c>
      <c r="ED4" s="526" t="s">
        <v>61</v>
      </c>
      <c r="EE4" s="527"/>
      <c r="EF4" s="528"/>
      <c r="EG4" s="529" t="s">
        <v>62</v>
      </c>
      <c r="EH4" s="527"/>
      <c r="EI4" s="527"/>
      <c r="EJ4" s="527"/>
      <c r="EK4" s="527"/>
      <c r="EL4" s="527"/>
      <c r="EM4" s="528"/>
      <c r="EN4" s="524" t="s">
        <v>52</v>
      </c>
      <c r="EO4" s="526" t="s">
        <v>61</v>
      </c>
      <c r="EP4" s="527"/>
      <c r="EQ4" s="528"/>
      <c r="ER4" s="529" t="s">
        <v>62</v>
      </c>
      <c r="ES4" s="527"/>
      <c r="ET4" s="527"/>
      <c r="EU4" s="527"/>
      <c r="EV4" s="527"/>
      <c r="EW4" s="527"/>
      <c r="EX4" s="528"/>
      <c r="EY4" s="524" t="s">
        <v>52</v>
      </c>
    </row>
    <row r="5" spans="1:155" ht="34.5" customHeight="1" thickBot="1" x14ac:dyDescent="0.25">
      <c r="A5" s="533"/>
      <c r="B5" s="393" t="s">
        <v>43</v>
      </c>
      <c r="C5" s="294" t="s">
        <v>162</v>
      </c>
      <c r="D5" s="435" t="s">
        <v>45</v>
      </c>
      <c r="E5" s="302" t="s">
        <v>83</v>
      </c>
      <c r="F5" s="294" t="s">
        <v>47</v>
      </c>
      <c r="G5" s="294" t="s">
        <v>48</v>
      </c>
      <c r="H5" s="294" t="s">
        <v>49</v>
      </c>
      <c r="I5" s="294" t="s">
        <v>50</v>
      </c>
      <c r="J5" s="294" t="s">
        <v>51</v>
      </c>
      <c r="K5" s="303" t="s">
        <v>45</v>
      </c>
      <c r="L5" s="525"/>
      <c r="M5" s="393" t="s">
        <v>43</v>
      </c>
      <c r="N5" s="294" t="s">
        <v>44</v>
      </c>
      <c r="O5" s="300" t="s">
        <v>45</v>
      </c>
      <c r="P5" s="302" t="s">
        <v>83</v>
      </c>
      <c r="Q5" s="294" t="s">
        <v>47</v>
      </c>
      <c r="R5" s="294" t="s">
        <v>48</v>
      </c>
      <c r="S5" s="294" t="s">
        <v>49</v>
      </c>
      <c r="T5" s="294" t="s">
        <v>50</v>
      </c>
      <c r="U5" s="294" t="s">
        <v>51</v>
      </c>
      <c r="V5" s="300" t="s">
        <v>45</v>
      </c>
      <c r="W5" s="525"/>
      <c r="X5" s="393" t="s">
        <v>43</v>
      </c>
      <c r="Y5" s="294" t="s">
        <v>44</v>
      </c>
      <c r="Z5" s="300" t="s">
        <v>45</v>
      </c>
      <c r="AA5" s="302" t="s">
        <v>83</v>
      </c>
      <c r="AB5" s="294" t="s">
        <v>47</v>
      </c>
      <c r="AC5" s="294" t="s">
        <v>48</v>
      </c>
      <c r="AD5" s="294" t="s">
        <v>49</v>
      </c>
      <c r="AE5" s="294" t="s">
        <v>50</v>
      </c>
      <c r="AF5" s="294" t="s">
        <v>51</v>
      </c>
      <c r="AG5" s="300" t="s">
        <v>45</v>
      </c>
      <c r="AH5" s="525"/>
      <c r="AI5" s="393" t="s">
        <v>43</v>
      </c>
      <c r="AJ5" s="294" t="s">
        <v>44</v>
      </c>
      <c r="AK5" s="300" t="s">
        <v>45</v>
      </c>
      <c r="AL5" s="302" t="s">
        <v>83</v>
      </c>
      <c r="AM5" s="294" t="s">
        <v>47</v>
      </c>
      <c r="AN5" s="294" t="s">
        <v>48</v>
      </c>
      <c r="AO5" s="294" t="s">
        <v>49</v>
      </c>
      <c r="AP5" s="294" t="s">
        <v>50</v>
      </c>
      <c r="AQ5" s="294" t="s">
        <v>51</v>
      </c>
      <c r="AR5" s="300" t="s">
        <v>45</v>
      </c>
      <c r="AS5" s="525"/>
      <c r="AT5" s="393" t="s">
        <v>43</v>
      </c>
      <c r="AU5" s="294" t="s">
        <v>44</v>
      </c>
      <c r="AV5" s="300" t="s">
        <v>45</v>
      </c>
      <c r="AW5" s="302" t="s">
        <v>83</v>
      </c>
      <c r="AX5" s="294" t="s">
        <v>47</v>
      </c>
      <c r="AY5" s="294" t="s">
        <v>48</v>
      </c>
      <c r="AZ5" s="294" t="s">
        <v>49</v>
      </c>
      <c r="BA5" s="294" t="s">
        <v>50</v>
      </c>
      <c r="BB5" s="294" t="s">
        <v>51</v>
      </c>
      <c r="BC5" s="303" t="s">
        <v>45</v>
      </c>
      <c r="BD5" s="525"/>
      <c r="BE5" s="393" t="s">
        <v>43</v>
      </c>
      <c r="BF5" s="294" t="s">
        <v>44</v>
      </c>
      <c r="BG5" s="300" t="s">
        <v>45</v>
      </c>
      <c r="BH5" s="302" t="s">
        <v>83</v>
      </c>
      <c r="BI5" s="294" t="s">
        <v>47</v>
      </c>
      <c r="BJ5" s="294" t="s">
        <v>48</v>
      </c>
      <c r="BK5" s="294" t="s">
        <v>49</v>
      </c>
      <c r="BL5" s="294" t="s">
        <v>50</v>
      </c>
      <c r="BM5" s="294" t="s">
        <v>51</v>
      </c>
      <c r="BN5" s="300" t="s">
        <v>45</v>
      </c>
      <c r="BO5" s="525"/>
      <c r="BP5" s="393" t="s">
        <v>43</v>
      </c>
      <c r="BQ5" s="294" t="s">
        <v>44</v>
      </c>
      <c r="BR5" s="300" t="s">
        <v>45</v>
      </c>
      <c r="BS5" s="302" t="s">
        <v>83</v>
      </c>
      <c r="BT5" s="294" t="s">
        <v>47</v>
      </c>
      <c r="BU5" s="294" t="s">
        <v>48</v>
      </c>
      <c r="BV5" s="294" t="s">
        <v>49</v>
      </c>
      <c r="BW5" s="294" t="s">
        <v>50</v>
      </c>
      <c r="BX5" s="294" t="s">
        <v>51</v>
      </c>
      <c r="BY5" s="300" t="s">
        <v>45</v>
      </c>
      <c r="BZ5" s="525"/>
      <c r="CA5" s="393" t="s">
        <v>43</v>
      </c>
      <c r="CB5" s="294" t="s">
        <v>44</v>
      </c>
      <c r="CC5" s="300" t="s">
        <v>45</v>
      </c>
      <c r="CD5" s="302" t="s">
        <v>83</v>
      </c>
      <c r="CE5" s="294" t="s">
        <v>47</v>
      </c>
      <c r="CF5" s="294" t="s">
        <v>48</v>
      </c>
      <c r="CG5" s="294" t="s">
        <v>49</v>
      </c>
      <c r="CH5" s="294" t="s">
        <v>50</v>
      </c>
      <c r="CI5" s="294" t="s">
        <v>51</v>
      </c>
      <c r="CJ5" s="300" t="s">
        <v>45</v>
      </c>
      <c r="CK5" s="525"/>
      <c r="CL5" s="393" t="s">
        <v>43</v>
      </c>
      <c r="CM5" s="294" t="s">
        <v>44</v>
      </c>
      <c r="CN5" s="300" t="s">
        <v>45</v>
      </c>
      <c r="CO5" s="302" t="s">
        <v>83</v>
      </c>
      <c r="CP5" s="294" t="s">
        <v>47</v>
      </c>
      <c r="CQ5" s="294" t="s">
        <v>48</v>
      </c>
      <c r="CR5" s="294" t="s">
        <v>49</v>
      </c>
      <c r="CS5" s="294" t="s">
        <v>50</v>
      </c>
      <c r="CT5" s="294" t="s">
        <v>51</v>
      </c>
      <c r="CU5" s="300" t="s">
        <v>45</v>
      </c>
      <c r="CV5" s="525"/>
      <c r="CW5" s="393" t="s">
        <v>43</v>
      </c>
      <c r="CX5" s="294" t="s">
        <v>44</v>
      </c>
      <c r="CY5" s="300" t="s">
        <v>45</v>
      </c>
      <c r="CZ5" s="302" t="s">
        <v>83</v>
      </c>
      <c r="DA5" s="294" t="s">
        <v>47</v>
      </c>
      <c r="DB5" s="294" t="s">
        <v>48</v>
      </c>
      <c r="DC5" s="294" t="s">
        <v>49</v>
      </c>
      <c r="DD5" s="294" t="s">
        <v>50</v>
      </c>
      <c r="DE5" s="294" t="s">
        <v>51</v>
      </c>
      <c r="DF5" s="300" t="s">
        <v>45</v>
      </c>
      <c r="DG5" s="525"/>
      <c r="DH5" s="393" t="s">
        <v>43</v>
      </c>
      <c r="DI5" s="294" t="s">
        <v>44</v>
      </c>
      <c r="DJ5" s="300" t="s">
        <v>45</v>
      </c>
      <c r="DK5" s="302" t="s">
        <v>83</v>
      </c>
      <c r="DL5" s="294" t="s">
        <v>47</v>
      </c>
      <c r="DM5" s="294" t="s">
        <v>48</v>
      </c>
      <c r="DN5" s="294" t="s">
        <v>49</v>
      </c>
      <c r="DO5" s="294" t="s">
        <v>50</v>
      </c>
      <c r="DP5" s="294" t="s">
        <v>51</v>
      </c>
      <c r="DQ5" s="300" t="s">
        <v>45</v>
      </c>
      <c r="DR5" s="525"/>
      <c r="DS5" s="393" t="s">
        <v>43</v>
      </c>
      <c r="DT5" s="294" t="s">
        <v>44</v>
      </c>
      <c r="DU5" s="300" t="s">
        <v>45</v>
      </c>
      <c r="DV5" s="302" t="s">
        <v>83</v>
      </c>
      <c r="DW5" s="294" t="s">
        <v>47</v>
      </c>
      <c r="DX5" s="294" t="s">
        <v>48</v>
      </c>
      <c r="DY5" s="294" t="s">
        <v>49</v>
      </c>
      <c r="DZ5" s="294" t="s">
        <v>50</v>
      </c>
      <c r="EA5" s="294" t="s">
        <v>51</v>
      </c>
      <c r="EB5" s="300" t="s">
        <v>45</v>
      </c>
      <c r="EC5" s="525"/>
      <c r="ED5" s="393" t="s">
        <v>43</v>
      </c>
      <c r="EE5" s="294" t="s">
        <v>44</v>
      </c>
      <c r="EF5" s="300" t="s">
        <v>45</v>
      </c>
      <c r="EG5" s="302" t="s">
        <v>83</v>
      </c>
      <c r="EH5" s="294" t="s">
        <v>47</v>
      </c>
      <c r="EI5" s="294" t="s">
        <v>48</v>
      </c>
      <c r="EJ5" s="294" t="s">
        <v>49</v>
      </c>
      <c r="EK5" s="294" t="s">
        <v>50</v>
      </c>
      <c r="EL5" s="294" t="s">
        <v>51</v>
      </c>
      <c r="EM5" s="300" t="s">
        <v>45</v>
      </c>
      <c r="EN5" s="525"/>
      <c r="EO5" s="393" t="s">
        <v>43</v>
      </c>
      <c r="EP5" s="294" t="s">
        <v>44</v>
      </c>
      <c r="EQ5" s="300" t="s">
        <v>45</v>
      </c>
      <c r="ER5" s="302" t="s">
        <v>83</v>
      </c>
      <c r="ES5" s="294" t="s">
        <v>47</v>
      </c>
      <c r="ET5" s="294" t="s">
        <v>48</v>
      </c>
      <c r="EU5" s="294" t="s">
        <v>49</v>
      </c>
      <c r="EV5" s="294" t="s">
        <v>50</v>
      </c>
      <c r="EW5" s="294" t="s">
        <v>51</v>
      </c>
      <c r="EX5" s="300" t="s">
        <v>45</v>
      </c>
      <c r="EY5" s="525"/>
    </row>
    <row r="6" spans="1:155" ht="19.5" customHeight="1" x14ac:dyDescent="0.2">
      <c r="A6" s="295" t="s">
        <v>4</v>
      </c>
      <c r="B6" s="304">
        <v>1</v>
      </c>
      <c r="C6" s="308">
        <v>0</v>
      </c>
      <c r="D6" s="436">
        <v>1</v>
      </c>
      <c r="E6" s="307">
        <v>0</v>
      </c>
      <c r="F6" s="308">
        <v>1146</v>
      </c>
      <c r="G6" s="308">
        <v>1236</v>
      </c>
      <c r="H6" s="308">
        <v>652</v>
      </c>
      <c r="I6" s="308">
        <v>576</v>
      </c>
      <c r="J6" s="308">
        <v>410</v>
      </c>
      <c r="K6" s="309">
        <v>4020</v>
      </c>
      <c r="L6" s="310">
        <v>4021</v>
      </c>
      <c r="M6" s="304">
        <v>1</v>
      </c>
      <c r="N6" s="308">
        <v>4</v>
      </c>
      <c r="O6" s="305">
        <v>5</v>
      </c>
      <c r="P6" s="307">
        <v>0</v>
      </c>
      <c r="Q6" s="308">
        <v>12</v>
      </c>
      <c r="R6" s="308">
        <v>37</v>
      </c>
      <c r="S6" s="308">
        <v>50</v>
      </c>
      <c r="T6" s="308">
        <v>124</v>
      </c>
      <c r="U6" s="308">
        <v>209</v>
      </c>
      <c r="V6" s="305">
        <v>432</v>
      </c>
      <c r="W6" s="310">
        <v>437</v>
      </c>
      <c r="X6" s="304">
        <v>196</v>
      </c>
      <c r="Y6" s="308">
        <v>412</v>
      </c>
      <c r="Z6" s="305">
        <v>608</v>
      </c>
      <c r="AA6" s="307">
        <v>0</v>
      </c>
      <c r="AB6" s="308">
        <v>790</v>
      </c>
      <c r="AC6" s="308">
        <v>1100</v>
      </c>
      <c r="AD6" s="308">
        <v>633</v>
      </c>
      <c r="AE6" s="308">
        <v>561</v>
      </c>
      <c r="AF6" s="308">
        <v>414</v>
      </c>
      <c r="AG6" s="305">
        <v>3498</v>
      </c>
      <c r="AH6" s="310">
        <v>4106</v>
      </c>
      <c r="AI6" s="304">
        <v>17</v>
      </c>
      <c r="AJ6" s="308">
        <v>48</v>
      </c>
      <c r="AK6" s="305">
        <v>65</v>
      </c>
      <c r="AL6" s="307">
        <v>0</v>
      </c>
      <c r="AM6" s="308">
        <v>77</v>
      </c>
      <c r="AN6" s="308">
        <v>148</v>
      </c>
      <c r="AO6" s="308">
        <v>95</v>
      </c>
      <c r="AP6" s="308">
        <v>78</v>
      </c>
      <c r="AQ6" s="308">
        <v>52</v>
      </c>
      <c r="AR6" s="305">
        <v>450</v>
      </c>
      <c r="AS6" s="310">
        <v>515</v>
      </c>
      <c r="AT6" s="304">
        <v>298</v>
      </c>
      <c r="AU6" s="308">
        <v>331</v>
      </c>
      <c r="AV6" s="305">
        <v>629</v>
      </c>
      <c r="AW6" s="307">
        <v>0</v>
      </c>
      <c r="AX6" s="308">
        <v>1167</v>
      </c>
      <c r="AY6" s="308">
        <v>1514</v>
      </c>
      <c r="AZ6" s="308">
        <v>1233</v>
      </c>
      <c r="BA6" s="308">
        <v>1344</v>
      </c>
      <c r="BB6" s="308">
        <v>974</v>
      </c>
      <c r="BC6" s="309">
        <v>6232</v>
      </c>
      <c r="BD6" s="310">
        <v>6861</v>
      </c>
      <c r="BE6" s="304">
        <v>0</v>
      </c>
      <c r="BF6" s="308">
        <v>0</v>
      </c>
      <c r="BG6" s="305">
        <v>0</v>
      </c>
      <c r="BH6" s="307">
        <v>0</v>
      </c>
      <c r="BI6" s="308">
        <v>1310</v>
      </c>
      <c r="BJ6" s="308">
        <v>1156</v>
      </c>
      <c r="BK6" s="308">
        <v>540</v>
      </c>
      <c r="BL6" s="308">
        <v>326</v>
      </c>
      <c r="BM6" s="308">
        <v>144</v>
      </c>
      <c r="BN6" s="305">
        <v>3476</v>
      </c>
      <c r="BO6" s="310">
        <v>3476</v>
      </c>
      <c r="BP6" s="304">
        <v>120</v>
      </c>
      <c r="BQ6" s="308">
        <v>157</v>
      </c>
      <c r="BR6" s="305">
        <v>277</v>
      </c>
      <c r="BS6" s="307">
        <v>0</v>
      </c>
      <c r="BT6" s="308">
        <v>307</v>
      </c>
      <c r="BU6" s="308">
        <v>455</v>
      </c>
      <c r="BV6" s="308">
        <v>275</v>
      </c>
      <c r="BW6" s="308">
        <v>185</v>
      </c>
      <c r="BX6" s="308">
        <v>65</v>
      </c>
      <c r="BY6" s="305">
        <v>1287</v>
      </c>
      <c r="BZ6" s="310">
        <v>1564</v>
      </c>
      <c r="CA6" s="304">
        <v>5</v>
      </c>
      <c r="CB6" s="308">
        <v>10</v>
      </c>
      <c r="CC6" s="305">
        <v>15</v>
      </c>
      <c r="CD6" s="307">
        <v>0</v>
      </c>
      <c r="CE6" s="308">
        <v>124</v>
      </c>
      <c r="CF6" s="308">
        <v>181</v>
      </c>
      <c r="CG6" s="308">
        <v>227</v>
      </c>
      <c r="CH6" s="308">
        <v>172</v>
      </c>
      <c r="CI6" s="308">
        <v>82</v>
      </c>
      <c r="CJ6" s="305">
        <v>786</v>
      </c>
      <c r="CK6" s="310">
        <v>801</v>
      </c>
      <c r="CL6" s="304">
        <v>0</v>
      </c>
      <c r="CM6" s="308">
        <v>2</v>
      </c>
      <c r="CN6" s="305">
        <v>2</v>
      </c>
      <c r="CO6" s="307">
        <v>0</v>
      </c>
      <c r="CP6" s="308">
        <v>16</v>
      </c>
      <c r="CQ6" s="308">
        <v>40</v>
      </c>
      <c r="CR6" s="308">
        <v>44</v>
      </c>
      <c r="CS6" s="308">
        <v>43</v>
      </c>
      <c r="CT6" s="308">
        <v>30</v>
      </c>
      <c r="CU6" s="305">
        <v>173</v>
      </c>
      <c r="CV6" s="310">
        <v>175</v>
      </c>
      <c r="CW6" s="304">
        <v>0</v>
      </c>
      <c r="CX6" s="308">
        <v>0</v>
      </c>
      <c r="CY6" s="305">
        <v>0</v>
      </c>
      <c r="CZ6" s="307">
        <v>0</v>
      </c>
      <c r="DA6" s="308">
        <v>0</v>
      </c>
      <c r="DB6" s="308">
        <v>0</v>
      </c>
      <c r="DC6" s="308">
        <v>0</v>
      </c>
      <c r="DD6" s="308">
        <v>0</v>
      </c>
      <c r="DE6" s="308">
        <v>0</v>
      </c>
      <c r="DF6" s="305">
        <v>0</v>
      </c>
      <c r="DG6" s="310">
        <v>0</v>
      </c>
      <c r="DH6" s="304">
        <v>0</v>
      </c>
      <c r="DI6" s="308">
        <v>0</v>
      </c>
      <c r="DJ6" s="305">
        <v>0</v>
      </c>
      <c r="DK6" s="307">
        <v>0</v>
      </c>
      <c r="DL6" s="308">
        <v>0</v>
      </c>
      <c r="DM6" s="308">
        <v>0</v>
      </c>
      <c r="DN6" s="308">
        <v>0</v>
      </c>
      <c r="DO6" s="308">
        <v>0</v>
      </c>
      <c r="DP6" s="308">
        <v>0</v>
      </c>
      <c r="DQ6" s="305">
        <v>0</v>
      </c>
      <c r="DR6" s="310">
        <v>0</v>
      </c>
      <c r="DS6" s="304">
        <v>537</v>
      </c>
      <c r="DT6" s="308">
        <v>1141</v>
      </c>
      <c r="DU6" s="305">
        <v>1678</v>
      </c>
      <c r="DV6" s="307">
        <v>0</v>
      </c>
      <c r="DW6" s="308">
        <v>1547</v>
      </c>
      <c r="DX6" s="308">
        <v>2650</v>
      </c>
      <c r="DY6" s="308">
        <v>1507</v>
      </c>
      <c r="DZ6" s="308">
        <v>1235</v>
      </c>
      <c r="EA6" s="308">
        <v>740</v>
      </c>
      <c r="EB6" s="305">
        <v>7679</v>
      </c>
      <c r="EC6" s="310">
        <v>9357</v>
      </c>
      <c r="ED6" s="304">
        <v>211</v>
      </c>
      <c r="EE6" s="308">
        <v>177</v>
      </c>
      <c r="EF6" s="305">
        <v>388</v>
      </c>
      <c r="EG6" s="307">
        <v>0</v>
      </c>
      <c r="EH6" s="308">
        <v>579</v>
      </c>
      <c r="EI6" s="308">
        <v>615</v>
      </c>
      <c r="EJ6" s="308">
        <v>538</v>
      </c>
      <c r="EK6" s="308">
        <v>600</v>
      </c>
      <c r="EL6" s="308">
        <v>389</v>
      </c>
      <c r="EM6" s="305">
        <v>2721</v>
      </c>
      <c r="EN6" s="310">
        <v>3109</v>
      </c>
      <c r="EO6" s="304">
        <v>797</v>
      </c>
      <c r="EP6" s="308">
        <v>1470</v>
      </c>
      <c r="EQ6" s="305">
        <v>2267</v>
      </c>
      <c r="ER6" s="307">
        <v>0</v>
      </c>
      <c r="ES6" s="308">
        <v>3583</v>
      </c>
      <c r="ET6" s="308">
        <v>3775</v>
      </c>
      <c r="EU6" s="308">
        <v>1839</v>
      </c>
      <c r="EV6" s="308">
        <v>1333</v>
      </c>
      <c r="EW6" s="308">
        <v>771</v>
      </c>
      <c r="EX6" s="305">
        <v>11301</v>
      </c>
      <c r="EY6" s="310">
        <v>13568</v>
      </c>
    </row>
    <row r="7" spans="1:155" ht="19.5" customHeight="1" x14ac:dyDescent="0.2">
      <c r="A7" s="296" t="s">
        <v>5</v>
      </c>
      <c r="B7" s="311">
        <v>0</v>
      </c>
      <c r="C7" s="315">
        <v>0</v>
      </c>
      <c r="D7" s="437">
        <v>0</v>
      </c>
      <c r="E7" s="314">
        <v>0</v>
      </c>
      <c r="F7" s="315">
        <v>449</v>
      </c>
      <c r="G7" s="315">
        <v>671</v>
      </c>
      <c r="H7" s="315">
        <v>288</v>
      </c>
      <c r="I7" s="315">
        <v>246</v>
      </c>
      <c r="J7" s="315">
        <v>184</v>
      </c>
      <c r="K7" s="316">
        <v>1838</v>
      </c>
      <c r="L7" s="317">
        <v>1838</v>
      </c>
      <c r="M7" s="311">
        <v>1</v>
      </c>
      <c r="N7" s="315">
        <v>3</v>
      </c>
      <c r="O7" s="312">
        <v>4</v>
      </c>
      <c r="P7" s="314">
        <v>0</v>
      </c>
      <c r="Q7" s="315">
        <v>0</v>
      </c>
      <c r="R7" s="315">
        <v>17</v>
      </c>
      <c r="S7" s="315">
        <v>19</v>
      </c>
      <c r="T7" s="315">
        <v>55</v>
      </c>
      <c r="U7" s="315">
        <v>86</v>
      </c>
      <c r="V7" s="312">
        <v>177</v>
      </c>
      <c r="W7" s="317">
        <v>181</v>
      </c>
      <c r="X7" s="311">
        <v>92</v>
      </c>
      <c r="Y7" s="315">
        <v>225</v>
      </c>
      <c r="Z7" s="312">
        <v>317</v>
      </c>
      <c r="AA7" s="314">
        <v>0</v>
      </c>
      <c r="AB7" s="315">
        <v>298</v>
      </c>
      <c r="AC7" s="315">
        <v>609</v>
      </c>
      <c r="AD7" s="315">
        <v>303</v>
      </c>
      <c r="AE7" s="315">
        <v>254</v>
      </c>
      <c r="AF7" s="315">
        <v>191</v>
      </c>
      <c r="AG7" s="312">
        <v>1655</v>
      </c>
      <c r="AH7" s="317">
        <v>1972</v>
      </c>
      <c r="AI7" s="311">
        <v>9</v>
      </c>
      <c r="AJ7" s="315">
        <v>28</v>
      </c>
      <c r="AK7" s="312">
        <v>37</v>
      </c>
      <c r="AL7" s="314">
        <v>0</v>
      </c>
      <c r="AM7" s="315">
        <v>26</v>
      </c>
      <c r="AN7" s="315">
        <v>75</v>
      </c>
      <c r="AO7" s="315">
        <v>36</v>
      </c>
      <c r="AP7" s="315">
        <v>38</v>
      </c>
      <c r="AQ7" s="315">
        <v>21</v>
      </c>
      <c r="AR7" s="312">
        <v>196</v>
      </c>
      <c r="AS7" s="317">
        <v>233</v>
      </c>
      <c r="AT7" s="311">
        <v>125</v>
      </c>
      <c r="AU7" s="315">
        <v>172</v>
      </c>
      <c r="AV7" s="312">
        <v>297</v>
      </c>
      <c r="AW7" s="314">
        <v>0</v>
      </c>
      <c r="AX7" s="315">
        <v>467</v>
      </c>
      <c r="AY7" s="315">
        <v>749</v>
      </c>
      <c r="AZ7" s="315">
        <v>569</v>
      </c>
      <c r="BA7" s="315">
        <v>566</v>
      </c>
      <c r="BB7" s="315">
        <v>425</v>
      </c>
      <c r="BC7" s="316">
        <v>2776</v>
      </c>
      <c r="BD7" s="317">
        <v>3073</v>
      </c>
      <c r="BE7" s="311">
        <v>0</v>
      </c>
      <c r="BF7" s="315">
        <v>0</v>
      </c>
      <c r="BG7" s="312">
        <v>0</v>
      </c>
      <c r="BH7" s="314">
        <v>0</v>
      </c>
      <c r="BI7" s="315">
        <v>445</v>
      </c>
      <c r="BJ7" s="315">
        <v>520</v>
      </c>
      <c r="BK7" s="315">
        <v>230</v>
      </c>
      <c r="BL7" s="315">
        <v>122</v>
      </c>
      <c r="BM7" s="315">
        <v>63</v>
      </c>
      <c r="BN7" s="312">
        <v>1380</v>
      </c>
      <c r="BO7" s="317">
        <v>1380</v>
      </c>
      <c r="BP7" s="311">
        <v>71</v>
      </c>
      <c r="BQ7" s="315">
        <v>79</v>
      </c>
      <c r="BR7" s="312">
        <v>150</v>
      </c>
      <c r="BS7" s="314">
        <v>0</v>
      </c>
      <c r="BT7" s="315">
        <v>110</v>
      </c>
      <c r="BU7" s="315">
        <v>250</v>
      </c>
      <c r="BV7" s="315">
        <v>132</v>
      </c>
      <c r="BW7" s="315">
        <v>77</v>
      </c>
      <c r="BX7" s="315">
        <v>31</v>
      </c>
      <c r="BY7" s="312">
        <v>600</v>
      </c>
      <c r="BZ7" s="317">
        <v>750</v>
      </c>
      <c r="CA7" s="311">
        <v>0</v>
      </c>
      <c r="CB7" s="315">
        <v>5</v>
      </c>
      <c r="CC7" s="312">
        <v>5</v>
      </c>
      <c r="CD7" s="314">
        <v>0</v>
      </c>
      <c r="CE7" s="315">
        <v>35</v>
      </c>
      <c r="CF7" s="315">
        <v>88</v>
      </c>
      <c r="CG7" s="315">
        <v>80</v>
      </c>
      <c r="CH7" s="315">
        <v>61</v>
      </c>
      <c r="CI7" s="315">
        <v>37</v>
      </c>
      <c r="CJ7" s="312">
        <v>301</v>
      </c>
      <c r="CK7" s="317">
        <v>306</v>
      </c>
      <c r="CL7" s="311">
        <v>0</v>
      </c>
      <c r="CM7" s="315">
        <v>2</v>
      </c>
      <c r="CN7" s="312">
        <v>2</v>
      </c>
      <c r="CO7" s="314">
        <v>0</v>
      </c>
      <c r="CP7" s="315">
        <v>8</v>
      </c>
      <c r="CQ7" s="315">
        <v>23</v>
      </c>
      <c r="CR7" s="315">
        <v>25</v>
      </c>
      <c r="CS7" s="315">
        <v>26</v>
      </c>
      <c r="CT7" s="315">
        <v>18</v>
      </c>
      <c r="CU7" s="312">
        <v>100</v>
      </c>
      <c r="CV7" s="317">
        <v>102</v>
      </c>
      <c r="CW7" s="311">
        <v>0</v>
      </c>
      <c r="CX7" s="315">
        <v>0</v>
      </c>
      <c r="CY7" s="312">
        <v>0</v>
      </c>
      <c r="CZ7" s="314">
        <v>0</v>
      </c>
      <c r="DA7" s="315">
        <v>0</v>
      </c>
      <c r="DB7" s="315">
        <v>0</v>
      </c>
      <c r="DC7" s="315">
        <v>0</v>
      </c>
      <c r="DD7" s="315">
        <v>0</v>
      </c>
      <c r="DE7" s="315">
        <v>0</v>
      </c>
      <c r="DF7" s="312">
        <v>0</v>
      </c>
      <c r="DG7" s="317">
        <v>0</v>
      </c>
      <c r="DH7" s="311">
        <v>0</v>
      </c>
      <c r="DI7" s="315">
        <v>0</v>
      </c>
      <c r="DJ7" s="312">
        <v>0</v>
      </c>
      <c r="DK7" s="314">
        <v>0</v>
      </c>
      <c r="DL7" s="315">
        <v>0</v>
      </c>
      <c r="DM7" s="315">
        <v>0</v>
      </c>
      <c r="DN7" s="315">
        <v>0</v>
      </c>
      <c r="DO7" s="315">
        <v>0</v>
      </c>
      <c r="DP7" s="315">
        <v>0</v>
      </c>
      <c r="DQ7" s="312">
        <v>0</v>
      </c>
      <c r="DR7" s="317">
        <v>0</v>
      </c>
      <c r="DS7" s="311">
        <v>189</v>
      </c>
      <c r="DT7" s="315">
        <v>518</v>
      </c>
      <c r="DU7" s="312">
        <v>707</v>
      </c>
      <c r="DV7" s="314">
        <v>0</v>
      </c>
      <c r="DW7" s="315">
        <v>461</v>
      </c>
      <c r="DX7" s="315">
        <v>1277</v>
      </c>
      <c r="DY7" s="315">
        <v>641</v>
      </c>
      <c r="DZ7" s="315">
        <v>517</v>
      </c>
      <c r="EA7" s="315">
        <v>317</v>
      </c>
      <c r="EB7" s="312">
        <v>3213</v>
      </c>
      <c r="EC7" s="317">
        <v>3920</v>
      </c>
      <c r="ED7" s="311">
        <v>88</v>
      </c>
      <c r="EE7" s="315">
        <v>83</v>
      </c>
      <c r="EF7" s="312">
        <v>171</v>
      </c>
      <c r="EG7" s="314">
        <v>0</v>
      </c>
      <c r="EH7" s="315">
        <v>250</v>
      </c>
      <c r="EI7" s="315">
        <v>321</v>
      </c>
      <c r="EJ7" s="315">
        <v>262</v>
      </c>
      <c r="EK7" s="315">
        <v>250</v>
      </c>
      <c r="EL7" s="315">
        <v>176</v>
      </c>
      <c r="EM7" s="312">
        <v>1259</v>
      </c>
      <c r="EN7" s="317">
        <v>1430</v>
      </c>
      <c r="EO7" s="311">
        <v>328</v>
      </c>
      <c r="EP7" s="315">
        <v>712</v>
      </c>
      <c r="EQ7" s="312">
        <v>1040</v>
      </c>
      <c r="ER7" s="314">
        <v>0</v>
      </c>
      <c r="ES7" s="315">
        <v>1262</v>
      </c>
      <c r="ET7" s="315">
        <v>1877</v>
      </c>
      <c r="EU7" s="315">
        <v>795</v>
      </c>
      <c r="EV7" s="315">
        <v>564</v>
      </c>
      <c r="EW7" s="315">
        <v>344</v>
      </c>
      <c r="EX7" s="312">
        <v>4842</v>
      </c>
      <c r="EY7" s="317">
        <v>5882</v>
      </c>
    </row>
    <row r="8" spans="1:155" ht="19.5" customHeight="1" x14ac:dyDescent="0.2">
      <c r="A8" s="296" t="s">
        <v>6</v>
      </c>
      <c r="B8" s="311">
        <v>0</v>
      </c>
      <c r="C8" s="315">
        <v>0</v>
      </c>
      <c r="D8" s="437">
        <v>0</v>
      </c>
      <c r="E8" s="314">
        <v>0</v>
      </c>
      <c r="F8" s="315">
        <v>220</v>
      </c>
      <c r="G8" s="315">
        <v>171</v>
      </c>
      <c r="H8" s="315">
        <v>107</v>
      </c>
      <c r="I8" s="315">
        <v>110</v>
      </c>
      <c r="J8" s="315">
        <v>65</v>
      </c>
      <c r="K8" s="316">
        <v>673</v>
      </c>
      <c r="L8" s="317">
        <v>673</v>
      </c>
      <c r="M8" s="311">
        <v>0</v>
      </c>
      <c r="N8" s="315">
        <v>1</v>
      </c>
      <c r="O8" s="312">
        <v>1</v>
      </c>
      <c r="P8" s="314">
        <v>0</v>
      </c>
      <c r="Q8" s="315">
        <v>1</v>
      </c>
      <c r="R8" s="315">
        <v>4</v>
      </c>
      <c r="S8" s="315">
        <v>14</v>
      </c>
      <c r="T8" s="315">
        <v>25</v>
      </c>
      <c r="U8" s="315">
        <v>31</v>
      </c>
      <c r="V8" s="312">
        <v>75</v>
      </c>
      <c r="W8" s="317">
        <v>76</v>
      </c>
      <c r="X8" s="311">
        <v>29</v>
      </c>
      <c r="Y8" s="315">
        <v>67</v>
      </c>
      <c r="Z8" s="312">
        <v>96</v>
      </c>
      <c r="AA8" s="314">
        <v>0</v>
      </c>
      <c r="AB8" s="315">
        <v>170</v>
      </c>
      <c r="AC8" s="315">
        <v>162</v>
      </c>
      <c r="AD8" s="315">
        <v>113</v>
      </c>
      <c r="AE8" s="315">
        <v>98</v>
      </c>
      <c r="AF8" s="315">
        <v>71</v>
      </c>
      <c r="AG8" s="312">
        <v>614</v>
      </c>
      <c r="AH8" s="317">
        <v>710</v>
      </c>
      <c r="AI8" s="311">
        <v>1</v>
      </c>
      <c r="AJ8" s="315">
        <v>5</v>
      </c>
      <c r="AK8" s="312">
        <v>6</v>
      </c>
      <c r="AL8" s="314">
        <v>0</v>
      </c>
      <c r="AM8" s="315">
        <v>14</v>
      </c>
      <c r="AN8" s="315">
        <v>18</v>
      </c>
      <c r="AO8" s="315">
        <v>10</v>
      </c>
      <c r="AP8" s="315">
        <v>10</v>
      </c>
      <c r="AQ8" s="315">
        <v>3</v>
      </c>
      <c r="AR8" s="312">
        <v>55</v>
      </c>
      <c r="AS8" s="317">
        <v>61</v>
      </c>
      <c r="AT8" s="311">
        <v>47</v>
      </c>
      <c r="AU8" s="315">
        <v>54</v>
      </c>
      <c r="AV8" s="312">
        <v>101</v>
      </c>
      <c r="AW8" s="314">
        <v>0</v>
      </c>
      <c r="AX8" s="315">
        <v>236</v>
      </c>
      <c r="AY8" s="315">
        <v>273</v>
      </c>
      <c r="AZ8" s="315">
        <v>224</v>
      </c>
      <c r="BA8" s="315">
        <v>255</v>
      </c>
      <c r="BB8" s="315">
        <v>181</v>
      </c>
      <c r="BC8" s="316">
        <v>1169</v>
      </c>
      <c r="BD8" s="317">
        <v>1270</v>
      </c>
      <c r="BE8" s="311">
        <v>0</v>
      </c>
      <c r="BF8" s="315">
        <v>0</v>
      </c>
      <c r="BG8" s="312">
        <v>0</v>
      </c>
      <c r="BH8" s="314">
        <v>0</v>
      </c>
      <c r="BI8" s="315">
        <v>252</v>
      </c>
      <c r="BJ8" s="315">
        <v>152</v>
      </c>
      <c r="BK8" s="315">
        <v>86</v>
      </c>
      <c r="BL8" s="315">
        <v>58</v>
      </c>
      <c r="BM8" s="315">
        <v>24</v>
      </c>
      <c r="BN8" s="312">
        <v>572</v>
      </c>
      <c r="BO8" s="317">
        <v>572</v>
      </c>
      <c r="BP8" s="311">
        <v>6</v>
      </c>
      <c r="BQ8" s="315">
        <v>9</v>
      </c>
      <c r="BR8" s="312">
        <v>15</v>
      </c>
      <c r="BS8" s="314">
        <v>0</v>
      </c>
      <c r="BT8" s="315">
        <v>45</v>
      </c>
      <c r="BU8" s="315">
        <v>52</v>
      </c>
      <c r="BV8" s="315">
        <v>32</v>
      </c>
      <c r="BW8" s="315">
        <v>39</v>
      </c>
      <c r="BX8" s="315">
        <v>9</v>
      </c>
      <c r="BY8" s="312">
        <v>177</v>
      </c>
      <c r="BZ8" s="317">
        <v>192</v>
      </c>
      <c r="CA8" s="311">
        <v>0</v>
      </c>
      <c r="CB8" s="315">
        <v>0</v>
      </c>
      <c r="CC8" s="312">
        <v>0</v>
      </c>
      <c r="CD8" s="314">
        <v>0</v>
      </c>
      <c r="CE8" s="315">
        <v>21</v>
      </c>
      <c r="CF8" s="315">
        <v>17</v>
      </c>
      <c r="CG8" s="315">
        <v>32</v>
      </c>
      <c r="CH8" s="315">
        <v>21</v>
      </c>
      <c r="CI8" s="315">
        <v>14</v>
      </c>
      <c r="CJ8" s="312">
        <v>105</v>
      </c>
      <c r="CK8" s="317">
        <v>105</v>
      </c>
      <c r="CL8" s="311">
        <v>0</v>
      </c>
      <c r="CM8" s="315">
        <v>0</v>
      </c>
      <c r="CN8" s="312">
        <v>0</v>
      </c>
      <c r="CO8" s="314">
        <v>0</v>
      </c>
      <c r="CP8" s="315">
        <v>6</v>
      </c>
      <c r="CQ8" s="315">
        <v>4</v>
      </c>
      <c r="CR8" s="315">
        <v>6</v>
      </c>
      <c r="CS8" s="315">
        <v>8</v>
      </c>
      <c r="CT8" s="315">
        <v>3</v>
      </c>
      <c r="CU8" s="312">
        <v>27</v>
      </c>
      <c r="CV8" s="317">
        <v>27</v>
      </c>
      <c r="CW8" s="311">
        <v>0</v>
      </c>
      <c r="CX8" s="315">
        <v>0</v>
      </c>
      <c r="CY8" s="312">
        <v>0</v>
      </c>
      <c r="CZ8" s="314">
        <v>0</v>
      </c>
      <c r="DA8" s="315">
        <v>0</v>
      </c>
      <c r="DB8" s="315">
        <v>0</v>
      </c>
      <c r="DC8" s="315">
        <v>0</v>
      </c>
      <c r="DD8" s="315">
        <v>0</v>
      </c>
      <c r="DE8" s="315">
        <v>0</v>
      </c>
      <c r="DF8" s="312">
        <v>0</v>
      </c>
      <c r="DG8" s="317">
        <v>0</v>
      </c>
      <c r="DH8" s="311">
        <v>0</v>
      </c>
      <c r="DI8" s="315">
        <v>0</v>
      </c>
      <c r="DJ8" s="312">
        <v>0</v>
      </c>
      <c r="DK8" s="314">
        <v>0</v>
      </c>
      <c r="DL8" s="315">
        <v>0</v>
      </c>
      <c r="DM8" s="315">
        <v>0</v>
      </c>
      <c r="DN8" s="315">
        <v>0</v>
      </c>
      <c r="DO8" s="315">
        <v>0</v>
      </c>
      <c r="DP8" s="315">
        <v>0</v>
      </c>
      <c r="DQ8" s="312">
        <v>0</v>
      </c>
      <c r="DR8" s="317">
        <v>0</v>
      </c>
      <c r="DS8" s="311">
        <v>97</v>
      </c>
      <c r="DT8" s="315">
        <v>159</v>
      </c>
      <c r="DU8" s="312">
        <v>256</v>
      </c>
      <c r="DV8" s="314">
        <v>0</v>
      </c>
      <c r="DW8" s="315">
        <v>329</v>
      </c>
      <c r="DX8" s="315">
        <v>393</v>
      </c>
      <c r="DY8" s="315">
        <v>253</v>
      </c>
      <c r="DZ8" s="315">
        <v>224</v>
      </c>
      <c r="EA8" s="315">
        <v>121</v>
      </c>
      <c r="EB8" s="312">
        <v>1320</v>
      </c>
      <c r="EC8" s="317">
        <v>1576</v>
      </c>
      <c r="ED8" s="311">
        <v>31</v>
      </c>
      <c r="EE8" s="315">
        <v>22</v>
      </c>
      <c r="EF8" s="312">
        <v>53</v>
      </c>
      <c r="EG8" s="314">
        <v>0</v>
      </c>
      <c r="EH8" s="315">
        <v>93</v>
      </c>
      <c r="EI8" s="315">
        <v>96</v>
      </c>
      <c r="EJ8" s="315">
        <v>89</v>
      </c>
      <c r="EK8" s="315">
        <v>112</v>
      </c>
      <c r="EL8" s="315">
        <v>77</v>
      </c>
      <c r="EM8" s="312">
        <v>467</v>
      </c>
      <c r="EN8" s="317">
        <v>520</v>
      </c>
      <c r="EO8" s="311">
        <v>122</v>
      </c>
      <c r="EP8" s="315">
        <v>196</v>
      </c>
      <c r="EQ8" s="312">
        <v>318</v>
      </c>
      <c r="ER8" s="314">
        <v>0</v>
      </c>
      <c r="ES8" s="315">
        <v>689</v>
      </c>
      <c r="ET8" s="315">
        <v>532</v>
      </c>
      <c r="EU8" s="315">
        <v>300</v>
      </c>
      <c r="EV8" s="315">
        <v>239</v>
      </c>
      <c r="EW8" s="315">
        <v>129</v>
      </c>
      <c r="EX8" s="312">
        <v>1889</v>
      </c>
      <c r="EY8" s="317">
        <v>2207</v>
      </c>
    </row>
    <row r="9" spans="1:155" ht="19.5" customHeight="1" x14ac:dyDescent="0.2">
      <c r="A9" s="296" t="s">
        <v>14</v>
      </c>
      <c r="B9" s="311">
        <v>0</v>
      </c>
      <c r="C9" s="315">
        <v>0</v>
      </c>
      <c r="D9" s="437">
        <v>0</v>
      </c>
      <c r="E9" s="314">
        <v>0</v>
      </c>
      <c r="F9" s="315">
        <v>58</v>
      </c>
      <c r="G9" s="315">
        <v>53</v>
      </c>
      <c r="H9" s="315">
        <v>42</v>
      </c>
      <c r="I9" s="315">
        <v>33</v>
      </c>
      <c r="J9" s="315">
        <v>22</v>
      </c>
      <c r="K9" s="316">
        <v>208</v>
      </c>
      <c r="L9" s="317">
        <v>208</v>
      </c>
      <c r="M9" s="311">
        <v>0</v>
      </c>
      <c r="N9" s="315">
        <v>0</v>
      </c>
      <c r="O9" s="312">
        <v>0</v>
      </c>
      <c r="P9" s="314">
        <v>0</v>
      </c>
      <c r="Q9" s="315">
        <v>0</v>
      </c>
      <c r="R9" s="315">
        <v>2</v>
      </c>
      <c r="S9" s="315">
        <v>2</v>
      </c>
      <c r="T9" s="315">
        <v>12</v>
      </c>
      <c r="U9" s="315">
        <v>14</v>
      </c>
      <c r="V9" s="312">
        <v>30</v>
      </c>
      <c r="W9" s="317">
        <v>30</v>
      </c>
      <c r="X9" s="311">
        <v>6</v>
      </c>
      <c r="Y9" s="315">
        <v>22</v>
      </c>
      <c r="Z9" s="312">
        <v>28</v>
      </c>
      <c r="AA9" s="314">
        <v>0</v>
      </c>
      <c r="AB9" s="315">
        <v>31</v>
      </c>
      <c r="AC9" s="315">
        <v>51</v>
      </c>
      <c r="AD9" s="315">
        <v>39</v>
      </c>
      <c r="AE9" s="315">
        <v>41</v>
      </c>
      <c r="AF9" s="315">
        <v>26</v>
      </c>
      <c r="AG9" s="312">
        <v>188</v>
      </c>
      <c r="AH9" s="317">
        <v>216</v>
      </c>
      <c r="AI9" s="311">
        <v>0</v>
      </c>
      <c r="AJ9" s="315">
        <v>2</v>
      </c>
      <c r="AK9" s="312">
        <v>2</v>
      </c>
      <c r="AL9" s="314">
        <v>0</v>
      </c>
      <c r="AM9" s="315">
        <v>1</v>
      </c>
      <c r="AN9" s="315">
        <v>3</v>
      </c>
      <c r="AO9" s="315">
        <v>6</v>
      </c>
      <c r="AP9" s="315">
        <v>3</v>
      </c>
      <c r="AQ9" s="315">
        <v>1</v>
      </c>
      <c r="AR9" s="312">
        <v>14</v>
      </c>
      <c r="AS9" s="317">
        <v>16</v>
      </c>
      <c r="AT9" s="311">
        <v>14</v>
      </c>
      <c r="AU9" s="315">
        <v>23</v>
      </c>
      <c r="AV9" s="312">
        <v>37</v>
      </c>
      <c r="AW9" s="314">
        <v>0</v>
      </c>
      <c r="AX9" s="315">
        <v>65</v>
      </c>
      <c r="AY9" s="315">
        <v>70</v>
      </c>
      <c r="AZ9" s="315">
        <v>72</v>
      </c>
      <c r="BA9" s="315">
        <v>88</v>
      </c>
      <c r="BB9" s="315">
        <v>50</v>
      </c>
      <c r="BC9" s="316">
        <v>345</v>
      </c>
      <c r="BD9" s="317">
        <v>382</v>
      </c>
      <c r="BE9" s="311">
        <v>0</v>
      </c>
      <c r="BF9" s="315">
        <v>0</v>
      </c>
      <c r="BG9" s="312">
        <v>0</v>
      </c>
      <c r="BH9" s="314">
        <v>0</v>
      </c>
      <c r="BI9" s="315">
        <v>92</v>
      </c>
      <c r="BJ9" s="315">
        <v>68</v>
      </c>
      <c r="BK9" s="315">
        <v>49</v>
      </c>
      <c r="BL9" s="315">
        <v>28</v>
      </c>
      <c r="BM9" s="315">
        <v>15</v>
      </c>
      <c r="BN9" s="312">
        <v>252</v>
      </c>
      <c r="BO9" s="317">
        <v>252</v>
      </c>
      <c r="BP9" s="311">
        <v>3</v>
      </c>
      <c r="BQ9" s="315">
        <v>5</v>
      </c>
      <c r="BR9" s="312">
        <v>8</v>
      </c>
      <c r="BS9" s="314">
        <v>0</v>
      </c>
      <c r="BT9" s="315">
        <v>8</v>
      </c>
      <c r="BU9" s="315">
        <v>17</v>
      </c>
      <c r="BV9" s="315">
        <v>9</v>
      </c>
      <c r="BW9" s="315">
        <v>11</v>
      </c>
      <c r="BX9" s="315">
        <v>2</v>
      </c>
      <c r="BY9" s="312">
        <v>47</v>
      </c>
      <c r="BZ9" s="317">
        <v>55</v>
      </c>
      <c r="CA9" s="311">
        <v>0</v>
      </c>
      <c r="CB9" s="315">
        <v>0</v>
      </c>
      <c r="CC9" s="312">
        <v>0</v>
      </c>
      <c r="CD9" s="314">
        <v>0</v>
      </c>
      <c r="CE9" s="315">
        <v>12</v>
      </c>
      <c r="CF9" s="315">
        <v>13</v>
      </c>
      <c r="CG9" s="315">
        <v>18</v>
      </c>
      <c r="CH9" s="315">
        <v>17</v>
      </c>
      <c r="CI9" s="315">
        <v>8</v>
      </c>
      <c r="CJ9" s="312">
        <v>68</v>
      </c>
      <c r="CK9" s="317">
        <v>68</v>
      </c>
      <c r="CL9" s="311">
        <v>0</v>
      </c>
      <c r="CM9" s="315">
        <v>0</v>
      </c>
      <c r="CN9" s="312">
        <v>0</v>
      </c>
      <c r="CO9" s="314">
        <v>0</v>
      </c>
      <c r="CP9" s="315">
        <v>0</v>
      </c>
      <c r="CQ9" s="315">
        <v>0</v>
      </c>
      <c r="CR9" s="315">
        <v>0</v>
      </c>
      <c r="CS9" s="315">
        <v>1</v>
      </c>
      <c r="CT9" s="315">
        <v>2</v>
      </c>
      <c r="CU9" s="312">
        <v>3</v>
      </c>
      <c r="CV9" s="317">
        <v>3</v>
      </c>
      <c r="CW9" s="311">
        <v>0</v>
      </c>
      <c r="CX9" s="315">
        <v>0</v>
      </c>
      <c r="CY9" s="312">
        <v>0</v>
      </c>
      <c r="CZ9" s="314">
        <v>0</v>
      </c>
      <c r="DA9" s="315">
        <v>0</v>
      </c>
      <c r="DB9" s="315">
        <v>0</v>
      </c>
      <c r="DC9" s="315">
        <v>0</v>
      </c>
      <c r="DD9" s="315">
        <v>0</v>
      </c>
      <c r="DE9" s="315">
        <v>0</v>
      </c>
      <c r="DF9" s="312">
        <v>0</v>
      </c>
      <c r="DG9" s="317">
        <v>0</v>
      </c>
      <c r="DH9" s="311">
        <v>0</v>
      </c>
      <c r="DI9" s="315">
        <v>0</v>
      </c>
      <c r="DJ9" s="312">
        <v>0</v>
      </c>
      <c r="DK9" s="314">
        <v>0</v>
      </c>
      <c r="DL9" s="315">
        <v>0</v>
      </c>
      <c r="DM9" s="315">
        <v>0</v>
      </c>
      <c r="DN9" s="315">
        <v>0</v>
      </c>
      <c r="DO9" s="315">
        <v>0</v>
      </c>
      <c r="DP9" s="315">
        <v>0</v>
      </c>
      <c r="DQ9" s="312">
        <v>0</v>
      </c>
      <c r="DR9" s="317">
        <v>0</v>
      </c>
      <c r="DS9" s="311">
        <v>27</v>
      </c>
      <c r="DT9" s="315">
        <v>77</v>
      </c>
      <c r="DU9" s="312">
        <v>104</v>
      </c>
      <c r="DV9" s="314">
        <v>0</v>
      </c>
      <c r="DW9" s="315">
        <v>78</v>
      </c>
      <c r="DX9" s="315">
        <v>146</v>
      </c>
      <c r="DY9" s="315">
        <v>104</v>
      </c>
      <c r="DZ9" s="315">
        <v>99</v>
      </c>
      <c r="EA9" s="315">
        <v>49</v>
      </c>
      <c r="EB9" s="312">
        <v>476</v>
      </c>
      <c r="EC9" s="317">
        <v>580</v>
      </c>
      <c r="ED9" s="311">
        <v>11</v>
      </c>
      <c r="EE9" s="315">
        <v>16</v>
      </c>
      <c r="EF9" s="312">
        <v>27</v>
      </c>
      <c r="EG9" s="314">
        <v>0</v>
      </c>
      <c r="EH9" s="315">
        <v>24</v>
      </c>
      <c r="EI9" s="315">
        <v>31</v>
      </c>
      <c r="EJ9" s="315">
        <v>28</v>
      </c>
      <c r="EK9" s="315">
        <v>31</v>
      </c>
      <c r="EL9" s="315">
        <v>12</v>
      </c>
      <c r="EM9" s="312">
        <v>126</v>
      </c>
      <c r="EN9" s="317">
        <v>153</v>
      </c>
      <c r="EO9" s="311">
        <v>37</v>
      </c>
      <c r="EP9" s="315">
        <v>85</v>
      </c>
      <c r="EQ9" s="312">
        <v>122</v>
      </c>
      <c r="ER9" s="314">
        <v>0</v>
      </c>
      <c r="ES9" s="315">
        <v>196</v>
      </c>
      <c r="ET9" s="315">
        <v>205</v>
      </c>
      <c r="EU9" s="315">
        <v>122</v>
      </c>
      <c r="EV9" s="315">
        <v>102</v>
      </c>
      <c r="EW9" s="315">
        <v>54</v>
      </c>
      <c r="EX9" s="312">
        <v>679</v>
      </c>
      <c r="EY9" s="317">
        <v>801</v>
      </c>
    </row>
    <row r="10" spans="1:155" ht="19.5" customHeight="1" x14ac:dyDescent="0.2">
      <c r="A10" s="296" t="s">
        <v>7</v>
      </c>
      <c r="B10" s="311">
        <v>0</v>
      </c>
      <c r="C10" s="315">
        <v>0</v>
      </c>
      <c r="D10" s="437">
        <v>0</v>
      </c>
      <c r="E10" s="314">
        <v>0</v>
      </c>
      <c r="F10" s="315">
        <v>55</v>
      </c>
      <c r="G10" s="315">
        <v>43</v>
      </c>
      <c r="H10" s="315">
        <v>22</v>
      </c>
      <c r="I10" s="315">
        <v>9</v>
      </c>
      <c r="J10" s="315">
        <v>12</v>
      </c>
      <c r="K10" s="316">
        <v>141</v>
      </c>
      <c r="L10" s="317">
        <v>141</v>
      </c>
      <c r="M10" s="311">
        <v>0</v>
      </c>
      <c r="N10" s="315">
        <v>0</v>
      </c>
      <c r="O10" s="312">
        <v>0</v>
      </c>
      <c r="P10" s="314">
        <v>0</v>
      </c>
      <c r="Q10" s="315">
        <v>3</v>
      </c>
      <c r="R10" s="315">
        <v>2</v>
      </c>
      <c r="S10" s="315">
        <v>1</v>
      </c>
      <c r="T10" s="315">
        <v>2</v>
      </c>
      <c r="U10" s="315">
        <v>7</v>
      </c>
      <c r="V10" s="312">
        <v>15</v>
      </c>
      <c r="W10" s="317">
        <v>15</v>
      </c>
      <c r="X10" s="311">
        <v>0</v>
      </c>
      <c r="Y10" s="315">
        <v>3</v>
      </c>
      <c r="Z10" s="312">
        <v>3</v>
      </c>
      <c r="AA10" s="314">
        <v>0</v>
      </c>
      <c r="AB10" s="315">
        <v>31</v>
      </c>
      <c r="AC10" s="315">
        <v>34</v>
      </c>
      <c r="AD10" s="315">
        <v>11</v>
      </c>
      <c r="AE10" s="315">
        <v>9</v>
      </c>
      <c r="AF10" s="315">
        <v>13</v>
      </c>
      <c r="AG10" s="312">
        <v>98</v>
      </c>
      <c r="AH10" s="317">
        <v>101</v>
      </c>
      <c r="AI10" s="311">
        <v>0</v>
      </c>
      <c r="AJ10" s="315">
        <v>0</v>
      </c>
      <c r="AK10" s="312">
        <v>0</v>
      </c>
      <c r="AL10" s="314">
        <v>0</v>
      </c>
      <c r="AM10" s="315">
        <v>3</v>
      </c>
      <c r="AN10" s="315">
        <v>7</v>
      </c>
      <c r="AO10" s="315">
        <v>2</v>
      </c>
      <c r="AP10" s="315">
        <v>2</v>
      </c>
      <c r="AQ10" s="315">
        <v>1</v>
      </c>
      <c r="AR10" s="312">
        <v>15</v>
      </c>
      <c r="AS10" s="317">
        <v>15</v>
      </c>
      <c r="AT10" s="311">
        <v>14</v>
      </c>
      <c r="AU10" s="315">
        <v>5</v>
      </c>
      <c r="AV10" s="312">
        <v>19</v>
      </c>
      <c r="AW10" s="314">
        <v>0</v>
      </c>
      <c r="AX10" s="315">
        <v>59</v>
      </c>
      <c r="AY10" s="315">
        <v>53</v>
      </c>
      <c r="AZ10" s="315">
        <v>33</v>
      </c>
      <c r="BA10" s="315">
        <v>35</v>
      </c>
      <c r="BB10" s="315">
        <v>25</v>
      </c>
      <c r="BC10" s="316">
        <v>205</v>
      </c>
      <c r="BD10" s="317">
        <v>224</v>
      </c>
      <c r="BE10" s="311">
        <v>0</v>
      </c>
      <c r="BF10" s="315">
        <v>0</v>
      </c>
      <c r="BG10" s="312">
        <v>0</v>
      </c>
      <c r="BH10" s="314">
        <v>0</v>
      </c>
      <c r="BI10" s="315">
        <v>72</v>
      </c>
      <c r="BJ10" s="315">
        <v>44</v>
      </c>
      <c r="BK10" s="315">
        <v>12</v>
      </c>
      <c r="BL10" s="315">
        <v>6</v>
      </c>
      <c r="BM10" s="315">
        <v>4</v>
      </c>
      <c r="BN10" s="312">
        <v>138</v>
      </c>
      <c r="BO10" s="317">
        <v>138</v>
      </c>
      <c r="BP10" s="311">
        <v>1</v>
      </c>
      <c r="BQ10" s="315">
        <v>3</v>
      </c>
      <c r="BR10" s="312">
        <v>4</v>
      </c>
      <c r="BS10" s="314">
        <v>0</v>
      </c>
      <c r="BT10" s="315">
        <v>18</v>
      </c>
      <c r="BU10" s="315">
        <v>13</v>
      </c>
      <c r="BV10" s="315">
        <v>9</v>
      </c>
      <c r="BW10" s="315">
        <v>3</v>
      </c>
      <c r="BX10" s="315">
        <v>2</v>
      </c>
      <c r="BY10" s="312">
        <v>45</v>
      </c>
      <c r="BZ10" s="317">
        <v>49</v>
      </c>
      <c r="CA10" s="311">
        <v>0</v>
      </c>
      <c r="CB10" s="315">
        <v>0</v>
      </c>
      <c r="CC10" s="312">
        <v>0</v>
      </c>
      <c r="CD10" s="314">
        <v>0</v>
      </c>
      <c r="CE10" s="315">
        <v>8</v>
      </c>
      <c r="CF10" s="315">
        <v>6</v>
      </c>
      <c r="CG10" s="315">
        <v>11</v>
      </c>
      <c r="CH10" s="315">
        <v>6</v>
      </c>
      <c r="CI10" s="315">
        <v>2</v>
      </c>
      <c r="CJ10" s="312">
        <v>33</v>
      </c>
      <c r="CK10" s="317">
        <v>33</v>
      </c>
      <c r="CL10" s="311">
        <v>0</v>
      </c>
      <c r="CM10" s="315">
        <v>0</v>
      </c>
      <c r="CN10" s="312">
        <v>0</v>
      </c>
      <c r="CO10" s="314">
        <v>0</v>
      </c>
      <c r="CP10" s="315">
        <v>1</v>
      </c>
      <c r="CQ10" s="315">
        <v>0</v>
      </c>
      <c r="CR10" s="315">
        <v>0</v>
      </c>
      <c r="CS10" s="315">
        <v>0</v>
      </c>
      <c r="CT10" s="315">
        <v>2</v>
      </c>
      <c r="CU10" s="312">
        <v>3</v>
      </c>
      <c r="CV10" s="317">
        <v>3</v>
      </c>
      <c r="CW10" s="311">
        <v>0</v>
      </c>
      <c r="CX10" s="315">
        <v>0</v>
      </c>
      <c r="CY10" s="312">
        <v>0</v>
      </c>
      <c r="CZ10" s="314">
        <v>0</v>
      </c>
      <c r="DA10" s="315">
        <v>0</v>
      </c>
      <c r="DB10" s="315">
        <v>0</v>
      </c>
      <c r="DC10" s="315">
        <v>0</v>
      </c>
      <c r="DD10" s="315">
        <v>0</v>
      </c>
      <c r="DE10" s="315">
        <v>0</v>
      </c>
      <c r="DF10" s="312">
        <v>0</v>
      </c>
      <c r="DG10" s="317">
        <v>0</v>
      </c>
      <c r="DH10" s="311">
        <v>0</v>
      </c>
      <c r="DI10" s="315">
        <v>0</v>
      </c>
      <c r="DJ10" s="312">
        <v>0</v>
      </c>
      <c r="DK10" s="314">
        <v>0</v>
      </c>
      <c r="DL10" s="315">
        <v>0</v>
      </c>
      <c r="DM10" s="315">
        <v>0</v>
      </c>
      <c r="DN10" s="315">
        <v>0</v>
      </c>
      <c r="DO10" s="315">
        <v>0</v>
      </c>
      <c r="DP10" s="315">
        <v>0</v>
      </c>
      <c r="DQ10" s="312">
        <v>0</v>
      </c>
      <c r="DR10" s="317">
        <v>0</v>
      </c>
      <c r="DS10" s="311">
        <v>16</v>
      </c>
      <c r="DT10" s="315">
        <v>24</v>
      </c>
      <c r="DU10" s="312">
        <v>40</v>
      </c>
      <c r="DV10" s="314">
        <v>0</v>
      </c>
      <c r="DW10" s="315">
        <v>82</v>
      </c>
      <c r="DX10" s="315">
        <v>101</v>
      </c>
      <c r="DY10" s="315">
        <v>45</v>
      </c>
      <c r="DZ10" s="315">
        <v>27</v>
      </c>
      <c r="EA10" s="315">
        <v>22</v>
      </c>
      <c r="EB10" s="312">
        <v>277</v>
      </c>
      <c r="EC10" s="317">
        <v>317</v>
      </c>
      <c r="ED10" s="311">
        <v>11</v>
      </c>
      <c r="EE10" s="315">
        <v>5</v>
      </c>
      <c r="EF10" s="312">
        <v>16</v>
      </c>
      <c r="EG10" s="314">
        <v>0</v>
      </c>
      <c r="EH10" s="315">
        <v>26</v>
      </c>
      <c r="EI10" s="315">
        <v>22</v>
      </c>
      <c r="EJ10" s="315">
        <v>20</v>
      </c>
      <c r="EK10" s="315">
        <v>22</v>
      </c>
      <c r="EL10" s="315">
        <v>9</v>
      </c>
      <c r="EM10" s="312">
        <v>99</v>
      </c>
      <c r="EN10" s="317">
        <v>115</v>
      </c>
      <c r="EO10" s="311">
        <v>16</v>
      </c>
      <c r="EP10" s="315">
        <v>27</v>
      </c>
      <c r="EQ10" s="312">
        <v>43</v>
      </c>
      <c r="ER10" s="314">
        <v>0</v>
      </c>
      <c r="ES10" s="315">
        <v>173</v>
      </c>
      <c r="ET10" s="315">
        <v>137</v>
      </c>
      <c r="EU10" s="315">
        <v>55</v>
      </c>
      <c r="EV10" s="315">
        <v>30</v>
      </c>
      <c r="EW10" s="315">
        <v>22</v>
      </c>
      <c r="EX10" s="312">
        <v>417</v>
      </c>
      <c r="EY10" s="317">
        <v>460</v>
      </c>
    </row>
    <row r="11" spans="1:155" ht="19.5" customHeight="1" x14ac:dyDescent="0.2">
      <c r="A11" s="296" t="s">
        <v>8</v>
      </c>
      <c r="B11" s="311">
        <v>0</v>
      </c>
      <c r="C11" s="315">
        <v>0</v>
      </c>
      <c r="D11" s="437">
        <v>0</v>
      </c>
      <c r="E11" s="314">
        <v>0</v>
      </c>
      <c r="F11" s="315">
        <v>16</v>
      </c>
      <c r="G11" s="315">
        <v>27</v>
      </c>
      <c r="H11" s="315">
        <v>10</v>
      </c>
      <c r="I11" s="315">
        <v>11</v>
      </c>
      <c r="J11" s="315">
        <v>6</v>
      </c>
      <c r="K11" s="316">
        <v>70</v>
      </c>
      <c r="L11" s="317">
        <v>70</v>
      </c>
      <c r="M11" s="311">
        <v>0</v>
      </c>
      <c r="N11" s="315">
        <v>0</v>
      </c>
      <c r="O11" s="312">
        <v>0</v>
      </c>
      <c r="P11" s="314">
        <v>0</v>
      </c>
      <c r="Q11" s="315">
        <v>0</v>
      </c>
      <c r="R11" s="315">
        <v>1</v>
      </c>
      <c r="S11" s="315">
        <v>0</v>
      </c>
      <c r="T11" s="315">
        <v>7</v>
      </c>
      <c r="U11" s="315">
        <v>4</v>
      </c>
      <c r="V11" s="312">
        <v>12</v>
      </c>
      <c r="W11" s="317">
        <v>12</v>
      </c>
      <c r="X11" s="311">
        <v>2</v>
      </c>
      <c r="Y11" s="315">
        <v>2</v>
      </c>
      <c r="Z11" s="312">
        <v>4</v>
      </c>
      <c r="AA11" s="314">
        <v>0</v>
      </c>
      <c r="AB11" s="315">
        <v>10</v>
      </c>
      <c r="AC11" s="315">
        <v>13</v>
      </c>
      <c r="AD11" s="315">
        <v>5</v>
      </c>
      <c r="AE11" s="315">
        <v>15</v>
      </c>
      <c r="AF11" s="315">
        <v>4</v>
      </c>
      <c r="AG11" s="312">
        <v>47</v>
      </c>
      <c r="AH11" s="317">
        <v>51</v>
      </c>
      <c r="AI11" s="311">
        <v>0</v>
      </c>
      <c r="AJ11" s="315">
        <v>1</v>
      </c>
      <c r="AK11" s="312">
        <v>1</v>
      </c>
      <c r="AL11" s="314">
        <v>0</v>
      </c>
      <c r="AM11" s="315">
        <v>0</v>
      </c>
      <c r="AN11" s="315">
        <v>3</v>
      </c>
      <c r="AO11" s="315">
        <v>5</v>
      </c>
      <c r="AP11" s="315">
        <v>3</v>
      </c>
      <c r="AQ11" s="315">
        <v>2</v>
      </c>
      <c r="AR11" s="312">
        <v>13</v>
      </c>
      <c r="AS11" s="317">
        <v>14</v>
      </c>
      <c r="AT11" s="311">
        <v>6</v>
      </c>
      <c r="AU11" s="315">
        <v>2</v>
      </c>
      <c r="AV11" s="312">
        <v>8</v>
      </c>
      <c r="AW11" s="314">
        <v>0</v>
      </c>
      <c r="AX11" s="315">
        <v>10</v>
      </c>
      <c r="AY11" s="315">
        <v>26</v>
      </c>
      <c r="AZ11" s="315">
        <v>16</v>
      </c>
      <c r="BA11" s="315">
        <v>28</v>
      </c>
      <c r="BB11" s="315">
        <v>15</v>
      </c>
      <c r="BC11" s="316">
        <v>95</v>
      </c>
      <c r="BD11" s="317">
        <v>103</v>
      </c>
      <c r="BE11" s="311">
        <v>0</v>
      </c>
      <c r="BF11" s="315">
        <v>0</v>
      </c>
      <c r="BG11" s="312">
        <v>0</v>
      </c>
      <c r="BH11" s="314">
        <v>0</v>
      </c>
      <c r="BI11" s="315">
        <v>23</v>
      </c>
      <c r="BJ11" s="315">
        <v>30</v>
      </c>
      <c r="BK11" s="315">
        <v>6</v>
      </c>
      <c r="BL11" s="315">
        <v>11</v>
      </c>
      <c r="BM11" s="315">
        <v>3</v>
      </c>
      <c r="BN11" s="312">
        <v>73</v>
      </c>
      <c r="BO11" s="317">
        <v>73</v>
      </c>
      <c r="BP11" s="311">
        <v>1</v>
      </c>
      <c r="BQ11" s="315">
        <v>3</v>
      </c>
      <c r="BR11" s="312">
        <v>4</v>
      </c>
      <c r="BS11" s="314">
        <v>0</v>
      </c>
      <c r="BT11" s="315">
        <v>16</v>
      </c>
      <c r="BU11" s="315">
        <v>11</v>
      </c>
      <c r="BV11" s="315">
        <v>3</v>
      </c>
      <c r="BW11" s="315">
        <v>5</v>
      </c>
      <c r="BX11" s="315">
        <v>1</v>
      </c>
      <c r="BY11" s="312">
        <v>36</v>
      </c>
      <c r="BZ11" s="317">
        <v>40</v>
      </c>
      <c r="CA11" s="311">
        <v>0</v>
      </c>
      <c r="CB11" s="315">
        <v>0</v>
      </c>
      <c r="CC11" s="312">
        <v>0</v>
      </c>
      <c r="CD11" s="314">
        <v>0</v>
      </c>
      <c r="CE11" s="315">
        <v>4</v>
      </c>
      <c r="CF11" s="315">
        <v>5</v>
      </c>
      <c r="CG11" s="315">
        <v>3</v>
      </c>
      <c r="CH11" s="315">
        <v>4</v>
      </c>
      <c r="CI11" s="315">
        <v>1</v>
      </c>
      <c r="CJ11" s="312">
        <v>17</v>
      </c>
      <c r="CK11" s="317">
        <v>17</v>
      </c>
      <c r="CL11" s="311">
        <v>0</v>
      </c>
      <c r="CM11" s="315">
        <v>0</v>
      </c>
      <c r="CN11" s="312">
        <v>0</v>
      </c>
      <c r="CO11" s="314">
        <v>0</v>
      </c>
      <c r="CP11" s="315">
        <v>0</v>
      </c>
      <c r="CQ11" s="315">
        <v>1</v>
      </c>
      <c r="CR11" s="315">
        <v>0</v>
      </c>
      <c r="CS11" s="315">
        <v>0</v>
      </c>
      <c r="CT11" s="315">
        <v>0</v>
      </c>
      <c r="CU11" s="312">
        <v>1</v>
      </c>
      <c r="CV11" s="317">
        <v>1</v>
      </c>
      <c r="CW11" s="311">
        <v>0</v>
      </c>
      <c r="CX11" s="315">
        <v>0</v>
      </c>
      <c r="CY11" s="312">
        <v>0</v>
      </c>
      <c r="CZ11" s="314">
        <v>0</v>
      </c>
      <c r="DA11" s="315">
        <v>0</v>
      </c>
      <c r="DB11" s="315">
        <v>0</v>
      </c>
      <c r="DC11" s="315">
        <v>0</v>
      </c>
      <c r="DD11" s="315">
        <v>0</v>
      </c>
      <c r="DE11" s="315">
        <v>0</v>
      </c>
      <c r="DF11" s="312">
        <v>0</v>
      </c>
      <c r="DG11" s="317">
        <v>0</v>
      </c>
      <c r="DH11" s="311">
        <v>0</v>
      </c>
      <c r="DI11" s="315">
        <v>0</v>
      </c>
      <c r="DJ11" s="312">
        <v>0</v>
      </c>
      <c r="DK11" s="314">
        <v>0</v>
      </c>
      <c r="DL11" s="315">
        <v>0</v>
      </c>
      <c r="DM11" s="315">
        <v>0</v>
      </c>
      <c r="DN11" s="315">
        <v>0</v>
      </c>
      <c r="DO11" s="315">
        <v>0</v>
      </c>
      <c r="DP11" s="315">
        <v>0</v>
      </c>
      <c r="DQ11" s="312">
        <v>0</v>
      </c>
      <c r="DR11" s="317">
        <v>0</v>
      </c>
      <c r="DS11" s="311">
        <v>9</v>
      </c>
      <c r="DT11" s="315">
        <v>13</v>
      </c>
      <c r="DU11" s="312">
        <v>22</v>
      </c>
      <c r="DV11" s="314">
        <v>0</v>
      </c>
      <c r="DW11" s="315">
        <v>52</v>
      </c>
      <c r="DX11" s="315">
        <v>60</v>
      </c>
      <c r="DY11" s="315">
        <v>24</v>
      </c>
      <c r="DZ11" s="315">
        <v>28</v>
      </c>
      <c r="EA11" s="315">
        <v>9</v>
      </c>
      <c r="EB11" s="312">
        <v>173</v>
      </c>
      <c r="EC11" s="317">
        <v>195</v>
      </c>
      <c r="ED11" s="311">
        <v>5</v>
      </c>
      <c r="EE11" s="315">
        <v>0</v>
      </c>
      <c r="EF11" s="312">
        <v>5</v>
      </c>
      <c r="EG11" s="314">
        <v>0</v>
      </c>
      <c r="EH11" s="315">
        <v>10</v>
      </c>
      <c r="EI11" s="315">
        <v>13</v>
      </c>
      <c r="EJ11" s="315">
        <v>11</v>
      </c>
      <c r="EK11" s="315">
        <v>7</v>
      </c>
      <c r="EL11" s="315">
        <v>8</v>
      </c>
      <c r="EM11" s="312">
        <v>49</v>
      </c>
      <c r="EN11" s="317">
        <v>54</v>
      </c>
      <c r="EO11" s="311">
        <v>11</v>
      </c>
      <c r="EP11" s="315">
        <v>16</v>
      </c>
      <c r="EQ11" s="312">
        <v>27</v>
      </c>
      <c r="ER11" s="314">
        <v>0</v>
      </c>
      <c r="ES11" s="315">
        <v>96</v>
      </c>
      <c r="ET11" s="315">
        <v>87</v>
      </c>
      <c r="EU11" s="315">
        <v>24</v>
      </c>
      <c r="EV11" s="315">
        <v>31</v>
      </c>
      <c r="EW11" s="315">
        <v>9</v>
      </c>
      <c r="EX11" s="312">
        <v>247</v>
      </c>
      <c r="EY11" s="317">
        <v>274</v>
      </c>
    </row>
    <row r="12" spans="1:155" ht="19.5" customHeight="1" x14ac:dyDescent="0.2">
      <c r="A12" s="296" t="s">
        <v>9</v>
      </c>
      <c r="B12" s="311">
        <v>0</v>
      </c>
      <c r="C12" s="315">
        <v>0</v>
      </c>
      <c r="D12" s="437">
        <v>0</v>
      </c>
      <c r="E12" s="314">
        <v>0</v>
      </c>
      <c r="F12" s="315">
        <v>81</v>
      </c>
      <c r="G12" s="315">
        <v>45</v>
      </c>
      <c r="H12" s="315">
        <v>42</v>
      </c>
      <c r="I12" s="315">
        <v>40</v>
      </c>
      <c r="J12" s="315">
        <v>29</v>
      </c>
      <c r="K12" s="316">
        <v>237</v>
      </c>
      <c r="L12" s="317">
        <v>237</v>
      </c>
      <c r="M12" s="311">
        <v>0</v>
      </c>
      <c r="N12" s="315">
        <v>0</v>
      </c>
      <c r="O12" s="312">
        <v>0</v>
      </c>
      <c r="P12" s="314">
        <v>0</v>
      </c>
      <c r="Q12" s="315">
        <v>5</v>
      </c>
      <c r="R12" s="315">
        <v>1</v>
      </c>
      <c r="S12" s="315">
        <v>3</v>
      </c>
      <c r="T12" s="315">
        <v>2</v>
      </c>
      <c r="U12" s="315">
        <v>15</v>
      </c>
      <c r="V12" s="312">
        <v>26</v>
      </c>
      <c r="W12" s="317">
        <v>26</v>
      </c>
      <c r="X12" s="311">
        <v>5</v>
      </c>
      <c r="Y12" s="315">
        <v>9</v>
      </c>
      <c r="Z12" s="312">
        <v>14</v>
      </c>
      <c r="AA12" s="314">
        <v>0</v>
      </c>
      <c r="AB12" s="315">
        <v>45</v>
      </c>
      <c r="AC12" s="315">
        <v>28</v>
      </c>
      <c r="AD12" s="315">
        <v>27</v>
      </c>
      <c r="AE12" s="315">
        <v>30</v>
      </c>
      <c r="AF12" s="315">
        <v>15</v>
      </c>
      <c r="AG12" s="312">
        <v>145</v>
      </c>
      <c r="AH12" s="317">
        <v>159</v>
      </c>
      <c r="AI12" s="311">
        <v>1</v>
      </c>
      <c r="AJ12" s="315">
        <v>0</v>
      </c>
      <c r="AK12" s="312">
        <v>1</v>
      </c>
      <c r="AL12" s="314">
        <v>0</v>
      </c>
      <c r="AM12" s="315">
        <v>10</v>
      </c>
      <c r="AN12" s="315">
        <v>9</v>
      </c>
      <c r="AO12" s="315">
        <v>9</v>
      </c>
      <c r="AP12" s="315">
        <v>8</v>
      </c>
      <c r="AQ12" s="315">
        <v>6</v>
      </c>
      <c r="AR12" s="312">
        <v>42</v>
      </c>
      <c r="AS12" s="317">
        <v>43</v>
      </c>
      <c r="AT12" s="311">
        <v>16</v>
      </c>
      <c r="AU12" s="315">
        <v>7</v>
      </c>
      <c r="AV12" s="312">
        <v>23</v>
      </c>
      <c r="AW12" s="314">
        <v>0</v>
      </c>
      <c r="AX12" s="315">
        <v>46</v>
      </c>
      <c r="AY12" s="315">
        <v>59</v>
      </c>
      <c r="AZ12" s="315">
        <v>62</v>
      </c>
      <c r="BA12" s="315">
        <v>66</v>
      </c>
      <c r="BB12" s="315">
        <v>52</v>
      </c>
      <c r="BC12" s="316">
        <v>285</v>
      </c>
      <c r="BD12" s="317">
        <v>308</v>
      </c>
      <c r="BE12" s="311">
        <v>0</v>
      </c>
      <c r="BF12" s="315">
        <v>0</v>
      </c>
      <c r="BG12" s="312">
        <v>0</v>
      </c>
      <c r="BH12" s="314">
        <v>0</v>
      </c>
      <c r="BI12" s="315">
        <v>45</v>
      </c>
      <c r="BJ12" s="315">
        <v>43</v>
      </c>
      <c r="BK12" s="315">
        <v>24</v>
      </c>
      <c r="BL12" s="315">
        <v>12</v>
      </c>
      <c r="BM12" s="315">
        <v>5</v>
      </c>
      <c r="BN12" s="312">
        <v>129</v>
      </c>
      <c r="BO12" s="317">
        <v>129</v>
      </c>
      <c r="BP12" s="311">
        <v>4</v>
      </c>
      <c r="BQ12" s="315">
        <v>7</v>
      </c>
      <c r="BR12" s="312">
        <v>11</v>
      </c>
      <c r="BS12" s="314">
        <v>0</v>
      </c>
      <c r="BT12" s="315">
        <v>8</v>
      </c>
      <c r="BU12" s="315">
        <v>11</v>
      </c>
      <c r="BV12" s="315">
        <v>8</v>
      </c>
      <c r="BW12" s="315">
        <v>8</v>
      </c>
      <c r="BX12" s="315">
        <v>1</v>
      </c>
      <c r="BY12" s="312">
        <v>36</v>
      </c>
      <c r="BZ12" s="317">
        <v>47</v>
      </c>
      <c r="CA12" s="311">
        <v>0</v>
      </c>
      <c r="CB12" s="315">
        <v>0</v>
      </c>
      <c r="CC12" s="312">
        <v>0</v>
      </c>
      <c r="CD12" s="314">
        <v>0</v>
      </c>
      <c r="CE12" s="315">
        <v>4</v>
      </c>
      <c r="CF12" s="315">
        <v>8</v>
      </c>
      <c r="CG12" s="315">
        <v>9</v>
      </c>
      <c r="CH12" s="315">
        <v>8</v>
      </c>
      <c r="CI12" s="315">
        <v>5</v>
      </c>
      <c r="CJ12" s="312">
        <v>34</v>
      </c>
      <c r="CK12" s="317">
        <v>34</v>
      </c>
      <c r="CL12" s="311">
        <v>0</v>
      </c>
      <c r="CM12" s="315">
        <v>0</v>
      </c>
      <c r="CN12" s="312">
        <v>0</v>
      </c>
      <c r="CO12" s="314">
        <v>0</v>
      </c>
      <c r="CP12" s="315">
        <v>0</v>
      </c>
      <c r="CQ12" s="315">
        <v>2</v>
      </c>
      <c r="CR12" s="315">
        <v>4</v>
      </c>
      <c r="CS12" s="315">
        <v>2</v>
      </c>
      <c r="CT12" s="315">
        <v>1</v>
      </c>
      <c r="CU12" s="312">
        <v>9</v>
      </c>
      <c r="CV12" s="317">
        <v>9</v>
      </c>
      <c r="CW12" s="311">
        <v>0</v>
      </c>
      <c r="CX12" s="315">
        <v>0</v>
      </c>
      <c r="CY12" s="312">
        <v>0</v>
      </c>
      <c r="CZ12" s="314">
        <v>0</v>
      </c>
      <c r="DA12" s="315">
        <v>0</v>
      </c>
      <c r="DB12" s="315">
        <v>0</v>
      </c>
      <c r="DC12" s="315">
        <v>0</v>
      </c>
      <c r="DD12" s="315">
        <v>0</v>
      </c>
      <c r="DE12" s="315">
        <v>0</v>
      </c>
      <c r="DF12" s="312">
        <v>0</v>
      </c>
      <c r="DG12" s="317">
        <v>0</v>
      </c>
      <c r="DH12" s="311">
        <v>0</v>
      </c>
      <c r="DI12" s="315">
        <v>0</v>
      </c>
      <c r="DJ12" s="312">
        <v>0</v>
      </c>
      <c r="DK12" s="314">
        <v>0</v>
      </c>
      <c r="DL12" s="315">
        <v>0</v>
      </c>
      <c r="DM12" s="315">
        <v>0</v>
      </c>
      <c r="DN12" s="315">
        <v>0</v>
      </c>
      <c r="DO12" s="315">
        <v>0</v>
      </c>
      <c r="DP12" s="315">
        <v>0</v>
      </c>
      <c r="DQ12" s="312">
        <v>0</v>
      </c>
      <c r="DR12" s="317">
        <v>0</v>
      </c>
      <c r="DS12" s="311">
        <v>31</v>
      </c>
      <c r="DT12" s="315">
        <v>47</v>
      </c>
      <c r="DU12" s="312">
        <v>78</v>
      </c>
      <c r="DV12" s="314">
        <v>0</v>
      </c>
      <c r="DW12" s="315">
        <v>90</v>
      </c>
      <c r="DX12" s="315">
        <v>105</v>
      </c>
      <c r="DY12" s="315">
        <v>73</v>
      </c>
      <c r="DZ12" s="315">
        <v>56</v>
      </c>
      <c r="EA12" s="315">
        <v>42</v>
      </c>
      <c r="EB12" s="312">
        <v>366</v>
      </c>
      <c r="EC12" s="317">
        <v>444</v>
      </c>
      <c r="ED12" s="311">
        <v>14</v>
      </c>
      <c r="EE12" s="315">
        <v>7</v>
      </c>
      <c r="EF12" s="312">
        <v>21</v>
      </c>
      <c r="EG12" s="314">
        <v>0</v>
      </c>
      <c r="EH12" s="315">
        <v>21</v>
      </c>
      <c r="EI12" s="315">
        <v>20</v>
      </c>
      <c r="EJ12" s="315">
        <v>18</v>
      </c>
      <c r="EK12" s="315">
        <v>24</v>
      </c>
      <c r="EL12" s="315">
        <v>17</v>
      </c>
      <c r="EM12" s="312">
        <v>100</v>
      </c>
      <c r="EN12" s="317">
        <v>121</v>
      </c>
      <c r="EO12" s="311">
        <v>37</v>
      </c>
      <c r="EP12" s="315">
        <v>51</v>
      </c>
      <c r="EQ12" s="312">
        <v>88</v>
      </c>
      <c r="ER12" s="314">
        <v>0</v>
      </c>
      <c r="ES12" s="315">
        <v>179</v>
      </c>
      <c r="ET12" s="315">
        <v>136</v>
      </c>
      <c r="EU12" s="315">
        <v>92</v>
      </c>
      <c r="EV12" s="315">
        <v>61</v>
      </c>
      <c r="EW12" s="315">
        <v>40</v>
      </c>
      <c r="EX12" s="312">
        <v>508</v>
      </c>
      <c r="EY12" s="317">
        <v>596</v>
      </c>
    </row>
    <row r="13" spans="1:155" ht="19.5" customHeight="1" x14ac:dyDescent="0.2">
      <c r="A13" s="296" t="s">
        <v>10</v>
      </c>
      <c r="B13" s="311">
        <v>0</v>
      </c>
      <c r="C13" s="315">
        <v>0</v>
      </c>
      <c r="D13" s="437">
        <v>0</v>
      </c>
      <c r="E13" s="314">
        <v>0</v>
      </c>
      <c r="F13" s="315">
        <v>86</v>
      </c>
      <c r="G13" s="315">
        <v>48</v>
      </c>
      <c r="H13" s="315">
        <v>26</v>
      </c>
      <c r="I13" s="315">
        <v>34</v>
      </c>
      <c r="J13" s="315">
        <v>25</v>
      </c>
      <c r="K13" s="316">
        <v>219</v>
      </c>
      <c r="L13" s="317">
        <v>219</v>
      </c>
      <c r="M13" s="311">
        <v>0</v>
      </c>
      <c r="N13" s="315">
        <v>0</v>
      </c>
      <c r="O13" s="312">
        <v>0</v>
      </c>
      <c r="P13" s="314">
        <v>0</v>
      </c>
      <c r="Q13" s="315">
        <v>1</v>
      </c>
      <c r="R13" s="315">
        <v>1</v>
      </c>
      <c r="S13" s="315">
        <v>0</v>
      </c>
      <c r="T13" s="315">
        <v>2</v>
      </c>
      <c r="U13" s="315">
        <v>11</v>
      </c>
      <c r="V13" s="312">
        <v>15</v>
      </c>
      <c r="W13" s="317">
        <v>15</v>
      </c>
      <c r="X13" s="311">
        <v>12</v>
      </c>
      <c r="Y13" s="315">
        <v>27</v>
      </c>
      <c r="Z13" s="312">
        <v>39</v>
      </c>
      <c r="AA13" s="314">
        <v>0</v>
      </c>
      <c r="AB13" s="315">
        <v>57</v>
      </c>
      <c r="AC13" s="315">
        <v>39</v>
      </c>
      <c r="AD13" s="315">
        <v>22</v>
      </c>
      <c r="AE13" s="315">
        <v>16</v>
      </c>
      <c r="AF13" s="315">
        <v>17</v>
      </c>
      <c r="AG13" s="312">
        <v>151</v>
      </c>
      <c r="AH13" s="317">
        <v>190</v>
      </c>
      <c r="AI13" s="311">
        <v>2</v>
      </c>
      <c r="AJ13" s="315">
        <v>4</v>
      </c>
      <c r="AK13" s="312">
        <v>6</v>
      </c>
      <c r="AL13" s="314">
        <v>0</v>
      </c>
      <c r="AM13" s="315">
        <v>6</v>
      </c>
      <c r="AN13" s="315">
        <v>6</v>
      </c>
      <c r="AO13" s="315">
        <v>7</v>
      </c>
      <c r="AP13" s="315">
        <v>5</v>
      </c>
      <c r="AQ13" s="315">
        <v>4</v>
      </c>
      <c r="AR13" s="312">
        <v>28</v>
      </c>
      <c r="AS13" s="317">
        <v>34</v>
      </c>
      <c r="AT13" s="311">
        <v>16</v>
      </c>
      <c r="AU13" s="315">
        <v>24</v>
      </c>
      <c r="AV13" s="312">
        <v>40</v>
      </c>
      <c r="AW13" s="314">
        <v>0</v>
      </c>
      <c r="AX13" s="315">
        <v>89</v>
      </c>
      <c r="AY13" s="315">
        <v>82</v>
      </c>
      <c r="AZ13" s="315">
        <v>69</v>
      </c>
      <c r="BA13" s="315">
        <v>78</v>
      </c>
      <c r="BB13" s="315">
        <v>69</v>
      </c>
      <c r="BC13" s="316">
        <v>387</v>
      </c>
      <c r="BD13" s="317">
        <v>427</v>
      </c>
      <c r="BE13" s="311">
        <v>0</v>
      </c>
      <c r="BF13" s="315">
        <v>0</v>
      </c>
      <c r="BG13" s="312">
        <v>0</v>
      </c>
      <c r="BH13" s="314">
        <v>0</v>
      </c>
      <c r="BI13" s="315">
        <v>119</v>
      </c>
      <c r="BJ13" s="315">
        <v>68</v>
      </c>
      <c r="BK13" s="315">
        <v>26</v>
      </c>
      <c r="BL13" s="315">
        <v>14</v>
      </c>
      <c r="BM13" s="315">
        <v>5</v>
      </c>
      <c r="BN13" s="312">
        <v>232</v>
      </c>
      <c r="BO13" s="317">
        <v>232</v>
      </c>
      <c r="BP13" s="311">
        <v>5</v>
      </c>
      <c r="BQ13" s="315">
        <v>3</v>
      </c>
      <c r="BR13" s="312">
        <v>8</v>
      </c>
      <c r="BS13" s="314">
        <v>0</v>
      </c>
      <c r="BT13" s="315">
        <v>16</v>
      </c>
      <c r="BU13" s="315">
        <v>7</v>
      </c>
      <c r="BV13" s="315">
        <v>9</v>
      </c>
      <c r="BW13" s="315">
        <v>4</v>
      </c>
      <c r="BX13" s="315">
        <v>2</v>
      </c>
      <c r="BY13" s="312">
        <v>38</v>
      </c>
      <c r="BZ13" s="317">
        <v>46</v>
      </c>
      <c r="CA13" s="311">
        <v>3</v>
      </c>
      <c r="CB13" s="315">
        <v>2</v>
      </c>
      <c r="CC13" s="312">
        <v>5</v>
      </c>
      <c r="CD13" s="314">
        <v>0</v>
      </c>
      <c r="CE13" s="315">
        <v>12</v>
      </c>
      <c r="CF13" s="315">
        <v>6</v>
      </c>
      <c r="CG13" s="315">
        <v>12</v>
      </c>
      <c r="CH13" s="315">
        <v>7</v>
      </c>
      <c r="CI13" s="315">
        <v>3</v>
      </c>
      <c r="CJ13" s="312">
        <v>40</v>
      </c>
      <c r="CK13" s="317">
        <v>45</v>
      </c>
      <c r="CL13" s="311">
        <v>0</v>
      </c>
      <c r="CM13" s="315">
        <v>0</v>
      </c>
      <c r="CN13" s="312">
        <v>0</v>
      </c>
      <c r="CO13" s="314">
        <v>0</v>
      </c>
      <c r="CP13" s="315">
        <v>0</v>
      </c>
      <c r="CQ13" s="315">
        <v>3</v>
      </c>
      <c r="CR13" s="315">
        <v>0</v>
      </c>
      <c r="CS13" s="315">
        <v>1</v>
      </c>
      <c r="CT13" s="315">
        <v>0</v>
      </c>
      <c r="CU13" s="312">
        <v>4</v>
      </c>
      <c r="CV13" s="317">
        <v>4</v>
      </c>
      <c r="CW13" s="311">
        <v>0</v>
      </c>
      <c r="CX13" s="315">
        <v>0</v>
      </c>
      <c r="CY13" s="312">
        <v>0</v>
      </c>
      <c r="CZ13" s="314">
        <v>0</v>
      </c>
      <c r="DA13" s="315">
        <v>0</v>
      </c>
      <c r="DB13" s="315">
        <v>0</v>
      </c>
      <c r="DC13" s="315">
        <v>0</v>
      </c>
      <c r="DD13" s="315">
        <v>0</v>
      </c>
      <c r="DE13" s="315">
        <v>0</v>
      </c>
      <c r="DF13" s="312">
        <v>0</v>
      </c>
      <c r="DG13" s="317">
        <v>0</v>
      </c>
      <c r="DH13" s="311">
        <v>0</v>
      </c>
      <c r="DI13" s="315">
        <v>0</v>
      </c>
      <c r="DJ13" s="312">
        <v>0</v>
      </c>
      <c r="DK13" s="314">
        <v>0</v>
      </c>
      <c r="DL13" s="315">
        <v>0</v>
      </c>
      <c r="DM13" s="315">
        <v>0</v>
      </c>
      <c r="DN13" s="315">
        <v>0</v>
      </c>
      <c r="DO13" s="315">
        <v>0</v>
      </c>
      <c r="DP13" s="315">
        <v>0</v>
      </c>
      <c r="DQ13" s="312">
        <v>0</v>
      </c>
      <c r="DR13" s="317">
        <v>0</v>
      </c>
      <c r="DS13" s="311">
        <v>44</v>
      </c>
      <c r="DT13" s="315">
        <v>79</v>
      </c>
      <c r="DU13" s="312">
        <v>123</v>
      </c>
      <c r="DV13" s="314">
        <v>0</v>
      </c>
      <c r="DW13" s="315">
        <v>128</v>
      </c>
      <c r="DX13" s="315">
        <v>106</v>
      </c>
      <c r="DY13" s="315">
        <v>57</v>
      </c>
      <c r="DZ13" s="315">
        <v>58</v>
      </c>
      <c r="EA13" s="315">
        <v>35</v>
      </c>
      <c r="EB13" s="312">
        <v>384</v>
      </c>
      <c r="EC13" s="317">
        <v>507</v>
      </c>
      <c r="ED13" s="311">
        <v>8</v>
      </c>
      <c r="EE13" s="315">
        <v>9</v>
      </c>
      <c r="EF13" s="312">
        <v>17</v>
      </c>
      <c r="EG13" s="314">
        <v>0</v>
      </c>
      <c r="EH13" s="315">
        <v>33</v>
      </c>
      <c r="EI13" s="315">
        <v>24</v>
      </c>
      <c r="EJ13" s="315">
        <v>22</v>
      </c>
      <c r="EK13" s="315">
        <v>32</v>
      </c>
      <c r="EL13" s="315">
        <v>23</v>
      </c>
      <c r="EM13" s="312">
        <v>134</v>
      </c>
      <c r="EN13" s="317">
        <v>151</v>
      </c>
      <c r="EO13" s="311">
        <v>61</v>
      </c>
      <c r="EP13" s="315">
        <v>97</v>
      </c>
      <c r="EQ13" s="312">
        <v>158</v>
      </c>
      <c r="ER13" s="314">
        <v>0</v>
      </c>
      <c r="ES13" s="315">
        <v>248</v>
      </c>
      <c r="ET13" s="315">
        <v>145</v>
      </c>
      <c r="EU13" s="315">
        <v>67</v>
      </c>
      <c r="EV13" s="315">
        <v>60</v>
      </c>
      <c r="EW13" s="315">
        <v>32</v>
      </c>
      <c r="EX13" s="312">
        <v>552</v>
      </c>
      <c r="EY13" s="317">
        <v>710</v>
      </c>
    </row>
    <row r="14" spans="1:155" ht="19.5" customHeight="1" x14ac:dyDescent="0.2">
      <c r="A14" s="296" t="s">
        <v>11</v>
      </c>
      <c r="B14" s="311">
        <v>0</v>
      </c>
      <c r="C14" s="315">
        <v>0</v>
      </c>
      <c r="D14" s="437">
        <v>0</v>
      </c>
      <c r="E14" s="314">
        <v>0</v>
      </c>
      <c r="F14" s="315">
        <v>18</v>
      </c>
      <c r="G14" s="315">
        <v>7</v>
      </c>
      <c r="H14" s="315">
        <v>8</v>
      </c>
      <c r="I14" s="315">
        <v>5</v>
      </c>
      <c r="J14" s="315">
        <v>9</v>
      </c>
      <c r="K14" s="316">
        <v>47</v>
      </c>
      <c r="L14" s="317">
        <v>47</v>
      </c>
      <c r="M14" s="311">
        <v>0</v>
      </c>
      <c r="N14" s="315">
        <v>0</v>
      </c>
      <c r="O14" s="312">
        <v>0</v>
      </c>
      <c r="P14" s="314">
        <v>0</v>
      </c>
      <c r="Q14" s="315">
        <v>1</v>
      </c>
      <c r="R14" s="315">
        <v>0</v>
      </c>
      <c r="S14" s="315">
        <v>0</v>
      </c>
      <c r="T14" s="315">
        <v>2</v>
      </c>
      <c r="U14" s="315">
        <v>1</v>
      </c>
      <c r="V14" s="312">
        <v>4</v>
      </c>
      <c r="W14" s="317">
        <v>4</v>
      </c>
      <c r="X14" s="311">
        <v>9</v>
      </c>
      <c r="Y14" s="315">
        <v>3</v>
      </c>
      <c r="Z14" s="312">
        <v>12</v>
      </c>
      <c r="AA14" s="314">
        <v>0</v>
      </c>
      <c r="AB14" s="315">
        <v>20</v>
      </c>
      <c r="AC14" s="315">
        <v>6</v>
      </c>
      <c r="AD14" s="315">
        <v>8</v>
      </c>
      <c r="AE14" s="315">
        <v>8</v>
      </c>
      <c r="AF14" s="315">
        <v>8</v>
      </c>
      <c r="AG14" s="312">
        <v>50</v>
      </c>
      <c r="AH14" s="317">
        <v>62</v>
      </c>
      <c r="AI14" s="311">
        <v>0</v>
      </c>
      <c r="AJ14" s="315">
        <v>1</v>
      </c>
      <c r="AK14" s="312">
        <v>1</v>
      </c>
      <c r="AL14" s="314">
        <v>0</v>
      </c>
      <c r="AM14" s="315">
        <v>4</v>
      </c>
      <c r="AN14" s="315">
        <v>2</v>
      </c>
      <c r="AO14" s="315">
        <v>1</v>
      </c>
      <c r="AP14" s="315">
        <v>0</v>
      </c>
      <c r="AQ14" s="315">
        <v>1</v>
      </c>
      <c r="AR14" s="312">
        <v>8</v>
      </c>
      <c r="AS14" s="317">
        <v>9</v>
      </c>
      <c r="AT14" s="311">
        <v>5</v>
      </c>
      <c r="AU14" s="315">
        <v>1</v>
      </c>
      <c r="AV14" s="312">
        <v>6</v>
      </c>
      <c r="AW14" s="314">
        <v>0</v>
      </c>
      <c r="AX14" s="315">
        <v>24</v>
      </c>
      <c r="AY14" s="315">
        <v>8</v>
      </c>
      <c r="AZ14" s="315">
        <v>22</v>
      </c>
      <c r="BA14" s="315">
        <v>21</v>
      </c>
      <c r="BB14" s="315">
        <v>19</v>
      </c>
      <c r="BC14" s="316">
        <v>94</v>
      </c>
      <c r="BD14" s="317">
        <v>100</v>
      </c>
      <c r="BE14" s="311">
        <v>0</v>
      </c>
      <c r="BF14" s="315">
        <v>0</v>
      </c>
      <c r="BG14" s="312">
        <v>0</v>
      </c>
      <c r="BH14" s="314">
        <v>0</v>
      </c>
      <c r="BI14" s="315">
        <v>21</v>
      </c>
      <c r="BJ14" s="315">
        <v>12</v>
      </c>
      <c r="BK14" s="315">
        <v>11</v>
      </c>
      <c r="BL14" s="315">
        <v>5</v>
      </c>
      <c r="BM14" s="315">
        <v>4</v>
      </c>
      <c r="BN14" s="312">
        <v>53</v>
      </c>
      <c r="BO14" s="317">
        <v>53</v>
      </c>
      <c r="BP14" s="311">
        <v>2</v>
      </c>
      <c r="BQ14" s="315">
        <v>4</v>
      </c>
      <c r="BR14" s="312">
        <v>6</v>
      </c>
      <c r="BS14" s="314">
        <v>0</v>
      </c>
      <c r="BT14" s="315">
        <v>11</v>
      </c>
      <c r="BU14" s="315">
        <v>4</v>
      </c>
      <c r="BV14" s="315">
        <v>8</v>
      </c>
      <c r="BW14" s="315">
        <v>4</v>
      </c>
      <c r="BX14" s="315">
        <v>2</v>
      </c>
      <c r="BY14" s="312">
        <v>29</v>
      </c>
      <c r="BZ14" s="317">
        <v>35</v>
      </c>
      <c r="CA14" s="311">
        <v>0</v>
      </c>
      <c r="CB14" s="315">
        <v>0</v>
      </c>
      <c r="CC14" s="312">
        <v>0</v>
      </c>
      <c r="CD14" s="314">
        <v>0</v>
      </c>
      <c r="CE14" s="315">
        <v>2</v>
      </c>
      <c r="CF14" s="315">
        <v>2</v>
      </c>
      <c r="CG14" s="315">
        <v>4</v>
      </c>
      <c r="CH14" s="315">
        <v>5</v>
      </c>
      <c r="CI14" s="315">
        <v>3</v>
      </c>
      <c r="CJ14" s="312">
        <v>16</v>
      </c>
      <c r="CK14" s="317">
        <v>16</v>
      </c>
      <c r="CL14" s="311">
        <v>0</v>
      </c>
      <c r="CM14" s="315">
        <v>0</v>
      </c>
      <c r="CN14" s="312">
        <v>0</v>
      </c>
      <c r="CO14" s="314">
        <v>0</v>
      </c>
      <c r="CP14" s="315">
        <v>0</v>
      </c>
      <c r="CQ14" s="315">
        <v>0</v>
      </c>
      <c r="CR14" s="315">
        <v>3</v>
      </c>
      <c r="CS14" s="315">
        <v>2</v>
      </c>
      <c r="CT14" s="315">
        <v>0</v>
      </c>
      <c r="CU14" s="312">
        <v>5</v>
      </c>
      <c r="CV14" s="317">
        <v>5</v>
      </c>
      <c r="CW14" s="311">
        <v>0</v>
      </c>
      <c r="CX14" s="315">
        <v>0</v>
      </c>
      <c r="CY14" s="312">
        <v>0</v>
      </c>
      <c r="CZ14" s="314">
        <v>0</v>
      </c>
      <c r="DA14" s="315">
        <v>0</v>
      </c>
      <c r="DB14" s="315">
        <v>0</v>
      </c>
      <c r="DC14" s="315">
        <v>0</v>
      </c>
      <c r="DD14" s="315">
        <v>0</v>
      </c>
      <c r="DE14" s="315">
        <v>0</v>
      </c>
      <c r="DF14" s="312">
        <v>0</v>
      </c>
      <c r="DG14" s="317">
        <v>0</v>
      </c>
      <c r="DH14" s="311">
        <v>0</v>
      </c>
      <c r="DI14" s="315">
        <v>0</v>
      </c>
      <c r="DJ14" s="312">
        <v>0</v>
      </c>
      <c r="DK14" s="314">
        <v>0</v>
      </c>
      <c r="DL14" s="315">
        <v>0</v>
      </c>
      <c r="DM14" s="315">
        <v>0</v>
      </c>
      <c r="DN14" s="315">
        <v>0</v>
      </c>
      <c r="DO14" s="315">
        <v>0</v>
      </c>
      <c r="DP14" s="315">
        <v>0</v>
      </c>
      <c r="DQ14" s="312">
        <v>0</v>
      </c>
      <c r="DR14" s="317">
        <v>0</v>
      </c>
      <c r="DS14" s="311">
        <v>15</v>
      </c>
      <c r="DT14" s="315">
        <v>18</v>
      </c>
      <c r="DU14" s="312">
        <v>33</v>
      </c>
      <c r="DV14" s="314">
        <v>0</v>
      </c>
      <c r="DW14" s="315">
        <v>44</v>
      </c>
      <c r="DX14" s="315">
        <v>22</v>
      </c>
      <c r="DY14" s="315">
        <v>29</v>
      </c>
      <c r="DZ14" s="315">
        <v>19</v>
      </c>
      <c r="EA14" s="315">
        <v>14</v>
      </c>
      <c r="EB14" s="312">
        <v>128</v>
      </c>
      <c r="EC14" s="317">
        <v>161</v>
      </c>
      <c r="ED14" s="311">
        <v>4</v>
      </c>
      <c r="EE14" s="315">
        <v>3</v>
      </c>
      <c r="EF14" s="312">
        <v>7</v>
      </c>
      <c r="EG14" s="314">
        <v>0</v>
      </c>
      <c r="EH14" s="315">
        <v>20</v>
      </c>
      <c r="EI14" s="315">
        <v>3</v>
      </c>
      <c r="EJ14" s="315">
        <v>13</v>
      </c>
      <c r="EK14" s="315">
        <v>17</v>
      </c>
      <c r="EL14" s="315">
        <v>9</v>
      </c>
      <c r="EM14" s="312">
        <v>62</v>
      </c>
      <c r="EN14" s="317">
        <v>69</v>
      </c>
      <c r="EO14" s="311">
        <v>21</v>
      </c>
      <c r="EP14" s="315">
        <v>22</v>
      </c>
      <c r="EQ14" s="312">
        <v>43</v>
      </c>
      <c r="ER14" s="314">
        <v>0</v>
      </c>
      <c r="ES14" s="315">
        <v>85</v>
      </c>
      <c r="ET14" s="315">
        <v>31</v>
      </c>
      <c r="EU14" s="315">
        <v>33</v>
      </c>
      <c r="EV14" s="315">
        <v>21</v>
      </c>
      <c r="EW14" s="315">
        <v>13</v>
      </c>
      <c r="EX14" s="312">
        <v>183</v>
      </c>
      <c r="EY14" s="317">
        <v>226</v>
      </c>
    </row>
    <row r="15" spans="1:155" ht="19.5" customHeight="1" x14ac:dyDescent="0.2">
      <c r="A15" s="296" t="s">
        <v>12</v>
      </c>
      <c r="B15" s="311">
        <v>0</v>
      </c>
      <c r="C15" s="315">
        <v>0</v>
      </c>
      <c r="D15" s="437">
        <v>0</v>
      </c>
      <c r="E15" s="314">
        <v>0</v>
      </c>
      <c r="F15" s="315">
        <v>28</v>
      </c>
      <c r="G15" s="315">
        <v>21</v>
      </c>
      <c r="H15" s="315">
        <v>13</v>
      </c>
      <c r="I15" s="315">
        <v>17</v>
      </c>
      <c r="J15" s="315">
        <v>11</v>
      </c>
      <c r="K15" s="316">
        <v>90</v>
      </c>
      <c r="L15" s="317">
        <v>90</v>
      </c>
      <c r="M15" s="311">
        <v>0</v>
      </c>
      <c r="N15" s="315">
        <v>0</v>
      </c>
      <c r="O15" s="312">
        <v>0</v>
      </c>
      <c r="P15" s="314">
        <v>0</v>
      </c>
      <c r="Q15" s="315">
        <v>0</v>
      </c>
      <c r="R15" s="315">
        <v>1</v>
      </c>
      <c r="S15" s="315">
        <v>1</v>
      </c>
      <c r="T15" s="315">
        <v>1</v>
      </c>
      <c r="U15" s="315">
        <v>9</v>
      </c>
      <c r="V15" s="312">
        <v>12</v>
      </c>
      <c r="W15" s="317">
        <v>12</v>
      </c>
      <c r="X15" s="311">
        <v>11</v>
      </c>
      <c r="Y15" s="315">
        <v>11</v>
      </c>
      <c r="Z15" s="312">
        <v>22</v>
      </c>
      <c r="AA15" s="314">
        <v>0</v>
      </c>
      <c r="AB15" s="315">
        <v>18</v>
      </c>
      <c r="AC15" s="315">
        <v>16</v>
      </c>
      <c r="AD15" s="315">
        <v>14</v>
      </c>
      <c r="AE15" s="315">
        <v>11</v>
      </c>
      <c r="AF15" s="315">
        <v>15</v>
      </c>
      <c r="AG15" s="312">
        <v>74</v>
      </c>
      <c r="AH15" s="317">
        <v>96</v>
      </c>
      <c r="AI15" s="311">
        <v>0</v>
      </c>
      <c r="AJ15" s="315">
        <v>0</v>
      </c>
      <c r="AK15" s="312">
        <v>0</v>
      </c>
      <c r="AL15" s="314">
        <v>0</v>
      </c>
      <c r="AM15" s="315">
        <v>0</v>
      </c>
      <c r="AN15" s="315">
        <v>2</v>
      </c>
      <c r="AO15" s="315">
        <v>1</v>
      </c>
      <c r="AP15" s="315">
        <v>0</v>
      </c>
      <c r="AQ15" s="315">
        <v>2</v>
      </c>
      <c r="AR15" s="312">
        <v>5</v>
      </c>
      <c r="AS15" s="317">
        <v>5</v>
      </c>
      <c r="AT15" s="311">
        <v>9</v>
      </c>
      <c r="AU15" s="315">
        <v>7</v>
      </c>
      <c r="AV15" s="312">
        <v>16</v>
      </c>
      <c r="AW15" s="314">
        <v>0</v>
      </c>
      <c r="AX15" s="315">
        <v>20</v>
      </c>
      <c r="AY15" s="315">
        <v>15</v>
      </c>
      <c r="AZ15" s="315">
        <v>22</v>
      </c>
      <c r="BA15" s="315">
        <v>24</v>
      </c>
      <c r="BB15" s="315">
        <v>21</v>
      </c>
      <c r="BC15" s="316">
        <v>102</v>
      </c>
      <c r="BD15" s="317">
        <v>118</v>
      </c>
      <c r="BE15" s="311">
        <v>0</v>
      </c>
      <c r="BF15" s="315">
        <v>0</v>
      </c>
      <c r="BG15" s="312">
        <v>0</v>
      </c>
      <c r="BH15" s="314">
        <v>0</v>
      </c>
      <c r="BI15" s="315">
        <v>40</v>
      </c>
      <c r="BJ15" s="315">
        <v>16</v>
      </c>
      <c r="BK15" s="315">
        <v>7</v>
      </c>
      <c r="BL15" s="315">
        <v>14</v>
      </c>
      <c r="BM15" s="315">
        <v>6</v>
      </c>
      <c r="BN15" s="312">
        <v>83</v>
      </c>
      <c r="BO15" s="317">
        <v>83</v>
      </c>
      <c r="BP15" s="311">
        <v>10</v>
      </c>
      <c r="BQ15" s="315">
        <v>11</v>
      </c>
      <c r="BR15" s="312">
        <v>21</v>
      </c>
      <c r="BS15" s="314">
        <v>0</v>
      </c>
      <c r="BT15" s="315">
        <v>10</v>
      </c>
      <c r="BU15" s="315">
        <v>10</v>
      </c>
      <c r="BV15" s="315">
        <v>9</v>
      </c>
      <c r="BW15" s="315">
        <v>5</v>
      </c>
      <c r="BX15" s="315">
        <v>2</v>
      </c>
      <c r="BY15" s="312">
        <v>36</v>
      </c>
      <c r="BZ15" s="317">
        <v>57</v>
      </c>
      <c r="CA15" s="311">
        <v>0</v>
      </c>
      <c r="CB15" s="315">
        <v>0</v>
      </c>
      <c r="CC15" s="312">
        <v>0</v>
      </c>
      <c r="CD15" s="314">
        <v>0</v>
      </c>
      <c r="CE15" s="315">
        <v>6</v>
      </c>
      <c r="CF15" s="315">
        <v>4</v>
      </c>
      <c r="CG15" s="315">
        <v>9</v>
      </c>
      <c r="CH15" s="315">
        <v>6</v>
      </c>
      <c r="CI15" s="315">
        <v>2</v>
      </c>
      <c r="CJ15" s="312">
        <v>27</v>
      </c>
      <c r="CK15" s="317">
        <v>27</v>
      </c>
      <c r="CL15" s="311">
        <v>0</v>
      </c>
      <c r="CM15" s="315">
        <v>0</v>
      </c>
      <c r="CN15" s="312">
        <v>0</v>
      </c>
      <c r="CO15" s="314">
        <v>0</v>
      </c>
      <c r="CP15" s="315">
        <v>0</v>
      </c>
      <c r="CQ15" s="315">
        <v>0</v>
      </c>
      <c r="CR15" s="315">
        <v>0</v>
      </c>
      <c r="CS15" s="315">
        <v>0</v>
      </c>
      <c r="CT15" s="315">
        <v>1</v>
      </c>
      <c r="CU15" s="312">
        <v>1</v>
      </c>
      <c r="CV15" s="317">
        <v>1</v>
      </c>
      <c r="CW15" s="311">
        <v>0</v>
      </c>
      <c r="CX15" s="315">
        <v>0</v>
      </c>
      <c r="CY15" s="312">
        <v>0</v>
      </c>
      <c r="CZ15" s="314">
        <v>0</v>
      </c>
      <c r="DA15" s="315">
        <v>0</v>
      </c>
      <c r="DB15" s="315">
        <v>0</v>
      </c>
      <c r="DC15" s="315">
        <v>0</v>
      </c>
      <c r="DD15" s="315">
        <v>0</v>
      </c>
      <c r="DE15" s="315">
        <v>0</v>
      </c>
      <c r="DF15" s="312">
        <v>0</v>
      </c>
      <c r="DG15" s="317">
        <v>0</v>
      </c>
      <c r="DH15" s="311">
        <v>0</v>
      </c>
      <c r="DI15" s="315">
        <v>0</v>
      </c>
      <c r="DJ15" s="312">
        <v>0</v>
      </c>
      <c r="DK15" s="314">
        <v>0</v>
      </c>
      <c r="DL15" s="315">
        <v>0</v>
      </c>
      <c r="DM15" s="315">
        <v>0</v>
      </c>
      <c r="DN15" s="315">
        <v>0</v>
      </c>
      <c r="DO15" s="315">
        <v>0</v>
      </c>
      <c r="DP15" s="315">
        <v>0</v>
      </c>
      <c r="DQ15" s="312">
        <v>0</v>
      </c>
      <c r="DR15" s="317">
        <v>0</v>
      </c>
      <c r="DS15" s="311">
        <v>27</v>
      </c>
      <c r="DT15" s="315">
        <v>40</v>
      </c>
      <c r="DU15" s="312">
        <v>67</v>
      </c>
      <c r="DV15" s="314">
        <v>0</v>
      </c>
      <c r="DW15" s="315">
        <v>32</v>
      </c>
      <c r="DX15" s="315">
        <v>53</v>
      </c>
      <c r="DY15" s="315">
        <v>38</v>
      </c>
      <c r="DZ15" s="315">
        <v>35</v>
      </c>
      <c r="EA15" s="315">
        <v>29</v>
      </c>
      <c r="EB15" s="312">
        <v>187</v>
      </c>
      <c r="EC15" s="317">
        <v>254</v>
      </c>
      <c r="ED15" s="311">
        <v>4</v>
      </c>
      <c r="EE15" s="315">
        <v>5</v>
      </c>
      <c r="EF15" s="312">
        <v>9</v>
      </c>
      <c r="EG15" s="314">
        <v>0</v>
      </c>
      <c r="EH15" s="315">
        <v>5</v>
      </c>
      <c r="EI15" s="315">
        <v>5</v>
      </c>
      <c r="EJ15" s="315">
        <v>12</v>
      </c>
      <c r="EK15" s="315">
        <v>11</v>
      </c>
      <c r="EL15" s="315">
        <v>9</v>
      </c>
      <c r="EM15" s="312">
        <v>42</v>
      </c>
      <c r="EN15" s="317">
        <v>51</v>
      </c>
      <c r="EO15" s="311">
        <v>42</v>
      </c>
      <c r="EP15" s="315">
        <v>51</v>
      </c>
      <c r="EQ15" s="312">
        <v>93</v>
      </c>
      <c r="ER15" s="314">
        <v>0</v>
      </c>
      <c r="ES15" s="315">
        <v>93</v>
      </c>
      <c r="ET15" s="315">
        <v>66</v>
      </c>
      <c r="EU15" s="315">
        <v>48</v>
      </c>
      <c r="EV15" s="315">
        <v>35</v>
      </c>
      <c r="EW15" s="315">
        <v>27</v>
      </c>
      <c r="EX15" s="312">
        <v>269</v>
      </c>
      <c r="EY15" s="317">
        <v>362</v>
      </c>
    </row>
    <row r="16" spans="1:155" ht="19.5" customHeight="1" x14ac:dyDescent="0.2">
      <c r="A16" s="296" t="s">
        <v>13</v>
      </c>
      <c r="B16" s="311">
        <v>0</v>
      </c>
      <c r="C16" s="315">
        <v>0</v>
      </c>
      <c r="D16" s="437">
        <v>0</v>
      </c>
      <c r="E16" s="314">
        <v>0</v>
      </c>
      <c r="F16" s="315">
        <v>13</v>
      </c>
      <c r="G16" s="315">
        <v>21</v>
      </c>
      <c r="H16" s="315">
        <v>18</v>
      </c>
      <c r="I16" s="315">
        <v>12</v>
      </c>
      <c r="J16" s="315">
        <v>10</v>
      </c>
      <c r="K16" s="316">
        <v>74</v>
      </c>
      <c r="L16" s="317">
        <v>74</v>
      </c>
      <c r="M16" s="311">
        <v>0</v>
      </c>
      <c r="N16" s="315">
        <v>0</v>
      </c>
      <c r="O16" s="312">
        <v>0</v>
      </c>
      <c r="P16" s="314">
        <v>0</v>
      </c>
      <c r="Q16" s="315">
        <v>0</v>
      </c>
      <c r="R16" s="315">
        <v>0</v>
      </c>
      <c r="S16" s="315">
        <v>1</v>
      </c>
      <c r="T16" s="315">
        <v>2</v>
      </c>
      <c r="U16" s="315">
        <v>0</v>
      </c>
      <c r="V16" s="312">
        <v>3</v>
      </c>
      <c r="W16" s="317">
        <v>3</v>
      </c>
      <c r="X16" s="311">
        <v>1</v>
      </c>
      <c r="Y16" s="315">
        <v>4</v>
      </c>
      <c r="Z16" s="312">
        <v>5</v>
      </c>
      <c r="AA16" s="314">
        <v>0</v>
      </c>
      <c r="AB16" s="315">
        <v>7</v>
      </c>
      <c r="AC16" s="315">
        <v>12</v>
      </c>
      <c r="AD16" s="315">
        <v>13</v>
      </c>
      <c r="AE16" s="315">
        <v>8</v>
      </c>
      <c r="AF16" s="315">
        <v>7</v>
      </c>
      <c r="AG16" s="312">
        <v>47</v>
      </c>
      <c r="AH16" s="317">
        <v>52</v>
      </c>
      <c r="AI16" s="311">
        <v>0</v>
      </c>
      <c r="AJ16" s="315">
        <v>0</v>
      </c>
      <c r="AK16" s="312">
        <v>0</v>
      </c>
      <c r="AL16" s="314">
        <v>0</v>
      </c>
      <c r="AM16" s="315">
        <v>0</v>
      </c>
      <c r="AN16" s="315">
        <v>4</v>
      </c>
      <c r="AO16" s="315">
        <v>2</v>
      </c>
      <c r="AP16" s="315">
        <v>1</v>
      </c>
      <c r="AQ16" s="315">
        <v>2</v>
      </c>
      <c r="AR16" s="312">
        <v>9</v>
      </c>
      <c r="AS16" s="317">
        <v>9</v>
      </c>
      <c r="AT16" s="311">
        <v>8</v>
      </c>
      <c r="AU16" s="315">
        <v>7</v>
      </c>
      <c r="AV16" s="312">
        <v>15</v>
      </c>
      <c r="AW16" s="314">
        <v>0</v>
      </c>
      <c r="AX16" s="315">
        <v>14</v>
      </c>
      <c r="AY16" s="315">
        <v>19</v>
      </c>
      <c r="AZ16" s="315">
        <v>24</v>
      </c>
      <c r="BA16" s="315">
        <v>17</v>
      </c>
      <c r="BB16" s="315">
        <v>15</v>
      </c>
      <c r="BC16" s="316">
        <v>89</v>
      </c>
      <c r="BD16" s="317">
        <v>104</v>
      </c>
      <c r="BE16" s="311">
        <v>0</v>
      </c>
      <c r="BF16" s="315">
        <v>0</v>
      </c>
      <c r="BG16" s="312">
        <v>0</v>
      </c>
      <c r="BH16" s="314">
        <v>0</v>
      </c>
      <c r="BI16" s="315">
        <v>14</v>
      </c>
      <c r="BJ16" s="315">
        <v>17</v>
      </c>
      <c r="BK16" s="315">
        <v>11</v>
      </c>
      <c r="BL16" s="315">
        <v>6</v>
      </c>
      <c r="BM16" s="315">
        <v>2</v>
      </c>
      <c r="BN16" s="312">
        <v>50</v>
      </c>
      <c r="BO16" s="317">
        <v>50</v>
      </c>
      <c r="BP16" s="311">
        <v>0</v>
      </c>
      <c r="BQ16" s="315">
        <v>1</v>
      </c>
      <c r="BR16" s="312">
        <v>1</v>
      </c>
      <c r="BS16" s="314">
        <v>0</v>
      </c>
      <c r="BT16" s="315">
        <v>1</v>
      </c>
      <c r="BU16" s="315">
        <v>2</v>
      </c>
      <c r="BV16" s="315">
        <v>5</v>
      </c>
      <c r="BW16" s="315">
        <v>2</v>
      </c>
      <c r="BX16" s="315">
        <v>0</v>
      </c>
      <c r="BY16" s="312">
        <v>10</v>
      </c>
      <c r="BZ16" s="317">
        <v>11</v>
      </c>
      <c r="CA16" s="311">
        <v>0</v>
      </c>
      <c r="CB16" s="315">
        <v>0</v>
      </c>
      <c r="CC16" s="312">
        <v>0</v>
      </c>
      <c r="CD16" s="314">
        <v>0</v>
      </c>
      <c r="CE16" s="315">
        <v>1</v>
      </c>
      <c r="CF16" s="315">
        <v>2</v>
      </c>
      <c r="CG16" s="315">
        <v>7</v>
      </c>
      <c r="CH16" s="315">
        <v>2</v>
      </c>
      <c r="CI16" s="315">
        <v>1</v>
      </c>
      <c r="CJ16" s="312">
        <v>13</v>
      </c>
      <c r="CK16" s="317">
        <v>13</v>
      </c>
      <c r="CL16" s="311">
        <v>0</v>
      </c>
      <c r="CM16" s="315">
        <v>0</v>
      </c>
      <c r="CN16" s="312">
        <v>0</v>
      </c>
      <c r="CO16" s="314">
        <v>0</v>
      </c>
      <c r="CP16" s="315">
        <v>0</v>
      </c>
      <c r="CQ16" s="315">
        <v>0</v>
      </c>
      <c r="CR16" s="315">
        <v>1</v>
      </c>
      <c r="CS16" s="315">
        <v>1</v>
      </c>
      <c r="CT16" s="315">
        <v>0</v>
      </c>
      <c r="CU16" s="312">
        <v>2</v>
      </c>
      <c r="CV16" s="317">
        <v>2</v>
      </c>
      <c r="CW16" s="311">
        <v>0</v>
      </c>
      <c r="CX16" s="315">
        <v>0</v>
      </c>
      <c r="CY16" s="312">
        <v>0</v>
      </c>
      <c r="CZ16" s="314">
        <v>0</v>
      </c>
      <c r="DA16" s="315">
        <v>0</v>
      </c>
      <c r="DB16" s="315">
        <v>0</v>
      </c>
      <c r="DC16" s="315">
        <v>0</v>
      </c>
      <c r="DD16" s="315">
        <v>0</v>
      </c>
      <c r="DE16" s="315">
        <v>0</v>
      </c>
      <c r="DF16" s="312">
        <v>0</v>
      </c>
      <c r="DG16" s="317">
        <v>0</v>
      </c>
      <c r="DH16" s="311">
        <v>0</v>
      </c>
      <c r="DI16" s="315">
        <v>0</v>
      </c>
      <c r="DJ16" s="312">
        <v>0</v>
      </c>
      <c r="DK16" s="314">
        <v>0</v>
      </c>
      <c r="DL16" s="315">
        <v>0</v>
      </c>
      <c r="DM16" s="315">
        <v>0</v>
      </c>
      <c r="DN16" s="315">
        <v>0</v>
      </c>
      <c r="DO16" s="315">
        <v>0</v>
      </c>
      <c r="DP16" s="315">
        <v>0</v>
      </c>
      <c r="DQ16" s="312">
        <v>0</v>
      </c>
      <c r="DR16" s="317">
        <v>0</v>
      </c>
      <c r="DS16" s="311">
        <v>6</v>
      </c>
      <c r="DT16" s="315">
        <v>16</v>
      </c>
      <c r="DU16" s="312">
        <v>22</v>
      </c>
      <c r="DV16" s="314">
        <v>0</v>
      </c>
      <c r="DW16" s="315">
        <v>12</v>
      </c>
      <c r="DX16" s="315">
        <v>35</v>
      </c>
      <c r="DY16" s="315">
        <v>25</v>
      </c>
      <c r="DZ16" s="315">
        <v>17</v>
      </c>
      <c r="EA16" s="315">
        <v>13</v>
      </c>
      <c r="EB16" s="312">
        <v>102</v>
      </c>
      <c r="EC16" s="317">
        <v>124</v>
      </c>
      <c r="ED16" s="311">
        <v>5</v>
      </c>
      <c r="EE16" s="315">
        <v>4</v>
      </c>
      <c r="EF16" s="312">
        <v>9</v>
      </c>
      <c r="EG16" s="314">
        <v>0</v>
      </c>
      <c r="EH16" s="315">
        <v>12</v>
      </c>
      <c r="EI16" s="315">
        <v>10</v>
      </c>
      <c r="EJ16" s="315">
        <v>10</v>
      </c>
      <c r="EK16" s="315">
        <v>6</v>
      </c>
      <c r="EL16" s="315">
        <v>5</v>
      </c>
      <c r="EM16" s="312">
        <v>43</v>
      </c>
      <c r="EN16" s="317">
        <v>52</v>
      </c>
      <c r="EO16" s="311">
        <v>7</v>
      </c>
      <c r="EP16" s="315">
        <v>18</v>
      </c>
      <c r="EQ16" s="312">
        <v>25</v>
      </c>
      <c r="ER16" s="314">
        <v>0</v>
      </c>
      <c r="ES16" s="315">
        <v>38</v>
      </c>
      <c r="ET16" s="315">
        <v>54</v>
      </c>
      <c r="EU16" s="315">
        <v>39</v>
      </c>
      <c r="EV16" s="315">
        <v>20</v>
      </c>
      <c r="EW16" s="315">
        <v>14</v>
      </c>
      <c r="EX16" s="312">
        <v>165</v>
      </c>
      <c r="EY16" s="317">
        <v>190</v>
      </c>
    </row>
    <row r="17" spans="1:155" ht="19.5" customHeight="1" x14ac:dyDescent="0.2">
      <c r="A17" s="296" t="s">
        <v>15</v>
      </c>
      <c r="B17" s="311">
        <v>0</v>
      </c>
      <c r="C17" s="315">
        <v>0</v>
      </c>
      <c r="D17" s="437">
        <v>0</v>
      </c>
      <c r="E17" s="314">
        <v>0</v>
      </c>
      <c r="F17" s="315">
        <v>5</v>
      </c>
      <c r="G17" s="315">
        <v>3</v>
      </c>
      <c r="H17" s="315">
        <v>0</v>
      </c>
      <c r="I17" s="315">
        <v>3</v>
      </c>
      <c r="J17" s="315">
        <v>3</v>
      </c>
      <c r="K17" s="316">
        <v>14</v>
      </c>
      <c r="L17" s="317">
        <v>14</v>
      </c>
      <c r="M17" s="311">
        <v>0</v>
      </c>
      <c r="N17" s="315">
        <v>0</v>
      </c>
      <c r="O17" s="312">
        <v>0</v>
      </c>
      <c r="P17" s="314">
        <v>0</v>
      </c>
      <c r="Q17" s="315">
        <v>0</v>
      </c>
      <c r="R17" s="315">
        <v>0</v>
      </c>
      <c r="S17" s="315">
        <v>0</v>
      </c>
      <c r="T17" s="315">
        <v>0</v>
      </c>
      <c r="U17" s="315">
        <v>4</v>
      </c>
      <c r="V17" s="312">
        <v>4</v>
      </c>
      <c r="W17" s="317">
        <v>4</v>
      </c>
      <c r="X17" s="311">
        <v>0</v>
      </c>
      <c r="Y17" s="315">
        <v>0</v>
      </c>
      <c r="Z17" s="312">
        <v>0</v>
      </c>
      <c r="AA17" s="314">
        <v>0</v>
      </c>
      <c r="AB17" s="315">
        <v>1</v>
      </c>
      <c r="AC17" s="315">
        <v>1</v>
      </c>
      <c r="AD17" s="315">
        <v>4</v>
      </c>
      <c r="AE17" s="315">
        <v>5</v>
      </c>
      <c r="AF17" s="315">
        <v>3</v>
      </c>
      <c r="AG17" s="312">
        <v>14</v>
      </c>
      <c r="AH17" s="317">
        <v>14</v>
      </c>
      <c r="AI17" s="311">
        <v>0</v>
      </c>
      <c r="AJ17" s="315">
        <v>0</v>
      </c>
      <c r="AK17" s="312">
        <v>0</v>
      </c>
      <c r="AL17" s="314">
        <v>0</v>
      </c>
      <c r="AM17" s="315">
        <v>1</v>
      </c>
      <c r="AN17" s="315">
        <v>1</v>
      </c>
      <c r="AO17" s="315">
        <v>0</v>
      </c>
      <c r="AP17" s="315">
        <v>2</v>
      </c>
      <c r="AQ17" s="315">
        <v>1</v>
      </c>
      <c r="AR17" s="312">
        <v>5</v>
      </c>
      <c r="AS17" s="317">
        <v>5</v>
      </c>
      <c r="AT17" s="311">
        <v>0</v>
      </c>
      <c r="AU17" s="315">
        <v>2</v>
      </c>
      <c r="AV17" s="312">
        <v>2</v>
      </c>
      <c r="AW17" s="314">
        <v>0</v>
      </c>
      <c r="AX17" s="315">
        <v>5</v>
      </c>
      <c r="AY17" s="315">
        <v>6</v>
      </c>
      <c r="AZ17" s="315">
        <v>6</v>
      </c>
      <c r="BA17" s="315">
        <v>1</v>
      </c>
      <c r="BB17" s="315">
        <v>1</v>
      </c>
      <c r="BC17" s="316">
        <v>19</v>
      </c>
      <c r="BD17" s="317">
        <v>21</v>
      </c>
      <c r="BE17" s="311">
        <v>0</v>
      </c>
      <c r="BF17" s="315">
        <v>0</v>
      </c>
      <c r="BG17" s="312">
        <v>0</v>
      </c>
      <c r="BH17" s="314">
        <v>0</v>
      </c>
      <c r="BI17" s="315">
        <v>2</v>
      </c>
      <c r="BJ17" s="315">
        <v>2</v>
      </c>
      <c r="BK17" s="315">
        <v>3</v>
      </c>
      <c r="BL17" s="315">
        <v>2</v>
      </c>
      <c r="BM17" s="315">
        <v>0</v>
      </c>
      <c r="BN17" s="312">
        <v>9</v>
      </c>
      <c r="BO17" s="317">
        <v>9</v>
      </c>
      <c r="BP17" s="311">
        <v>0</v>
      </c>
      <c r="BQ17" s="315">
        <v>1</v>
      </c>
      <c r="BR17" s="312">
        <v>1</v>
      </c>
      <c r="BS17" s="314">
        <v>0</v>
      </c>
      <c r="BT17" s="315">
        <v>2</v>
      </c>
      <c r="BU17" s="315">
        <v>1</v>
      </c>
      <c r="BV17" s="315">
        <v>2</v>
      </c>
      <c r="BW17" s="315">
        <v>1</v>
      </c>
      <c r="BX17" s="315">
        <v>1</v>
      </c>
      <c r="BY17" s="312">
        <v>7</v>
      </c>
      <c r="BZ17" s="317">
        <v>8</v>
      </c>
      <c r="CA17" s="311">
        <v>0</v>
      </c>
      <c r="CB17" s="315">
        <v>0</v>
      </c>
      <c r="CC17" s="312">
        <v>0</v>
      </c>
      <c r="CD17" s="314">
        <v>0</v>
      </c>
      <c r="CE17" s="315">
        <v>0</v>
      </c>
      <c r="CF17" s="315">
        <v>2</v>
      </c>
      <c r="CG17" s="315">
        <v>0</v>
      </c>
      <c r="CH17" s="315">
        <v>4</v>
      </c>
      <c r="CI17" s="315">
        <v>1</v>
      </c>
      <c r="CJ17" s="312">
        <v>7</v>
      </c>
      <c r="CK17" s="317">
        <v>7</v>
      </c>
      <c r="CL17" s="311">
        <v>0</v>
      </c>
      <c r="CM17" s="315">
        <v>0</v>
      </c>
      <c r="CN17" s="312">
        <v>0</v>
      </c>
      <c r="CO17" s="314">
        <v>0</v>
      </c>
      <c r="CP17" s="315">
        <v>0</v>
      </c>
      <c r="CQ17" s="315">
        <v>0</v>
      </c>
      <c r="CR17" s="315">
        <v>0</v>
      </c>
      <c r="CS17" s="315">
        <v>0</v>
      </c>
      <c r="CT17" s="315">
        <v>0</v>
      </c>
      <c r="CU17" s="312">
        <v>0</v>
      </c>
      <c r="CV17" s="317">
        <v>0</v>
      </c>
      <c r="CW17" s="311">
        <v>0</v>
      </c>
      <c r="CX17" s="315">
        <v>0</v>
      </c>
      <c r="CY17" s="312">
        <v>0</v>
      </c>
      <c r="CZ17" s="314">
        <v>0</v>
      </c>
      <c r="DA17" s="315">
        <v>0</v>
      </c>
      <c r="DB17" s="315">
        <v>0</v>
      </c>
      <c r="DC17" s="315">
        <v>0</v>
      </c>
      <c r="DD17" s="315">
        <v>0</v>
      </c>
      <c r="DE17" s="315">
        <v>0</v>
      </c>
      <c r="DF17" s="312">
        <v>0</v>
      </c>
      <c r="DG17" s="317">
        <v>0</v>
      </c>
      <c r="DH17" s="311">
        <v>0</v>
      </c>
      <c r="DI17" s="315">
        <v>0</v>
      </c>
      <c r="DJ17" s="312">
        <v>0</v>
      </c>
      <c r="DK17" s="314">
        <v>0</v>
      </c>
      <c r="DL17" s="315">
        <v>0</v>
      </c>
      <c r="DM17" s="315">
        <v>0</v>
      </c>
      <c r="DN17" s="315">
        <v>0</v>
      </c>
      <c r="DO17" s="315">
        <v>0</v>
      </c>
      <c r="DP17" s="315">
        <v>0</v>
      </c>
      <c r="DQ17" s="312">
        <v>0</v>
      </c>
      <c r="DR17" s="317">
        <v>0</v>
      </c>
      <c r="DS17" s="311">
        <v>0</v>
      </c>
      <c r="DT17" s="315">
        <v>4</v>
      </c>
      <c r="DU17" s="312">
        <v>4</v>
      </c>
      <c r="DV17" s="314">
        <v>0</v>
      </c>
      <c r="DW17" s="315">
        <v>8</v>
      </c>
      <c r="DX17" s="315">
        <v>11</v>
      </c>
      <c r="DY17" s="315">
        <v>7</v>
      </c>
      <c r="DZ17" s="315">
        <v>9</v>
      </c>
      <c r="EA17" s="315">
        <v>6</v>
      </c>
      <c r="EB17" s="312">
        <v>41</v>
      </c>
      <c r="EC17" s="317">
        <v>45</v>
      </c>
      <c r="ED17" s="311">
        <v>1</v>
      </c>
      <c r="EE17" s="315">
        <v>3</v>
      </c>
      <c r="EF17" s="312">
        <v>4</v>
      </c>
      <c r="EG17" s="314">
        <v>0</v>
      </c>
      <c r="EH17" s="315">
        <v>6</v>
      </c>
      <c r="EI17" s="315">
        <v>2</v>
      </c>
      <c r="EJ17" s="315">
        <v>3</v>
      </c>
      <c r="EK17" s="315">
        <v>0</v>
      </c>
      <c r="EL17" s="315">
        <v>0</v>
      </c>
      <c r="EM17" s="312">
        <v>11</v>
      </c>
      <c r="EN17" s="317">
        <v>15</v>
      </c>
      <c r="EO17" s="311">
        <v>0</v>
      </c>
      <c r="EP17" s="315">
        <v>4</v>
      </c>
      <c r="EQ17" s="312">
        <v>4</v>
      </c>
      <c r="ER17" s="314">
        <v>0</v>
      </c>
      <c r="ES17" s="315">
        <v>15</v>
      </c>
      <c r="ET17" s="315">
        <v>14</v>
      </c>
      <c r="EU17" s="315">
        <v>8</v>
      </c>
      <c r="EV17" s="315">
        <v>10</v>
      </c>
      <c r="EW17" s="315">
        <v>5</v>
      </c>
      <c r="EX17" s="312">
        <v>52</v>
      </c>
      <c r="EY17" s="317">
        <v>56</v>
      </c>
    </row>
    <row r="18" spans="1:155" ht="19.5" customHeight="1" x14ac:dyDescent="0.2">
      <c r="A18" s="296" t="s">
        <v>16</v>
      </c>
      <c r="B18" s="311">
        <v>0</v>
      </c>
      <c r="C18" s="315">
        <v>0</v>
      </c>
      <c r="D18" s="437">
        <v>0</v>
      </c>
      <c r="E18" s="314">
        <v>0</v>
      </c>
      <c r="F18" s="315">
        <v>9</v>
      </c>
      <c r="G18" s="315">
        <v>13</v>
      </c>
      <c r="H18" s="315">
        <v>7</v>
      </c>
      <c r="I18" s="315">
        <v>2</v>
      </c>
      <c r="J18" s="315">
        <v>3</v>
      </c>
      <c r="K18" s="316">
        <v>34</v>
      </c>
      <c r="L18" s="317">
        <v>34</v>
      </c>
      <c r="M18" s="311">
        <v>0</v>
      </c>
      <c r="N18" s="315">
        <v>0</v>
      </c>
      <c r="O18" s="312">
        <v>0</v>
      </c>
      <c r="P18" s="314">
        <v>0</v>
      </c>
      <c r="Q18" s="315">
        <v>0</v>
      </c>
      <c r="R18" s="315">
        <v>1</v>
      </c>
      <c r="S18" s="315">
        <v>1</v>
      </c>
      <c r="T18" s="315">
        <v>0</v>
      </c>
      <c r="U18" s="315">
        <v>2</v>
      </c>
      <c r="V18" s="312">
        <v>4</v>
      </c>
      <c r="W18" s="317">
        <v>4</v>
      </c>
      <c r="X18" s="311">
        <v>3</v>
      </c>
      <c r="Y18" s="315">
        <v>2</v>
      </c>
      <c r="Z18" s="312">
        <v>5</v>
      </c>
      <c r="AA18" s="314">
        <v>0</v>
      </c>
      <c r="AB18" s="315">
        <v>6</v>
      </c>
      <c r="AC18" s="315">
        <v>14</v>
      </c>
      <c r="AD18" s="315">
        <v>9</v>
      </c>
      <c r="AE18" s="315">
        <v>3</v>
      </c>
      <c r="AF18" s="315">
        <v>3</v>
      </c>
      <c r="AG18" s="312">
        <v>35</v>
      </c>
      <c r="AH18" s="317">
        <v>40</v>
      </c>
      <c r="AI18" s="311">
        <v>0</v>
      </c>
      <c r="AJ18" s="315">
        <v>1</v>
      </c>
      <c r="AK18" s="312">
        <v>1</v>
      </c>
      <c r="AL18" s="314">
        <v>0</v>
      </c>
      <c r="AM18" s="315">
        <v>0</v>
      </c>
      <c r="AN18" s="315">
        <v>0</v>
      </c>
      <c r="AO18" s="315">
        <v>2</v>
      </c>
      <c r="AP18" s="315">
        <v>0</v>
      </c>
      <c r="AQ18" s="315">
        <v>0</v>
      </c>
      <c r="AR18" s="312">
        <v>2</v>
      </c>
      <c r="AS18" s="317">
        <v>3</v>
      </c>
      <c r="AT18" s="311">
        <v>5</v>
      </c>
      <c r="AU18" s="315">
        <v>0</v>
      </c>
      <c r="AV18" s="312">
        <v>5</v>
      </c>
      <c r="AW18" s="314">
        <v>0</v>
      </c>
      <c r="AX18" s="315">
        <v>13</v>
      </c>
      <c r="AY18" s="315">
        <v>14</v>
      </c>
      <c r="AZ18" s="315">
        <v>9</v>
      </c>
      <c r="BA18" s="315">
        <v>11</v>
      </c>
      <c r="BB18" s="315">
        <v>8</v>
      </c>
      <c r="BC18" s="316">
        <v>55</v>
      </c>
      <c r="BD18" s="317">
        <v>60</v>
      </c>
      <c r="BE18" s="311">
        <v>0</v>
      </c>
      <c r="BF18" s="315">
        <v>0</v>
      </c>
      <c r="BG18" s="312">
        <v>0</v>
      </c>
      <c r="BH18" s="314">
        <v>0</v>
      </c>
      <c r="BI18" s="315">
        <v>17</v>
      </c>
      <c r="BJ18" s="315">
        <v>23</v>
      </c>
      <c r="BK18" s="315">
        <v>7</v>
      </c>
      <c r="BL18" s="315">
        <v>3</v>
      </c>
      <c r="BM18" s="315">
        <v>2</v>
      </c>
      <c r="BN18" s="312">
        <v>52</v>
      </c>
      <c r="BO18" s="317">
        <v>52</v>
      </c>
      <c r="BP18" s="311">
        <v>5</v>
      </c>
      <c r="BQ18" s="315">
        <v>5</v>
      </c>
      <c r="BR18" s="312">
        <v>10</v>
      </c>
      <c r="BS18" s="314">
        <v>0</v>
      </c>
      <c r="BT18" s="315">
        <v>10</v>
      </c>
      <c r="BU18" s="315">
        <v>13</v>
      </c>
      <c r="BV18" s="315">
        <v>4</v>
      </c>
      <c r="BW18" s="315">
        <v>0</v>
      </c>
      <c r="BX18" s="315">
        <v>0</v>
      </c>
      <c r="BY18" s="312">
        <v>27</v>
      </c>
      <c r="BZ18" s="317">
        <v>37</v>
      </c>
      <c r="CA18" s="311">
        <v>0</v>
      </c>
      <c r="CB18" s="315">
        <v>0</v>
      </c>
      <c r="CC18" s="312">
        <v>0</v>
      </c>
      <c r="CD18" s="314">
        <v>0</v>
      </c>
      <c r="CE18" s="315">
        <v>4</v>
      </c>
      <c r="CF18" s="315">
        <v>4</v>
      </c>
      <c r="CG18" s="315">
        <v>3</v>
      </c>
      <c r="CH18" s="315">
        <v>0</v>
      </c>
      <c r="CI18" s="315">
        <v>1</v>
      </c>
      <c r="CJ18" s="312">
        <v>12</v>
      </c>
      <c r="CK18" s="317">
        <v>12</v>
      </c>
      <c r="CL18" s="311">
        <v>0</v>
      </c>
      <c r="CM18" s="315">
        <v>0</v>
      </c>
      <c r="CN18" s="312">
        <v>0</v>
      </c>
      <c r="CO18" s="314">
        <v>0</v>
      </c>
      <c r="CP18" s="315">
        <v>0</v>
      </c>
      <c r="CQ18" s="315">
        <v>0</v>
      </c>
      <c r="CR18" s="315">
        <v>1</v>
      </c>
      <c r="CS18" s="315">
        <v>0</v>
      </c>
      <c r="CT18" s="315">
        <v>0</v>
      </c>
      <c r="CU18" s="312">
        <v>1</v>
      </c>
      <c r="CV18" s="317">
        <v>1</v>
      </c>
      <c r="CW18" s="311">
        <v>0</v>
      </c>
      <c r="CX18" s="315">
        <v>0</v>
      </c>
      <c r="CY18" s="312">
        <v>0</v>
      </c>
      <c r="CZ18" s="314">
        <v>0</v>
      </c>
      <c r="DA18" s="315">
        <v>0</v>
      </c>
      <c r="DB18" s="315">
        <v>0</v>
      </c>
      <c r="DC18" s="315">
        <v>0</v>
      </c>
      <c r="DD18" s="315">
        <v>0</v>
      </c>
      <c r="DE18" s="315">
        <v>0</v>
      </c>
      <c r="DF18" s="312">
        <v>0</v>
      </c>
      <c r="DG18" s="317">
        <v>0</v>
      </c>
      <c r="DH18" s="311">
        <v>0</v>
      </c>
      <c r="DI18" s="315">
        <v>0</v>
      </c>
      <c r="DJ18" s="312">
        <v>0</v>
      </c>
      <c r="DK18" s="314">
        <v>0</v>
      </c>
      <c r="DL18" s="315">
        <v>0</v>
      </c>
      <c r="DM18" s="315">
        <v>0</v>
      </c>
      <c r="DN18" s="315">
        <v>0</v>
      </c>
      <c r="DO18" s="315">
        <v>0</v>
      </c>
      <c r="DP18" s="315">
        <v>0</v>
      </c>
      <c r="DQ18" s="312">
        <v>0</v>
      </c>
      <c r="DR18" s="317">
        <v>0</v>
      </c>
      <c r="DS18" s="311">
        <v>7</v>
      </c>
      <c r="DT18" s="315">
        <v>13</v>
      </c>
      <c r="DU18" s="312">
        <v>20</v>
      </c>
      <c r="DV18" s="314">
        <v>0</v>
      </c>
      <c r="DW18" s="315">
        <v>22</v>
      </c>
      <c r="DX18" s="315">
        <v>42</v>
      </c>
      <c r="DY18" s="315">
        <v>24</v>
      </c>
      <c r="DZ18" s="315">
        <v>6</v>
      </c>
      <c r="EA18" s="315">
        <v>6</v>
      </c>
      <c r="EB18" s="312">
        <v>100</v>
      </c>
      <c r="EC18" s="317">
        <v>120</v>
      </c>
      <c r="ED18" s="311">
        <v>6</v>
      </c>
      <c r="EE18" s="315">
        <v>0</v>
      </c>
      <c r="EF18" s="312">
        <v>6</v>
      </c>
      <c r="EG18" s="314">
        <v>0</v>
      </c>
      <c r="EH18" s="315">
        <v>12</v>
      </c>
      <c r="EI18" s="315">
        <v>10</v>
      </c>
      <c r="EJ18" s="315">
        <v>2</v>
      </c>
      <c r="EK18" s="315">
        <v>10</v>
      </c>
      <c r="EL18" s="315">
        <v>6</v>
      </c>
      <c r="EM18" s="312">
        <v>40</v>
      </c>
      <c r="EN18" s="317">
        <v>46</v>
      </c>
      <c r="EO18" s="311">
        <v>13</v>
      </c>
      <c r="EP18" s="315">
        <v>19</v>
      </c>
      <c r="EQ18" s="312">
        <v>32</v>
      </c>
      <c r="ER18" s="314">
        <v>0</v>
      </c>
      <c r="ES18" s="315">
        <v>49</v>
      </c>
      <c r="ET18" s="315">
        <v>59</v>
      </c>
      <c r="EU18" s="315">
        <v>28</v>
      </c>
      <c r="EV18" s="315">
        <v>7</v>
      </c>
      <c r="EW18" s="315">
        <v>5</v>
      </c>
      <c r="EX18" s="312">
        <v>148</v>
      </c>
      <c r="EY18" s="317">
        <v>180</v>
      </c>
    </row>
    <row r="19" spans="1:155" ht="19.5" customHeight="1" x14ac:dyDescent="0.2">
      <c r="A19" s="296" t="s">
        <v>17</v>
      </c>
      <c r="B19" s="311">
        <v>0</v>
      </c>
      <c r="C19" s="315">
        <v>0</v>
      </c>
      <c r="D19" s="437">
        <v>0</v>
      </c>
      <c r="E19" s="314">
        <v>0</v>
      </c>
      <c r="F19" s="315">
        <v>8</v>
      </c>
      <c r="G19" s="315">
        <v>19</v>
      </c>
      <c r="H19" s="315">
        <v>15</v>
      </c>
      <c r="I19" s="315">
        <v>4</v>
      </c>
      <c r="J19" s="315">
        <v>4</v>
      </c>
      <c r="K19" s="316">
        <v>50</v>
      </c>
      <c r="L19" s="317">
        <v>50</v>
      </c>
      <c r="M19" s="311">
        <v>0</v>
      </c>
      <c r="N19" s="315">
        <v>0</v>
      </c>
      <c r="O19" s="312">
        <v>0</v>
      </c>
      <c r="P19" s="314">
        <v>0</v>
      </c>
      <c r="Q19" s="315">
        <v>0</v>
      </c>
      <c r="R19" s="315">
        <v>3</v>
      </c>
      <c r="S19" s="315">
        <v>1</v>
      </c>
      <c r="T19" s="315">
        <v>5</v>
      </c>
      <c r="U19" s="315">
        <v>4</v>
      </c>
      <c r="V19" s="312">
        <v>13</v>
      </c>
      <c r="W19" s="317">
        <v>13</v>
      </c>
      <c r="X19" s="311">
        <v>5</v>
      </c>
      <c r="Y19" s="315">
        <v>7</v>
      </c>
      <c r="Z19" s="312">
        <v>12</v>
      </c>
      <c r="AA19" s="314">
        <v>0</v>
      </c>
      <c r="AB19" s="315">
        <v>13</v>
      </c>
      <c r="AC19" s="315">
        <v>21</v>
      </c>
      <c r="AD19" s="315">
        <v>13</v>
      </c>
      <c r="AE19" s="315">
        <v>11</v>
      </c>
      <c r="AF19" s="315">
        <v>7</v>
      </c>
      <c r="AG19" s="312">
        <v>65</v>
      </c>
      <c r="AH19" s="317">
        <v>77</v>
      </c>
      <c r="AI19" s="311">
        <v>0</v>
      </c>
      <c r="AJ19" s="315">
        <v>0</v>
      </c>
      <c r="AK19" s="312">
        <v>0</v>
      </c>
      <c r="AL19" s="314">
        <v>0</v>
      </c>
      <c r="AM19" s="315">
        <v>0</v>
      </c>
      <c r="AN19" s="315">
        <v>1</v>
      </c>
      <c r="AO19" s="315">
        <v>3</v>
      </c>
      <c r="AP19" s="315">
        <v>2</v>
      </c>
      <c r="AQ19" s="315">
        <v>0</v>
      </c>
      <c r="AR19" s="312">
        <v>6</v>
      </c>
      <c r="AS19" s="317">
        <v>6</v>
      </c>
      <c r="AT19" s="311">
        <v>3</v>
      </c>
      <c r="AU19" s="315">
        <v>7</v>
      </c>
      <c r="AV19" s="312">
        <v>10</v>
      </c>
      <c r="AW19" s="314">
        <v>0</v>
      </c>
      <c r="AX19" s="315">
        <v>18</v>
      </c>
      <c r="AY19" s="315">
        <v>28</v>
      </c>
      <c r="AZ19" s="315">
        <v>18</v>
      </c>
      <c r="BA19" s="315">
        <v>26</v>
      </c>
      <c r="BB19" s="315">
        <v>14</v>
      </c>
      <c r="BC19" s="316">
        <v>104</v>
      </c>
      <c r="BD19" s="317">
        <v>114</v>
      </c>
      <c r="BE19" s="311">
        <v>0</v>
      </c>
      <c r="BF19" s="315">
        <v>0</v>
      </c>
      <c r="BG19" s="312">
        <v>0</v>
      </c>
      <c r="BH19" s="314">
        <v>0</v>
      </c>
      <c r="BI19" s="315">
        <v>23</v>
      </c>
      <c r="BJ19" s="315">
        <v>35</v>
      </c>
      <c r="BK19" s="315">
        <v>18</v>
      </c>
      <c r="BL19" s="315">
        <v>8</v>
      </c>
      <c r="BM19" s="315">
        <v>1</v>
      </c>
      <c r="BN19" s="312">
        <v>85</v>
      </c>
      <c r="BO19" s="317">
        <v>85</v>
      </c>
      <c r="BP19" s="311">
        <v>2</v>
      </c>
      <c r="BQ19" s="315">
        <v>7</v>
      </c>
      <c r="BR19" s="312">
        <v>9</v>
      </c>
      <c r="BS19" s="314">
        <v>0</v>
      </c>
      <c r="BT19" s="315">
        <v>9</v>
      </c>
      <c r="BU19" s="315">
        <v>5</v>
      </c>
      <c r="BV19" s="315">
        <v>10</v>
      </c>
      <c r="BW19" s="315">
        <v>1</v>
      </c>
      <c r="BX19" s="315">
        <v>0</v>
      </c>
      <c r="BY19" s="312">
        <v>25</v>
      </c>
      <c r="BZ19" s="317">
        <v>34</v>
      </c>
      <c r="CA19" s="311">
        <v>0</v>
      </c>
      <c r="CB19" s="315">
        <v>0</v>
      </c>
      <c r="CC19" s="312">
        <v>0</v>
      </c>
      <c r="CD19" s="314">
        <v>0</v>
      </c>
      <c r="CE19" s="315">
        <v>3</v>
      </c>
      <c r="CF19" s="315">
        <v>4</v>
      </c>
      <c r="CG19" s="315">
        <v>9</v>
      </c>
      <c r="CH19" s="315">
        <v>7</v>
      </c>
      <c r="CI19" s="315">
        <v>0</v>
      </c>
      <c r="CJ19" s="312">
        <v>23</v>
      </c>
      <c r="CK19" s="317">
        <v>23</v>
      </c>
      <c r="CL19" s="311">
        <v>0</v>
      </c>
      <c r="CM19" s="315">
        <v>0</v>
      </c>
      <c r="CN19" s="312">
        <v>0</v>
      </c>
      <c r="CO19" s="314">
        <v>0</v>
      </c>
      <c r="CP19" s="315">
        <v>0</v>
      </c>
      <c r="CQ19" s="315">
        <v>0</v>
      </c>
      <c r="CR19" s="315">
        <v>1</v>
      </c>
      <c r="CS19" s="315">
        <v>0</v>
      </c>
      <c r="CT19" s="315">
        <v>0</v>
      </c>
      <c r="CU19" s="312">
        <v>1</v>
      </c>
      <c r="CV19" s="317">
        <v>1</v>
      </c>
      <c r="CW19" s="311">
        <v>0</v>
      </c>
      <c r="CX19" s="315">
        <v>0</v>
      </c>
      <c r="CY19" s="312">
        <v>0</v>
      </c>
      <c r="CZ19" s="314">
        <v>0</v>
      </c>
      <c r="DA19" s="315">
        <v>0</v>
      </c>
      <c r="DB19" s="315">
        <v>0</v>
      </c>
      <c r="DC19" s="315">
        <v>0</v>
      </c>
      <c r="DD19" s="315">
        <v>0</v>
      </c>
      <c r="DE19" s="315">
        <v>0</v>
      </c>
      <c r="DF19" s="312">
        <v>0</v>
      </c>
      <c r="DG19" s="317">
        <v>0</v>
      </c>
      <c r="DH19" s="311">
        <v>0</v>
      </c>
      <c r="DI19" s="315">
        <v>0</v>
      </c>
      <c r="DJ19" s="312">
        <v>0</v>
      </c>
      <c r="DK19" s="314">
        <v>0</v>
      </c>
      <c r="DL19" s="315">
        <v>0</v>
      </c>
      <c r="DM19" s="315">
        <v>0</v>
      </c>
      <c r="DN19" s="315">
        <v>0</v>
      </c>
      <c r="DO19" s="315">
        <v>0</v>
      </c>
      <c r="DP19" s="315">
        <v>0</v>
      </c>
      <c r="DQ19" s="312">
        <v>0</v>
      </c>
      <c r="DR19" s="317">
        <v>0</v>
      </c>
      <c r="DS19" s="311">
        <v>16</v>
      </c>
      <c r="DT19" s="315">
        <v>22</v>
      </c>
      <c r="DU19" s="312">
        <v>38</v>
      </c>
      <c r="DV19" s="314">
        <v>0</v>
      </c>
      <c r="DW19" s="315">
        <v>27</v>
      </c>
      <c r="DX19" s="315">
        <v>66</v>
      </c>
      <c r="DY19" s="315">
        <v>41</v>
      </c>
      <c r="DZ19" s="315">
        <v>26</v>
      </c>
      <c r="EA19" s="315">
        <v>10</v>
      </c>
      <c r="EB19" s="312">
        <v>170</v>
      </c>
      <c r="EC19" s="317">
        <v>208</v>
      </c>
      <c r="ED19" s="311">
        <v>2</v>
      </c>
      <c r="EE19" s="315">
        <v>4</v>
      </c>
      <c r="EF19" s="312">
        <v>6</v>
      </c>
      <c r="EG19" s="314">
        <v>0</v>
      </c>
      <c r="EH19" s="315">
        <v>11</v>
      </c>
      <c r="EI19" s="315">
        <v>9</v>
      </c>
      <c r="EJ19" s="315">
        <v>5</v>
      </c>
      <c r="EK19" s="315">
        <v>16</v>
      </c>
      <c r="EL19" s="315">
        <v>6</v>
      </c>
      <c r="EM19" s="312">
        <v>47</v>
      </c>
      <c r="EN19" s="317">
        <v>53</v>
      </c>
      <c r="EO19" s="311">
        <v>20</v>
      </c>
      <c r="EP19" s="315">
        <v>26</v>
      </c>
      <c r="EQ19" s="312">
        <v>46</v>
      </c>
      <c r="ER19" s="314">
        <v>0</v>
      </c>
      <c r="ES19" s="315">
        <v>64</v>
      </c>
      <c r="ET19" s="315">
        <v>89</v>
      </c>
      <c r="EU19" s="315">
        <v>52</v>
      </c>
      <c r="EV19" s="315">
        <v>28</v>
      </c>
      <c r="EW19" s="315">
        <v>11</v>
      </c>
      <c r="EX19" s="312">
        <v>244</v>
      </c>
      <c r="EY19" s="317">
        <v>290</v>
      </c>
    </row>
    <row r="20" spans="1:155" ht="19.5" customHeight="1" x14ac:dyDescent="0.2">
      <c r="A20" s="296" t="s">
        <v>18</v>
      </c>
      <c r="B20" s="311">
        <v>1</v>
      </c>
      <c r="C20" s="315">
        <v>0</v>
      </c>
      <c r="D20" s="437">
        <v>1</v>
      </c>
      <c r="E20" s="314">
        <v>0</v>
      </c>
      <c r="F20" s="315">
        <v>21</v>
      </c>
      <c r="G20" s="315">
        <v>35</v>
      </c>
      <c r="H20" s="315">
        <v>19</v>
      </c>
      <c r="I20" s="315">
        <v>15</v>
      </c>
      <c r="J20" s="315">
        <v>10</v>
      </c>
      <c r="K20" s="316">
        <v>100</v>
      </c>
      <c r="L20" s="317">
        <v>101</v>
      </c>
      <c r="M20" s="311">
        <v>0</v>
      </c>
      <c r="N20" s="315">
        <v>0</v>
      </c>
      <c r="O20" s="312">
        <v>0</v>
      </c>
      <c r="P20" s="314">
        <v>0</v>
      </c>
      <c r="Q20" s="315">
        <v>0</v>
      </c>
      <c r="R20" s="315">
        <v>2</v>
      </c>
      <c r="S20" s="315">
        <v>1</v>
      </c>
      <c r="T20" s="315">
        <v>4</v>
      </c>
      <c r="U20" s="315">
        <v>4</v>
      </c>
      <c r="V20" s="312">
        <v>11</v>
      </c>
      <c r="W20" s="317">
        <v>11</v>
      </c>
      <c r="X20" s="311">
        <v>6</v>
      </c>
      <c r="Y20" s="315">
        <v>8</v>
      </c>
      <c r="Z20" s="312">
        <v>14</v>
      </c>
      <c r="AA20" s="314">
        <v>0</v>
      </c>
      <c r="AB20" s="315">
        <v>13</v>
      </c>
      <c r="AC20" s="315">
        <v>36</v>
      </c>
      <c r="AD20" s="315">
        <v>14</v>
      </c>
      <c r="AE20" s="315">
        <v>22</v>
      </c>
      <c r="AF20" s="315">
        <v>7</v>
      </c>
      <c r="AG20" s="312">
        <v>92</v>
      </c>
      <c r="AH20" s="317">
        <v>106</v>
      </c>
      <c r="AI20" s="311">
        <v>0</v>
      </c>
      <c r="AJ20" s="315">
        <v>1</v>
      </c>
      <c r="AK20" s="312">
        <v>1</v>
      </c>
      <c r="AL20" s="314">
        <v>0</v>
      </c>
      <c r="AM20" s="315">
        <v>3</v>
      </c>
      <c r="AN20" s="315">
        <v>4</v>
      </c>
      <c r="AO20" s="315">
        <v>1</v>
      </c>
      <c r="AP20" s="315">
        <v>1</v>
      </c>
      <c r="AQ20" s="315">
        <v>1</v>
      </c>
      <c r="AR20" s="312">
        <v>10</v>
      </c>
      <c r="AS20" s="317">
        <v>11</v>
      </c>
      <c r="AT20" s="311">
        <v>6</v>
      </c>
      <c r="AU20" s="315">
        <v>4</v>
      </c>
      <c r="AV20" s="312">
        <v>10</v>
      </c>
      <c r="AW20" s="314">
        <v>0</v>
      </c>
      <c r="AX20" s="315">
        <v>24</v>
      </c>
      <c r="AY20" s="315">
        <v>36</v>
      </c>
      <c r="AZ20" s="315">
        <v>24</v>
      </c>
      <c r="BA20" s="315">
        <v>29</v>
      </c>
      <c r="BB20" s="315">
        <v>30</v>
      </c>
      <c r="BC20" s="316">
        <v>143</v>
      </c>
      <c r="BD20" s="317">
        <v>153</v>
      </c>
      <c r="BE20" s="311">
        <v>0</v>
      </c>
      <c r="BF20" s="315">
        <v>0</v>
      </c>
      <c r="BG20" s="312">
        <v>0</v>
      </c>
      <c r="BH20" s="314">
        <v>0</v>
      </c>
      <c r="BI20" s="315">
        <v>30</v>
      </c>
      <c r="BJ20" s="315">
        <v>48</v>
      </c>
      <c r="BK20" s="315">
        <v>13</v>
      </c>
      <c r="BL20" s="315">
        <v>11</v>
      </c>
      <c r="BM20" s="315">
        <v>2</v>
      </c>
      <c r="BN20" s="312">
        <v>104</v>
      </c>
      <c r="BO20" s="317">
        <v>104</v>
      </c>
      <c r="BP20" s="311">
        <v>4</v>
      </c>
      <c r="BQ20" s="315">
        <v>3</v>
      </c>
      <c r="BR20" s="312">
        <v>7</v>
      </c>
      <c r="BS20" s="314">
        <v>0</v>
      </c>
      <c r="BT20" s="315">
        <v>6</v>
      </c>
      <c r="BU20" s="315">
        <v>15</v>
      </c>
      <c r="BV20" s="315">
        <v>6</v>
      </c>
      <c r="BW20" s="315">
        <v>7</v>
      </c>
      <c r="BX20" s="315">
        <v>2</v>
      </c>
      <c r="BY20" s="312">
        <v>36</v>
      </c>
      <c r="BZ20" s="317">
        <v>43</v>
      </c>
      <c r="CA20" s="311">
        <v>0</v>
      </c>
      <c r="CB20" s="315">
        <v>0</v>
      </c>
      <c r="CC20" s="312">
        <v>0</v>
      </c>
      <c r="CD20" s="314">
        <v>0</v>
      </c>
      <c r="CE20" s="315">
        <v>3</v>
      </c>
      <c r="CF20" s="315">
        <v>7</v>
      </c>
      <c r="CG20" s="315">
        <v>4</v>
      </c>
      <c r="CH20" s="315">
        <v>9</v>
      </c>
      <c r="CI20" s="315">
        <v>2</v>
      </c>
      <c r="CJ20" s="312">
        <v>25</v>
      </c>
      <c r="CK20" s="317">
        <v>25</v>
      </c>
      <c r="CL20" s="311">
        <v>0</v>
      </c>
      <c r="CM20" s="315">
        <v>0</v>
      </c>
      <c r="CN20" s="312">
        <v>0</v>
      </c>
      <c r="CO20" s="314">
        <v>0</v>
      </c>
      <c r="CP20" s="315">
        <v>0</v>
      </c>
      <c r="CQ20" s="315">
        <v>0</v>
      </c>
      <c r="CR20" s="315">
        <v>0</v>
      </c>
      <c r="CS20" s="315">
        <v>0</v>
      </c>
      <c r="CT20" s="315">
        <v>1</v>
      </c>
      <c r="CU20" s="312">
        <v>1</v>
      </c>
      <c r="CV20" s="317">
        <v>1</v>
      </c>
      <c r="CW20" s="311">
        <v>0</v>
      </c>
      <c r="CX20" s="315">
        <v>0</v>
      </c>
      <c r="CY20" s="312">
        <v>0</v>
      </c>
      <c r="CZ20" s="314">
        <v>0</v>
      </c>
      <c r="DA20" s="315">
        <v>0</v>
      </c>
      <c r="DB20" s="315">
        <v>0</v>
      </c>
      <c r="DC20" s="315">
        <v>0</v>
      </c>
      <c r="DD20" s="315">
        <v>0</v>
      </c>
      <c r="DE20" s="315">
        <v>0</v>
      </c>
      <c r="DF20" s="312">
        <v>0</v>
      </c>
      <c r="DG20" s="317">
        <v>0</v>
      </c>
      <c r="DH20" s="311">
        <v>0</v>
      </c>
      <c r="DI20" s="315">
        <v>0</v>
      </c>
      <c r="DJ20" s="312">
        <v>0</v>
      </c>
      <c r="DK20" s="314">
        <v>0</v>
      </c>
      <c r="DL20" s="315">
        <v>0</v>
      </c>
      <c r="DM20" s="315">
        <v>0</v>
      </c>
      <c r="DN20" s="315">
        <v>0</v>
      </c>
      <c r="DO20" s="315">
        <v>0</v>
      </c>
      <c r="DP20" s="315">
        <v>0</v>
      </c>
      <c r="DQ20" s="312">
        <v>0</v>
      </c>
      <c r="DR20" s="317">
        <v>0</v>
      </c>
      <c r="DS20" s="311">
        <v>9</v>
      </c>
      <c r="DT20" s="315">
        <v>22</v>
      </c>
      <c r="DU20" s="312">
        <v>31</v>
      </c>
      <c r="DV20" s="314">
        <v>0</v>
      </c>
      <c r="DW20" s="315">
        <v>38</v>
      </c>
      <c r="DX20" s="315">
        <v>70</v>
      </c>
      <c r="DY20" s="315">
        <v>33</v>
      </c>
      <c r="DZ20" s="315">
        <v>32</v>
      </c>
      <c r="EA20" s="315">
        <v>18</v>
      </c>
      <c r="EB20" s="312">
        <v>191</v>
      </c>
      <c r="EC20" s="317">
        <v>222</v>
      </c>
      <c r="ED20" s="311">
        <v>3</v>
      </c>
      <c r="EE20" s="315">
        <v>0</v>
      </c>
      <c r="EF20" s="312">
        <v>3</v>
      </c>
      <c r="EG20" s="314">
        <v>0</v>
      </c>
      <c r="EH20" s="315">
        <v>13</v>
      </c>
      <c r="EI20" s="315">
        <v>13</v>
      </c>
      <c r="EJ20" s="315">
        <v>10</v>
      </c>
      <c r="EK20" s="315">
        <v>11</v>
      </c>
      <c r="EL20" s="315">
        <v>14</v>
      </c>
      <c r="EM20" s="312">
        <v>61</v>
      </c>
      <c r="EN20" s="317">
        <v>64</v>
      </c>
      <c r="EO20" s="311">
        <v>16</v>
      </c>
      <c r="EP20" s="315">
        <v>30</v>
      </c>
      <c r="EQ20" s="312">
        <v>46</v>
      </c>
      <c r="ER20" s="314">
        <v>0</v>
      </c>
      <c r="ES20" s="315">
        <v>87</v>
      </c>
      <c r="ET20" s="315">
        <v>109</v>
      </c>
      <c r="EU20" s="315">
        <v>42</v>
      </c>
      <c r="EV20" s="315">
        <v>36</v>
      </c>
      <c r="EW20" s="315">
        <v>16</v>
      </c>
      <c r="EX20" s="312">
        <v>290</v>
      </c>
      <c r="EY20" s="317">
        <v>336</v>
      </c>
    </row>
    <row r="21" spans="1:155" ht="19.5" customHeight="1" x14ac:dyDescent="0.2">
      <c r="A21" s="296" t="s">
        <v>19</v>
      </c>
      <c r="B21" s="311">
        <v>0</v>
      </c>
      <c r="C21" s="315">
        <v>0</v>
      </c>
      <c r="D21" s="437">
        <v>0</v>
      </c>
      <c r="E21" s="314">
        <v>0</v>
      </c>
      <c r="F21" s="315">
        <v>7</v>
      </c>
      <c r="G21" s="315">
        <v>9</v>
      </c>
      <c r="H21" s="315">
        <v>5</v>
      </c>
      <c r="I21" s="315">
        <v>3</v>
      </c>
      <c r="J21" s="315">
        <v>0</v>
      </c>
      <c r="K21" s="316">
        <v>24</v>
      </c>
      <c r="L21" s="317">
        <v>24</v>
      </c>
      <c r="M21" s="311">
        <v>0</v>
      </c>
      <c r="N21" s="315">
        <v>0</v>
      </c>
      <c r="O21" s="312">
        <v>0</v>
      </c>
      <c r="P21" s="314">
        <v>0</v>
      </c>
      <c r="Q21" s="315">
        <v>0</v>
      </c>
      <c r="R21" s="315">
        <v>0</v>
      </c>
      <c r="S21" s="315">
        <v>1</v>
      </c>
      <c r="T21" s="315">
        <v>1</v>
      </c>
      <c r="U21" s="315">
        <v>1</v>
      </c>
      <c r="V21" s="312">
        <v>3</v>
      </c>
      <c r="W21" s="317">
        <v>3</v>
      </c>
      <c r="X21" s="311">
        <v>3</v>
      </c>
      <c r="Y21" s="315">
        <v>3</v>
      </c>
      <c r="Z21" s="312">
        <v>6</v>
      </c>
      <c r="AA21" s="314">
        <v>0</v>
      </c>
      <c r="AB21" s="315">
        <v>11</v>
      </c>
      <c r="AC21" s="315">
        <v>11</v>
      </c>
      <c r="AD21" s="315">
        <v>5</v>
      </c>
      <c r="AE21" s="315">
        <v>6</v>
      </c>
      <c r="AF21" s="315">
        <v>4</v>
      </c>
      <c r="AG21" s="312">
        <v>37</v>
      </c>
      <c r="AH21" s="317">
        <v>43</v>
      </c>
      <c r="AI21" s="311">
        <v>0</v>
      </c>
      <c r="AJ21" s="315">
        <v>0</v>
      </c>
      <c r="AK21" s="312">
        <v>0</v>
      </c>
      <c r="AL21" s="314">
        <v>0</v>
      </c>
      <c r="AM21" s="315">
        <v>1</v>
      </c>
      <c r="AN21" s="315">
        <v>0</v>
      </c>
      <c r="AO21" s="315">
        <v>2</v>
      </c>
      <c r="AP21" s="315">
        <v>0</v>
      </c>
      <c r="AQ21" s="315">
        <v>0</v>
      </c>
      <c r="AR21" s="312">
        <v>3</v>
      </c>
      <c r="AS21" s="317">
        <v>3</v>
      </c>
      <c r="AT21" s="311">
        <v>3</v>
      </c>
      <c r="AU21" s="315">
        <v>4</v>
      </c>
      <c r="AV21" s="312">
        <v>7</v>
      </c>
      <c r="AW21" s="314">
        <v>0</v>
      </c>
      <c r="AX21" s="315">
        <v>9</v>
      </c>
      <c r="AY21" s="315">
        <v>10</v>
      </c>
      <c r="AZ21" s="315">
        <v>14</v>
      </c>
      <c r="BA21" s="315">
        <v>7</v>
      </c>
      <c r="BB21" s="315">
        <v>6</v>
      </c>
      <c r="BC21" s="316">
        <v>46</v>
      </c>
      <c r="BD21" s="317">
        <v>53</v>
      </c>
      <c r="BE21" s="311">
        <v>0</v>
      </c>
      <c r="BF21" s="315">
        <v>0</v>
      </c>
      <c r="BG21" s="312">
        <v>0</v>
      </c>
      <c r="BH21" s="314">
        <v>0</v>
      </c>
      <c r="BI21" s="315">
        <v>17</v>
      </c>
      <c r="BJ21" s="315">
        <v>6</v>
      </c>
      <c r="BK21" s="315">
        <v>6</v>
      </c>
      <c r="BL21" s="315">
        <v>1</v>
      </c>
      <c r="BM21" s="315">
        <v>3</v>
      </c>
      <c r="BN21" s="312">
        <v>33</v>
      </c>
      <c r="BO21" s="317">
        <v>33</v>
      </c>
      <c r="BP21" s="311">
        <v>0</v>
      </c>
      <c r="BQ21" s="315">
        <v>3</v>
      </c>
      <c r="BR21" s="312">
        <v>3</v>
      </c>
      <c r="BS21" s="314">
        <v>0</v>
      </c>
      <c r="BT21" s="315">
        <v>6</v>
      </c>
      <c r="BU21" s="315">
        <v>3</v>
      </c>
      <c r="BV21" s="315">
        <v>4</v>
      </c>
      <c r="BW21" s="315">
        <v>5</v>
      </c>
      <c r="BX21" s="315">
        <v>1</v>
      </c>
      <c r="BY21" s="312">
        <v>19</v>
      </c>
      <c r="BZ21" s="317">
        <v>22</v>
      </c>
      <c r="CA21" s="311">
        <v>0</v>
      </c>
      <c r="CB21" s="315">
        <v>1</v>
      </c>
      <c r="CC21" s="312">
        <v>1</v>
      </c>
      <c r="CD21" s="314">
        <v>0</v>
      </c>
      <c r="CE21" s="315">
        <v>1</v>
      </c>
      <c r="CF21" s="315">
        <v>3</v>
      </c>
      <c r="CG21" s="315">
        <v>4</v>
      </c>
      <c r="CH21" s="315">
        <v>0</v>
      </c>
      <c r="CI21" s="315">
        <v>0</v>
      </c>
      <c r="CJ21" s="312">
        <v>8</v>
      </c>
      <c r="CK21" s="317">
        <v>9</v>
      </c>
      <c r="CL21" s="311">
        <v>0</v>
      </c>
      <c r="CM21" s="315">
        <v>0</v>
      </c>
      <c r="CN21" s="312">
        <v>0</v>
      </c>
      <c r="CO21" s="314">
        <v>0</v>
      </c>
      <c r="CP21" s="315">
        <v>0</v>
      </c>
      <c r="CQ21" s="315">
        <v>2</v>
      </c>
      <c r="CR21" s="315">
        <v>1</v>
      </c>
      <c r="CS21" s="315">
        <v>1</v>
      </c>
      <c r="CT21" s="315">
        <v>0</v>
      </c>
      <c r="CU21" s="312">
        <v>4</v>
      </c>
      <c r="CV21" s="317">
        <v>4</v>
      </c>
      <c r="CW21" s="311">
        <v>0</v>
      </c>
      <c r="CX21" s="315">
        <v>0</v>
      </c>
      <c r="CY21" s="312">
        <v>0</v>
      </c>
      <c r="CZ21" s="314">
        <v>0</v>
      </c>
      <c r="DA21" s="315">
        <v>0</v>
      </c>
      <c r="DB21" s="315">
        <v>0</v>
      </c>
      <c r="DC21" s="315">
        <v>0</v>
      </c>
      <c r="DD21" s="315">
        <v>0</v>
      </c>
      <c r="DE21" s="315">
        <v>0</v>
      </c>
      <c r="DF21" s="312">
        <v>0</v>
      </c>
      <c r="DG21" s="317">
        <v>0</v>
      </c>
      <c r="DH21" s="311">
        <v>0</v>
      </c>
      <c r="DI21" s="315">
        <v>0</v>
      </c>
      <c r="DJ21" s="312">
        <v>0</v>
      </c>
      <c r="DK21" s="314">
        <v>0</v>
      </c>
      <c r="DL21" s="315">
        <v>0</v>
      </c>
      <c r="DM21" s="315">
        <v>0</v>
      </c>
      <c r="DN21" s="315">
        <v>0</v>
      </c>
      <c r="DO21" s="315">
        <v>0</v>
      </c>
      <c r="DP21" s="315">
        <v>0</v>
      </c>
      <c r="DQ21" s="312">
        <v>0</v>
      </c>
      <c r="DR21" s="317">
        <v>0</v>
      </c>
      <c r="DS21" s="311">
        <v>5</v>
      </c>
      <c r="DT21" s="315">
        <v>10</v>
      </c>
      <c r="DU21" s="312">
        <v>15</v>
      </c>
      <c r="DV21" s="314">
        <v>0</v>
      </c>
      <c r="DW21" s="315">
        <v>17</v>
      </c>
      <c r="DX21" s="315">
        <v>21</v>
      </c>
      <c r="DY21" s="315">
        <v>17</v>
      </c>
      <c r="DZ21" s="315">
        <v>10</v>
      </c>
      <c r="EA21" s="315">
        <v>5</v>
      </c>
      <c r="EB21" s="312">
        <v>70</v>
      </c>
      <c r="EC21" s="317">
        <v>85</v>
      </c>
      <c r="ED21" s="311">
        <v>1</v>
      </c>
      <c r="EE21" s="315">
        <v>4</v>
      </c>
      <c r="EF21" s="312">
        <v>5</v>
      </c>
      <c r="EG21" s="314">
        <v>0</v>
      </c>
      <c r="EH21" s="315">
        <v>8</v>
      </c>
      <c r="EI21" s="315">
        <v>3</v>
      </c>
      <c r="EJ21" s="315">
        <v>8</v>
      </c>
      <c r="EK21" s="315">
        <v>1</v>
      </c>
      <c r="EL21" s="315">
        <v>3</v>
      </c>
      <c r="EM21" s="312">
        <v>23</v>
      </c>
      <c r="EN21" s="317">
        <v>28</v>
      </c>
      <c r="EO21" s="311">
        <v>8</v>
      </c>
      <c r="EP21" s="315">
        <v>13</v>
      </c>
      <c r="EQ21" s="312">
        <v>21</v>
      </c>
      <c r="ER21" s="314">
        <v>0</v>
      </c>
      <c r="ES21" s="315">
        <v>37</v>
      </c>
      <c r="ET21" s="315">
        <v>28</v>
      </c>
      <c r="EU21" s="315">
        <v>18</v>
      </c>
      <c r="EV21" s="315">
        <v>9</v>
      </c>
      <c r="EW21" s="315">
        <v>5</v>
      </c>
      <c r="EX21" s="312">
        <v>97</v>
      </c>
      <c r="EY21" s="317">
        <v>118</v>
      </c>
    </row>
    <row r="22" spans="1:155" ht="19.5" customHeight="1" x14ac:dyDescent="0.2">
      <c r="A22" s="296" t="s">
        <v>20</v>
      </c>
      <c r="B22" s="311">
        <v>0</v>
      </c>
      <c r="C22" s="315">
        <v>0</v>
      </c>
      <c r="D22" s="437">
        <v>0</v>
      </c>
      <c r="E22" s="314">
        <v>0</v>
      </c>
      <c r="F22" s="315">
        <v>17</v>
      </c>
      <c r="G22" s="315">
        <v>7</v>
      </c>
      <c r="H22" s="315">
        <v>3</v>
      </c>
      <c r="I22" s="315">
        <v>6</v>
      </c>
      <c r="J22" s="315">
        <v>4</v>
      </c>
      <c r="K22" s="316">
        <v>37</v>
      </c>
      <c r="L22" s="317">
        <v>37</v>
      </c>
      <c r="M22" s="311">
        <v>0</v>
      </c>
      <c r="N22" s="315">
        <v>0</v>
      </c>
      <c r="O22" s="312">
        <v>0</v>
      </c>
      <c r="P22" s="314">
        <v>0</v>
      </c>
      <c r="Q22" s="315">
        <v>1</v>
      </c>
      <c r="R22" s="315">
        <v>0</v>
      </c>
      <c r="S22" s="315">
        <v>2</v>
      </c>
      <c r="T22" s="315">
        <v>0</v>
      </c>
      <c r="U22" s="315">
        <v>2</v>
      </c>
      <c r="V22" s="312">
        <v>5</v>
      </c>
      <c r="W22" s="317">
        <v>5</v>
      </c>
      <c r="X22" s="311">
        <v>2</v>
      </c>
      <c r="Y22" s="315">
        <v>6</v>
      </c>
      <c r="Z22" s="312">
        <v>8</v>
      </c>
      <c r="AA22" s="314">
        <v>0</v>
      </c>
      <c r="AB22" s="315">
        <v>15</v>
      </c>
      <c r="AC22" s="315">
        <v>9</v>
      </c>
      <c r="AD22" s="315">
        <v>5</v>
      </c>
      <c r="AE22" s="315">
        <v>3</v>
      </c>
      <c r="AF22" s="315">
        <v>0</v>
      </c>
      <c r="AG22" s="312">
        <v>32</v>
      </c>
      <c r="AH22" s="317">
        <v>40</v>
      </c>
      <c r="AI22" s="311">
        <v>2</v>
      </c>
      <c r="AJ22" s="315">
        <v>2</v>
      </c>
      <c r="AK22" s="312">
        <v>4</v>
      </c>
      <c r="AL22" s="314">
        <v>0</v>
      </c>
      <c r="AM22" s="315">
        <v>5</v>
      </c>
      <c r="AN22" s="315">
        <v>6</v>
      </c>
      <c r="AO22" s="315">
        <v>4</v>
      </c>
      <c r="AP22" s="315">
        <v>0</v>
      </c>
      <c r="AQ22" s="315">
        <v>2</v>
      </c>
      <c r="AR22" s="312">
        <v>17</v>
      </c>
      <c r="AS22" s="317">
        <v>21</v>
      </c>
      <c r="AT22" s="311">
        <v>1</v>
      </c>
      <c r="AU22" s="315">
        <v>2</v>
      </c>
      <c r="AV22" s="312">
        <v>3</v>
      </c>
      <c r="AW22" s="314">
        <v>0</v>
      </c>
      <c r="AX22" s="315">
        <v>18</v>
      </c>
      <c r="AY22" s="315">
        <v>14</v>
      </c>
      <c r="AZ22" s="315">
        <v>6</v>
      </c>
      <c r="BA22" s="315">
        <v>16</v>
      </c>
      <c r="BB22" s="315">
        <v>6</v>
      </c>
      <c r="BC22" s="316">
        <v>60</v>
      </c>
      <c r="BD22" s="317">
        <v>63</v>
      </c>
      <c r="BE22" s="311">
        <v>0</v>
      </c>
      <c r="BF22" s="315">
        <v>0</v>
      </c>
      <c r="BG22" s="312">
        <v>0</v>
      </c>
      <c r="BH22" s="314">
        <v>0</v>
      </c>
      <c r="BI22" s="315">
        <v>9</v>
      </c>
      <c r="BJ22" s="315">
        <v>8</v>
      </c>
      <c r="BK22" s="315">
        <v>6</v>
      </c>
      <c r="BL22" s="315">
        <v>5</v>
      </c>
      <c r="BM22" s="315">
        <v>2</v>
      </c>
      <c r="BN22" s="312">
        <v>30</v>
      </c>
      <c r="BO22" s="317">
        <v>30</v>
      </c>
      <c r="BP22" s="311">
        <v>2</v>
      </c>
      <c r="BQ22" s="315">
        <v>4</v>
      </c>
      <c r="BR22" s="312">
        <v>6</v>
      </c>
      <c r="BS22" s="314">
        <v>0</v>
      </c>
      <c r="BT22" s="315">
        <v>12</v>
      </c>
      <c r="BU22" s="315">
        <v>16</v>
      </c>
      <c r="BV22" s="315">
        <v>5</v>
      </c>
      <c r="BW22" s="315">
        <v>3</v>
      </c>
      <c r="BX22" s="315">
        <v>3</v>
      </c>
      <c r="BY22" s="312">
        <v>39</v>
      </c>
      <c r="BZ22" s="317">
        <v>45</v>
      </c>
      <c r="CA22" s="311">
        <v>0</v>
      </c>
      <c r="CB22" s="315">
        <v>1</v>
      </c>
      <c r="CC22" s="312">
        <v>1</v>
      </c>
      <c r="CD22" s="314">
        <v>0</v>
      </c>
      <c r="CE22" s="315">
        <v>2</v>
      </c>
      <c r="CF22" s="315">
        <v>1</v>
      </c>
      <c r="CG22" s="315">
        <v>8</v>
      </c>
      <c r="CH22" s="315">
        <v>3</v>
      </c>
      <c r="CI22" s="315">
        <v>0</v>
      </c>
      <c r="CJ22" s="312">
        <v>14</v>
      </c>
      <c r="CK22" s="317">
        <v>15</v>
      </c>
      <c r="CL22" s="311">
        <v>0</v>
      </c>
      <c r="CM22" s="315">
        <v>0</v>
      </c>
      <c r="CN22" s="312">
        <v>0</v>
      </c>
      <c r="CO22" s="314">
        <v>0</v>
      </c>
      <c r="CP22" s="315">
        <v>0</v>
      </c>
      <c r="CQ22" s="315">
        <v>1</v>
      </c>
      <c r="CR22" s="315">
        <v>1</v>
      </c>
      <c r="CS22" s="315">
        <v>0</v>
      </c>
      <c r="CT22" s="315">
        <v>0</v>
      </c>
      <c r="CU22" s="312">
        <v>2</v>
      </c>
      <c r="CV22" s="317">
        <v>2</v>
      </c>
      <c r="CW22" s="311">
        <v>0</v>
      </c>
      <c r="CX22" s="315">
        <v>0</v>
      </c>
      <c r="CY22" s="312">
        <v>0</v>
      </c>
      <c r="CZ22" s="314">
        <v>0</v>
      </c>
      <c r="DA22" s="315">
        <v>0</v>
      </c>
      <c r="DB22" s="315">
        <v>0</v>
      </c>
      <c r="DC22" s="315">
        <v>0</v>
      </c>
      <c r="DD22" s="315">
        <v>0</v>
      </c>
      <c r="DE22" s="315">
        <v>0</v>
      </c>
      <c r="DF22" s="312">
        <v>0</v>
      </c>
      <c r="DG22" s="317">
        <v>0</v>
      </c>
      <c r="DH22" s="311">
        <v>0</v>
      </c>
      <c r="DI22" s="315">
        <v>0</v>
      </c>
      <c r="DJ22" s="312">
        <v>0</v>
      </c>
      <c r="DK22" s="314">
        <v>0</v>
      </c>
      <c r="DL22" s="315">
        <v>0</v>
      </c>
      <c r="DM22" s="315">
        <v>0</v>
      </c>
      <c r="DN22" s="315">
        <v>0</v>
      </c>
      <c r="DO22" s="315">
        <v>0</v>
      </c>
      <c r="DP22" s="315">
        <v>0</v>
      </c>
      <c r="DQ22" s="312">
        <v>0</v>
      </c>
      <c r="DR22" s="317">
        <v>0</v>
      </c>
      <c r="DS22" s="311">
        <v>6</v>
      </c>
      <c r="DT22" s="315">
        <v>18</v>
      </c>
      <c r="DU22" s="312">
        <v>24</v>
      </c>
      <c r="DV22" s="314">
        <v>0</v>
      </c>
      <c r="DW22" s="315">
        <v>31</v>
      </c>
      <c r="DX22" s="315">
        <v>24</v>
      </c>
      <c r="DY22" s="315">
        <v>15</v>
      </c>
      <c r="DZ22" s="315">
        <v>13</v>
      </c>
      <c r="EA22" s="315">
        <v>5</v>
      </c>
      <c r="EB22" s="312">
        <v>88</v>
      </c>
      <c r="EC22" s="317">
        <v>112</v>
      </c>
      <c r="ED22" s="311">
        <v>1</v>
      </c>
      <c r="EE22" s="315">
        <v>2</v>
      </c>
      <c r="EF22" s="312">
        <v>3</v>
      </c>
      <c r="EG22" s="314">
        <v>0</v>
      </c>
      <c r="EH22" s="315">
        <v>8</v>
      </c>
      <c r="EI22" s="315">
        <v>6</v>
      </c>
      <c r="EJ22" s="315">
        <v>2</v>
      </c>
      <c r="EK22" s="315">
        <v>11</v>
      </c>
      <c r="EL22" s="315">
        <v>2</v>
      </c>
      <c r="EM22" s="312">
        <v>29</v>
      </c>
      <c r="EN22" s="317">
        <v>32</v>
      </c>
      <c r="EO22" s="311">
        <v>12</v>
      </c>
      <c r="EP22" s="315">
        <v>25</v>
      </c>
      <c r="EQ22" s="312">
        <v>37</v>
      </c>
      <c r="ER22" s="314">
        <v>0</v>
      </c>
      <c r="ES22" s="315">
        <v>57</v>
      </c>
      <c r="ET22" s="315">
        <v>38</v>
      </c>
      <c r="EU22" s="315">
        <v>21</v>
      </c>
      <c r="EV22" s="315">
        <v>15</v>
      </c>
      <c r="EW22" s="315">
        <v>6</v>
      </c>
      <c r="EX22" s="312">
        <v>137</v>
      </c>
      <c r="EY22" s="317">
        <v>174</v>
      </c>
    </row>
    <row r="23" spans="1:155" ht="19.5" customHeight="1" x14ac:dyDescent="0.2">
      <c r="A23" s="296" t="s">
        <v>21</v>
      </c>
      <c r="B23" s="311">
        <v>0</v>
      </c>
      <c r="C23" s="315">
        <v>0</v>
      </c>
      <c r="D23" s="437">
        <v>0</v>
      </c>
      <c r="E23" s="314">
        <v>0</v>
      </c>
      <c r="F23" s="315">
        <v>10</v>
      </c>
      <c r="G23" s="315">
        <v>10</v>
      </c>
      <c r="H23" s="315">
        <v>5</v>
      </c>
      <c r="I23" s="315">
        <v>2</v>
      </c>
      <c r="J23" s="315">
        <v>1</v>
      </c>
      <c r="K23" s="316">
        <v>28</v>
      </c>
      <c r="L23" s="317">
        <v>28</v>
      </c>
      <c r="M23" s="311">
        <v>0</v>
      </c>
      <c r="N23" s="315">
        <v>0</v>
      </c>
      <c r="O23" s="312">
        <v>0</v>
      </c>
      <c r="P23" s="314">
        <v>0</v>
      </c>
      <c r="Q23" s="315">
        <v>0</v>
      </c>
      <c r="R23" s="315">
        <v>0</v>
      </c>
      <c r="S23" s="315">
        <v>1</v>
      </c>
      <c r="T23" s="315">
        <v>1</v>
      </c>
      <c r="U23" s="315">
        <v>4</v>
      </c>
      <c r="V23" s="312">
        <v>6</v>
      </c>
      <c r="W23" s="317">
        <v>6</v>
      </c>
      <c r="X23" s="311">
        <v>2</v>
      </c>
      <c r="Y23" s="315">
        <v>1</v>
      </c>
      <c r="Z23" s="312">
        <v>3</v>
      </c>
      <c r="AA23" s="314">
        <v>0</v>
      </c>
      <c r="AB23" s="315">
        <v>14</v>
      </c>
      <c r="AC23" s="315">
        <v>8</v>
      </c>
      <c r="AD23" s="315">
        <v>7</v>
      </c>
      <c r="AE23" s="315">
        <v>4</v>
      </c>
      <c r="AF23" s="315">
        <v>3</v>
      </c>
      <c r="AG23" s="312">
        <v>36</v>
      </c>
      <c r="AH23" s="317">
        <v>39</v>
      </c>
      <c r="AI23" s="311">
        <v>1</v>
      </c>
      <c r="AJ23" s="315">
        <v>0</v>
      </c>
      <c r="AK23" s="312">
        <v>1</v>
      </c>
      <c r="AL23" s="314">
        <v>0</v>
      </c>
      <c r="AM23" s="315">
        <v>0</v>
      </c>
      <c r="AN23" s="315">
        <v>2</v>
      </c>
      <c r="AO23" s="315">
        <v>0</v>
      </c>
      <c r="AP23" s="315">
        <v>0</v>
      </c>
      <c r="AQ23" s="315">
        <v>1</v>
      </c>
      <c r="AR23" s="312">
        <v>3</v>
      </c>
      <c r="AS23" s="317">
        <v>4</v>
      </c>
      <c r="AT23" s="311">
        <v>7</v>
      </c>
      <c r="AU23" s="315">
        <v>1</v>
      </c>
      <c r="AV23" s="312">
        <v>8</v>
      </c>
      <c r="AW23" s="314">
        <v>0</v>
      </c>
      <c r="AX23" s="315">
        <v>13</v>
      </c>
      <c r="AY23" s="315">
        <v>10</v>
      </c>
      <c r="AZ23" s="315">
        <v>8</v>
      </c>
      <c r="BA23" s="315">
        <v>9</v>
      </c>
      <c r="BB23" s="315">
        <v>8</v>
      </c>
      <c r="BC23" s="316">
        <v>48</v>
      </c>
      <c r="BD23" s="317">
        <v>56</v>
      </c>
      <c r="BE23" s="311">
        <v>0</v>
      </c>
      <c r="BF23" s="315">
        <v>0</v>
      </c>
      <c r="BG23" s="312">
        <v>0</v>
      </c>
      <c r="BH23" s="314">
        <v>0</v>
      </c>
      <c r="BI23" s="315">
        <v>18</v>
      </c>
      <c r="BJ23" s="315">
        <v>19</v>
      </c>
      <c r="BK23" s="315">
        <v>6</v>
      </c>
      <c r="BL23" s="315">
        <v>6</v>
      </c>
      <c r="BM23" s="315">
        <v>0</v>
      </c>
      <c r="BN23" s="312">
        <v>49</v>
      </c>
      <c r="BO23" s="317">
        <v>49</v>
      </c>
      <c r="BP23" s="311">
        <v>1</v>
      </c>
      <c r="BQ23" s="315">
        <v>1</v>
      </c>
      <c r="BR23" s="312">
        <v>2</v>
      </c>
      <c r="BS23" s="314">
        <v>0</v>
      </c>
      <c r="BT23" s="315">
        <v>1</v>
      </c>
      <c r="BU23" s="315">
        <v>2</v>
      </c>
      <c r="BV23" s="315">
        <v>1</v>
      </c>
      <c r="BW23" s="315">
        <v>1</v>
      </c>
      <c r="BX23" s="315">
        <v>1</v>
      </c>
      <c r="BY23" s="312">
        <v>6</v>
      </c>
      <c r="BZ23" s="317">
        <v>8</v>
      </c>
      <c r="CA23" s="311">
        <v>1</v>
      </c>
      <c r="CB23" s="315">
        <v>0</v>
      </c>
      <c r="CC23" s="312">
        <v>1</v>
      </c>
      <c r="CD23" s="314">
        <v>0</v>
      </c>
      <c r="CE23" s="315">
        <v>1</v>
      </c>
      <c r="CF23" s="315">
        <v>1</v>
      </c>
      <c r="CG23" s="315">
        <v>2</v>
      </c>
      <c r="CH23" s="315">
        <v>4</v>
      </c>
      <c r="CI23" s="315">
        <v>0</v>
      </c>
      <c r="CJ23" s="312">
        <v>8</v>
      </c>
      <c r="CK23" s="317">
        <v>9</v>
      </c>
      <c r="CL23" s="311">
        <v>0</v>
      </c>
      <c r="CM23" s="315">
        <v>0</v>
      </c>
      <c r="CN23" s="312">
        <v>0</v>
      </c>
      <c r="CO23" s="314">
        <v>0</v>
      </c>
      <c r="CP23" s="315">
        <v>0</v>
      </c>
      <c r="CQ23" s="315">
        <v>2</v>
      </c>
      <c r="CR23" s="315">
        <v>0</v>
      </c>
      <c r="CS23" s="315">
        <v>0</v>
      </c>
      <c r="CT23" s="315">
        <v>1</v>
      </c>
      <c r="CU23" s="312">
        <v>3</v>
      </c>
      <c r="CV23" s="317">
        <v>3</v>
      </c>
      <c r="CW23" s="311">
        <v>0</v>
      </c>
      <c r="CX23" s="315">
        <v>0</v>
      </c>
      <c r="CY23" s="312">
        <v>0</v>
      </c>
      <c r="CZ23" s="314">
        <v>0</v>
      </c>
      <c r="DA23" s="315">
        <v>0</v>
      </c>
      <c r="DB23" s="315">
        <v>0</v>
      </c>
      <c r="DC23" s="315">
        <v>0</v>
      </c>
      <c r="DD23" s="315">
        <v>0</v>
      </c>
      <c r="DE23" s="315">
        <v>0</v>
      </c>
      <c r="DF23" s="312">
        <v>0</v>
      </c>
      <c r="DG23" s="317">
        <v>0</v>
      </c>
      <c r="DH23" s="311">
        <v>0</v>
      </c>
      <c r="DI23" s="315">
        <v>0</v>
      </c>
      <c r="DJ23" s="312">
        <v>0</v>
      </c>
      <c r="DK23" s="314">
        <v>0</v>
      </c>
      <c r="DL23" s="315">
        <v>0</v>
      </c>
      <c r="DM23" s="315">
        <v>0</v>
      </c>
      <c r="DN23" s="315">
        <v>0</v>
      </c>
      <c r="DO23" s="315">
        <v>0</v>
      </c>
      <c r="DP23" s="315">
        <v>0</v>
      </c>
      <c r="DQ23" s="312">
        <v>0</v>
      </c>
      <c r="DR23" s="317">
        <v>0</v>
      </c>
      <c r="DS23" s="311">
        <v>9</v>
      </c>
      <c r="DT23" s="315">
        <v>7</v>
      </c>
      <c r="DU23" s="312">
        <v>16</v>
      </c>
      <c r="DV23" s="314">
        <v>0</v>
      </c>
      <c r="DW23" s="315">
        <v>17</v>
      </c>
      <c r="DX23" s="315">
        <v>30</v>
      </c>
      <c r="DY23" s="315">
        <v>16</v>
      </c>
      <c r="DZ23" s="315">
        <v>8</v>
      </c>
      <c r="EA23" s="315">
        <v>4</v>
      </c>
      <c r="EB23" s="312">
        <v>75</v>
      </c>
      <c r="EC23" s="317">
        <v>91</v>
      </c>
      <c r="ED23" s="311">
        <v>4</v>
      </c>
      <c r="EE23" s="315">
        <v>1</v>
      </c>
      <c r="EF23" s="312">
        <v>5</v>
      </c>
      <c r="EG23" s="314">
        <v>0</v>
      </c>
      <c r="EH23" s="315">
        <v>1</v>
      </c>
      <c r="EI23" s="315">
        <v>3</v>
      </c>
      <c r="EJ23" s="315">
        <v>4</v>
      </c>
      <c r="EK23" s="315">
        <v>3</v>
      </c>
      <c r="EL23" s="315">
        <v>4</v>
      </c>
      <c r="EM23" s="312">
        <v>15</v>
      </c>
      <c r="EN23" s="317">
        <v>20</v>
      </c>
      <c r="EO23" s="311">
        <v>12</v>
      </c>
      <c r="EP23" s="315">
        <v>8</v>
      </c>
      <c r="EQ23" s="312">
        <v>20</v>
      </c>
      <c r="ER23" s="314">
        <v>0</v>
      </c>
      <c r="ES23" s="315">
        <v>46</v>
      </c>
      <c r="ET23" s="315">
        <v>40</v>
      </c>
      <c r="EU23" s="315">
        <v>18</v>
      </c>
      <c r="EV23" s="315">
        <v>10</v>
      </c>
      <c r="EW23" s="315">
        <v>3</v>
      </c>
      <c r="EX23" s="312">
        <v>117</v>
      </c>
      <c r="EY23" s="317">
        <v>137</v>
      </c>
    </row>
    <row r="24" spans="1:155" ht="19.5" customHeight="1" x14ac:dyDescent="0.2">
      <c r="A24" s="296" t="s">
        <v>22</v>
      </c>
      <c r="B24" s="311">
        <v>0</v>
      </c>
      <c r="C24" s="315">
        <v>0</v>
      </c>
      <c r="D24" s="437">
        <v>0</v>
      </c>
      <c r="E24" s="314">
        <v>0</v>
      </c>
      <c r="F24" s="315">
        <v>6</v>
      </c>
      <c r="G24" s="315">
        <v>0</v>
      </c>
      <c r="H24" s="315">
        <v>2</v>
      </c>
      <c r="I24" s="315">
        <v>5</v>
      </c>
      <c r="J24" s="315">
        <v>2</v>
      </c>
      <c r="K24" s="316">
        <v>15</v>
      </c>
      <c r="L24" s="317">
        <v>15</v>
      </c>
      <c r="M24" s="311">
        <v>0</v>
      </c>
      <c r="N24" s="315">
        <v>0</v>
      </c>
      <c r="O24" s="312">
        <v>0</v>
      </c>
      <c r="P24" s="314">
        <v>0</v>
      </c>
      <c r="Q24" s="315">
        <v>0</v>
      </c>
      <c r="R24" s="315">
        <v>0</v>
      </c>
      <c r="S24" s="315">
        <v>0</v>
      </c>
      <c r="T24" s="315">
        <v>1</v>
      </c>
      <c r="U24" s="315">
        <v>3</v>
      </c>
      <c r="V24" s="312">
        <v>4</v>
      </c>
      <c r="W24" s="317">
        <v>4</v>
      </c>
      <c r="X24" s="311">
        <v>1</v>
      </c>
      <c r="Y24" s="315">
        <v>1</v>
      </c>
      <c r="Z24" s="312">
        <v>2</v>
      </c>
      <c r="AA24" s="314">
        <v>0</v>
      </c>
      <c r="AB24" s="315">
        <v>4</v>
      </c>
      <c r="AC24" s="315">
        <v>6</v>
      </c>
      <c r="AD24" s="315">
        <v>0</v>
      </c>
      <c r="AE24" s="315">
        <v>3</v>
      </c>
      <c r="AF24" s="315">
        <v>3</v>
      </c>
      <c r="AG24" s="312">
        <v>16</v>
      </c>
      <c r="AH24" s="317">
        <v>18</v>
      </c>
      <c r="AI24" s="311">
        <v>0</v>
      </c>
      <c r="AJ24" s="315">
        <v>0</v>
      </c>
      <c r="AK24" s="312">
        <v>0</v>
      </c>
      <c r="AL24" s="314">
        <v>0</v>
      </c>
      <c r="AM24" s="315">
        <v>1</v>
      </c>
      <c r="AN24" s="315">
        <v>0</v>
      </c>
      <c r="AO24" s="315">
        <v>0</v>
      </c>
      <c r="AP24" s="315">
        <v>0</v>
      </c>
      <c r="AQ24" s="315">
        <v>0</v>
      </c>
      <c r="AR24" s="312">
        <v>1</v>
      </c>
      <c r="AS24" s="317">
        <v>1</v>
      </c>
      <c r="AT24" s="311">
        <v>0</v>
      </c>
      <c r="AU24" s="315">
        <v>2</v>
      </c>
      <c r="AV24" s="312">
        <v>2</v>
      </c>
      <c r="AW24" s="314">
        <v>0</v>
      </c>
      <c r="AX24" s="315">
        <v>5</v>
      </c>
      <c r="AY24" s="315">
        <v>2</v>
      </c>
      <c r="AZ24" s="315">
        <v>2</v>
      </c>
      <c r="BA24" s="315">
        <v>9</v>
      </c>
      <c r="BB24" s="315">
        <v>2</v>
      </c>
      <c r="BC24" s="316">
        <v>20</v>
      </c>
      <c r="BD24" s="317">
        <v>22</v>
      </c>
      <c r="BE24" s="311">
        <v>0</v>
      </c>
      <c r="BF24" s="315">
        <v>0</v>
      </c>
      <c r="BG24" s="312">
        <v>0</v>
      </c>
      <c r="BH24" s="314">
        <v>0</v>
      </c>
      <c r="BI24" s="315">
        <v>9</v>
      </c>
      <c r="BJ24" s="315">
        <v>7</v>
      </c>
      <c r="BK24" s="315">
        <v>0</v>
      </c>
      <c r="BL24" s="315">
        <v>4</v>
      </c>
      <c r="BM24" s="315">
        <v>2</v>
      </c>
      <c r="BN24" s="312">
        <v>22</v>
      </c>
      <c r="BO24" s="317">
        <v>22</v>
      </c>
      <c r="BP24" s="311">
        <v>0</v>
      </c>
      <c r="BQ24" s="315">
        <v>0</v>
      </c>
      <c r="BR24" s="312">
        <v>0</v>
      </c>
      <c r="BS24" s="314">
        <v>0</v>
      </c>
      <c r="BT24" s="315">
        <v>0</v>
      </c>
      <c r="BU24" s="315">
        <v>1</v>
      </c>
      <c r="BV24" s="315">
        <v>1</v>
      </c>
      <c r="BW24" s="315">
        <v>1</v>
      </c>
      <c r="BX24" s="315">
        <v>0</v>
      </c>
      <c r="BY24" s="312">
        <v>3</v>
      </c>
      <c r="BZ24" s="317">
        <v>3</v>
      </c>
      <c r="CA24" s="311">
        <v>1</v>
      </c>
      <c r="CB24" s="315">
        <v>0</v>
      </c>
      <c r="CC24" s="312">
        <v>1</v>
      </c>
      <c r="CD24" s="314">
        <v>0</v>
      </c>
      <c r="CE24" s="315">
        <v>0</v>
      </c>
      <c r="CF24" s="315">
        <v>0</v>
      </c>
      <c r="CG24" s="315">
        <v>0</v>
      </c>
      <c r="CH24" s="315">
        <v>1</v>
      </c>
      <c r="CI24" s="315">
        <v>1</v>
      </c>
      <c r="CJ24" s="312">
        <v>2</v>
      </c>
      <c r="CK24" s="317">
        <v>3</v>
      </c>
      <c r="CL24" s="311">
        <v>0</v>
      </c>
      <c r="CM24" s="315">
        <v>0</v>
      </c>
      <c r="CN24" s="312">
        <v>0</v>
      </c>
      <c r="CO24" s="314">
        <v>0</v>
      </c>
      <c r="CP24" s="315">
        <v>0</v>
      </c>
      <c r="CQ24" s="315">
        <v>0</v>
      </c>
      <c r="CR24" s="315">
        <v>0</v>
      </c>
      <c r="CS24" s="315">
        <v>0</v>
      </c>
      <c r="CT24" s="315">
        <v>0</v>
      </c>
      <c r="CU24" s="312">
        <v>0</v>
      </c>
      <c r="CV24" s="317">
        <v>0</v>
      </c>
      <c r="CW24" s="311">
        <v>0</v>
      </c>
      <c r="CX24" s="315">
        <v>0</v>
      </c>
      <c r="CY24" s="312">
        <v>0</v>
      </c>
      <c r="CZ24" s="314">
        <v>0</v>
      </c>
      <c r="DA24" s="315">
        <v>0</v>
      </c>
      <c r="DB24" s="315">
        <v>0</v>
      </c>
      <c r="DC24" s="315">
        <v>0</v>
      </c>
      <c r="DD24" s="315">
        <v>0</v>
      </c>
      <c r="DE24" s="315">
        <v>0</v>
      </c>
      <c r="DF24" s="312">
        <v>0</v>
      </c>
      <c r="DG24" s="317">
        <v>0</v>
      </c>
      <c r="DH24" s="311">
        <v>0</v>
      </c>
      <c r="DI24" s="315">
        <v>0</v>
      </c>
      <c r="DJ24" s="312">
        <v>0</v>
      </c>
      <c r="DK24" s="314">
        <v>0</v>
      </c>
      <c r="DL24" s="315">
        <v>0</v>
      </c>
      <c r="DM24" s="315">
        <v>0</v>
      </c>
      <c r="DN24" s="315">
        <v>0</v>
      </c>
      <c r="DO24" s="315">
        <v>0</v>
      </c>
      <c r="DP24" s="315">
        <v>0</v>
      </c>
      <c r="DQ24" s="312">
        <v>0</v>
      </c>
      <c r="DR24" s="317">
        <v>0</v>
      </c>
      <c r="DS24" s="311">
        <v>2</v>
      </c>
      <c r="DT24" s="315">
        <v>6</v>
      </c>
      <c r="DU24" s="312">
        <v>8</v>
      </c>
      <c r="DV24" s="314">
        <v>0</v>
      </c>
      <c r="DW24" s="315">
        <v>9</v>
      </c>
      <c r="DX24" s="315">
        <v>7</v>
      </c>
      <c r="DY24" s="315">
        <v>4</v>
      </c>
      <c r="DZ24" s="315">
        <v>8</v>
      </c>
      <c r="EA24" s="315">
        <v>4</v>
      </c>
      <c r="EB24" s="312">
        <v>32</v>
      </c>
      <c r="EC24" s="317">
        <v>40</v>
      </c>
      <c r="ED24" s="311">
        <v>0</v>
      </c>
      <c r="EE24" s="315">
        <v>1</v>
      </c>
      <c r="EF24" s="312">
        <v>1</v>
      </c>
      <c r="EG24" s="314">
        <v>0</v>
      </c>
      <c r="EH24" s="315">
        <v>2</v>
      </c>
      <c r="EI24" s="315">
        <v>1</v>
      </c>
      <c r="EJ24" s="315">
        <v>2</v>
      </c>
      <c r="EK24" s="315">
        <v>4</v>
      </c>
      <c r="EL24" s="315">
        <v>1</v>
      </c>
      <c r="EM24" s="312">
        <v>10</v>
      </c>
      <c r="EN24" s="317">
        <v>11</v>
      </c>
      <c r="EO24" s="311">
        <v>3</v>
      </c>
      <c r="EP24" s="315">
        <v>6</v>
      </c>
      <c r="EQ24" s="312">
        <v>9</v>
      </c>
      <c r="ER24" s="314">
        <v>0</v>
      </c>
      <c r="ES24" s="315">
        <v>22</v>
      </c>
      <c r="ET24" s="315">
        <v>14</v>
      </c>
      <c r="EU24" s="315">
        <v>5</v>
      </c>
      <c r="EV24" s="315">
        <v>9</v>
      </c>
      <c r="EW24" s="315">
        <v>5</v>
      </c>
      <c r="EX24" s="312">
        <v>55</v>
      </c>
      <c r="EY24" s="317">
        <v>64</v>
      </c>
    </row>
    <row r="25" spans="1:155" ht="19.5" customHeight="1" x14ac:dyDescent="0.2">
      <c r="A25" s="296" t="s">
        <v>23</v>
      </c>
      <c r="B25" s="311">
        <v>0</v>
      </c>
      <c r="C25" s="315">
        <v>0</v>
      </c>
      <c r="D25" s="437">
        <v>0</v>
      </c>
      <c r="E25" s="314">
        <v>0</v>
      </c>
      <c r="F25" s="315">
        <v>4</v>
      </c>
      <c r="G25" s="315">
        <v>7</v>
      </c>
      <c r="H25" s="315">
        <v>4</v>
      </c>
      <c r="I25" s="315">
        <v>3</v>
      </c>
      <c r="J25" s="315">
        <v>0</v>
      </c>
      <c r="K25" s="316">
        <v>18</v>
      </c>
      <c r="L25" s="317">
        <v>18</v>
      </c>
      <c r="M25" s="311">
        <v>0</v>
      </c>
      <c r="N25" s="315">
        <v>0</v>
      </c>
      <c r="O25" s="312">
        <v>0</v>
      </c>
      <c r="P25" s="314">
        <v>0</v>
      </c>
      <c r="Q25" s="315">
        <v>0</v>
      </c>
      <c r="R25" s="315">
        <v>1</v>
      </c>
      <c r="S25" s="315">
        <v>1</v>
      </c>
      <c r="T25" s="315">
        <v>1</v>
      </c>
      <c r="U25" s="315">
        <v>0</v>
      </c>
      <c r="V25" s="312">
        <v>3</v>
      </c>
      <c r="W25" s="317">
        <v>3</v>
      </c>
      <c r="X25" s="311">
        <v>3</v>
      </c>
      <c r="Y25" s="315">
        <v>0</v>
      </c>
      <c r="Z25" s="312">
        <v>3</v>
      </c>
      <c r="AA25" s="314">
        <v>0</v>
      </c>
      <c r="AB25" s="315">
        <v>1</v>
      </c>
      <c r="AC25" s="315">
        <v>4</v>
      </c>
      <c r="AD25" s="315">
        <v>3</v>
      </c>
      <c r="AE25" s="315">
        <v>2</v>
      </c>
      <c r="AF25" s="315">
        <v>0</v>
      </c>
      <c r="AG25" s="312">
        <v>10</v>
      </c>
      <c r="AH25" s="317">
        <v>13</v>
      </c>
      <c r="AI25" s="311">
        <v>0</v>
      </c>
      <c r="AJ25" s="315">
        <v>1</v>
      </c>
      <c r="AK25" s="312">
        <v>1</v>
      </c>
      <c r="AL25" s="314">
        <v>0</v>
      </c>
      <c r="AM25" s="315">
        <v>0</v>
      </c>
      <c r="AN25" s="315">
        <v>2</v>
      </c>
      <c r="AO25" s="315">
        <v>0</v>
      </c>
      <c r="AP25" s="315">
        <v>0</v>
      </c>
      <c r="AQ25" s="315">
        <v>0</v>
      </c>
      <c r="AR25" s="312">
        <v>2</v>
      </c>
      <c r="AS25" s="317">
        <v>3</v>
      </c>
      <c r="AT25" s="311">
        <v>0</v>
      </c>
      <c r="AU25" s="315">
        <v>1</v>
      </c>
      <c r="AV25" s="312">
        <v>1</v>
      </c>
      <c r="AW25" s="314">
        <v>0</v>
      </c>
      <c r="AX25" s="315">
        <v>5</v>
      </c>
      <c r="AY25" s="315">
        <v>5</v>
      </c>
      <c r="AZ25" s="315">
        <v>6</v>
      </c>
      <c r="BA25" s="315">
        <v>14</v>
      </c>
      <c r="BB25" s="315">
        <v>0</v>
      </c>
      <c r="BC25" s="316">
        <v>30</v>
      </c>
      <c r="BD25" s="317">
        <v>31</v>
      </c>
      <c r="BE25" s="311">
        <v>0</v>
      </c>
      <c r="BF25" s="315">
        <v>0</v>
      </c>
      <c r="BG25" s="312">
        <v>0</v>
      </c>
      <c r="BH25" s="314">
        <v>0</v>
      </c>
      <c r="BI25" s="315">
        <v>14</v>
      </c>
      <c r="BJ25" s="315">
        <v>14</v>
      </c>
      <c r="BK25" s="315">
        <v>5</v>
      </c>
      <c r="BL25" s="315">
        <v>4</v>
      </c>
      <c r="BM25" s="315">
        <v>0</v>
      </c>
      <c r="BN25" s="312">
        <v>37</v>
      </c>
      <c r="BO25" s="317">
        <v>37</v>
      </c>
      <c r="BP25" s="311">
        <v>0</v>
      </c>
      <c r="BQ25" s="315">
        <v>0</v>
      </c>
      <c r="BR25" s="312">
        <v>0</v>
      </c>
      <c r="BS25" s="314">
        <v>0</v>
      </c>
      <c r="BT25" s="315">
        <v>3</v>
      </c>
      <c r="BU25" s="315">
        <v>3</v>
      </c>
      <c r="BV25" s="315">
        <v>5</v>
      </c>
      <c r="BW25" s="315">
        <v>1</v>
      </c>
      <c r="BX25" s="315">
        <v>0</v>
      </c>
      <c r="BY25" s="312">
        <v>12</v>
      </c>
      <c r="BZ25" s="317">
        <v>12</v>
      </c>
      <c r="CA25" s="311">
        <v>0</v>
      </c>
      <c r="CB25" s="315">
        <v>0</v>
      </c>
      <c r="CC25" s="312">
        <v>0</v>
      </c>
      <c r="CD25" s="314">
        <v>0</v>
      </c>
      <c r="CE25" s="315">
        <v>2</v>
      </c>
      <c r="CF25" s="315">
        <v>2</v>
      </c>
      <c r="CG25" s="315">
        <v>3</v>
      </c>
      <c r="CH25" s="315">
        <v>1</v>
      </c>
      <c r="CI25" s="315">
        <v>0</v>
      </c>
      <c r="CJ25" s="312">
        <v>8</v>
      </c>
      <c r="CK25" s="317">
        <v>8</v>
      </c>
      <c r="CL25" s="311">
        <v>0</v>
      </c>
      <c r="CM25" s="315">
        <v>0</v>
      </c>
      <c r="CN25" s="312">
        <v>0</v>
      </c>
      <c r="CO25" s="314">
        <v>0</v>
      </c>
      <c r="CP25" s="315">
        <v>0</v>
      </c>
      <c r="CQ25" s="315">
        <v>0</v>
      </c>
      <c r="CR25" s="315">
        <v>0</v>
      </c>
      <c r="CS25" s="315">
        <v>0</v>
      </c>
      <c r="CT25" s="315">
        <v>0</v>
      </c>
      <c r="CU25" s="312">
        <v>0</v>
      </c>
      <c r="CV25" s="317">
        <v>0</v>
      </c>
      <c r="CW25" s="311">
        <v>0</v>
      </c>
      <c r="CX25" s="315">
        <v>0</v>
      </c>
      <c r="CY25" s="312">
        <v>0</v>
      </c>
      <c r="CZ25" s="314">
        <v>0</v>
      </c>
      <c r="DA25" s="315">
        <v>0</v>
      </c>
      <c r="DB25" s="315">
        <v>0</v>
      </c>
      <c r="DC25" s="315">
        <v>0</v>
      </c>
      <c r="DD25" s="315">
        <v>0</v>
      </c>
      <c r="DE25" s="315">
        <v>0</v>
      </c>
      <c r="DF25" s="312">
        <v>0</v>
      </c>
      <c r="DG25" s="317">
        <v>0</v>
      </c>
      <c r="DH25" s="311">
        <v>0</v>
      </c>
      <c r="DI25" s="315">
        <v>0</v>
      </c>
      <c r="DJ25" s="312">
        <v>0</v>
      </c>
      <c r="DK25" s="314">
        <v>0</v>
      </c>
      <c r="DL25" s="315">
        <v>0</v>
      </c>
      <c r="DM25" s="315">
        <v>0</v>
      </c>
      <c r="DN25" s="315">
        <v>0</v>
      </c>
      <c r="DO25" s="315">
        <v>0</v>
      </c>
      <c r="DP25" s="315">
        <v>0</v>
      </c>
      <c r="DQ25" s="312">
        <v>0</v>
      </c>
      <c r="DR25" s="317">
        <v>0</v>
      </c>
      <c r="DS25" s="311">
        <v>4</v>
      </c>
      <c r="DT25" s="315">
        <v>5</v>
      </c>
      <c r="DU25" s="312">
        <v>9</v>
      </c>
      <c r="DV25" s="314">
        <v>0</v>
      </c>
      <c r="DW25" s="315">
        <v>10</v>
      </c>
      <c r="DX25" s="315">
        <v>19</v>
      </c>
      <c r="DY25" s="315">
        <v>12</v>
      </c>
      <c r="DZ25" s="315">
        <v>9</v>
      </c>
      <c r="EA25" s="315">
        <v>3</v>
      </c>
      <c r="EB25" s="312">
        <v>53</v>
      </c>
      <c r="EC25" s="317">
        <v>62</v>
      </c>
      <c r="ED25" s="311">
        <v>0</v>
      </c>
      <c r="EE25" s="315">
        <v>1</v>
      </c>
      <c r="EF25" s="312">
        <v>1</v>
      </c>
      <c r="EG25" s="314">
        <v>0</v>
      </c>
      <c r="EH25" s="315">
        <v>4</v>
      </c>
      <c r="EI25" s="315">
        <v>3</v>
      </c>
      <c r="EJ25" s="315">
        <v>2</v>
      </c>
      <c r="EK25" s="315">
        <v>9</v>
      </c>
      <c r="EL25" s="315">
        <v>0</v>
      </c>
      <c r="EM25" s="312">
        <v>18</v>
      </c>
      <c r="EN25" s="317">
        <v>19</v>
      </c>
      <c r="EO25" s="311">
        <v>5</v>
      </c>
      <c r="EP25" s="315">
        <v>8</v>
      </c>
      <c r="EQ25" s="312">
        <v>13</v>
      </c>
      <c r="ER25" s="314">
        <v>0</v>
      </c>
      <c r="ES25" s="315">
        <v>25</v>
      </c>
      <c r="ET25" s="315">
        <v>27</v>
      </c>
      <c r="EU25" s="315">
        <v>14</v>
      </c>
      <c r="EV25" s="315">
        <v>10</v>
      </c>
      <c r="EW25" s="315">
        <v>3</v>
      </c>
      <c r="EX25" s="312">
        <v>79</v>
      </c>
      <c r="EY25" s="317">
        <v>92</v>
      </c>
    </row>
    <row r="26" spans="1:155" ht="19.5" customHeight="1" x14ac:dyDescent="0.2">
      <c r="A26" s="296" t="s">
        <v>24</v>
      </c>
      <c r="B26" s="311">
        <v>0</v>
      </c>
      <c r="C26" s="315">
        <v>0</v>
      </c>
      <c r="D26" s="437">
        <v>0</v>
      </c>
      <c r="E26" s="314">
        <v>0</v>
      </c>
      <c r="F26" s="315">
        <v>6</v>
      </c>
      <c r="G26" s="315">
        <v>8</v>
      </c>
      <c r="H26" s="315">
        <v>2</v>
      </c>
      <c r="I26" s="315">
        <v>6</v>
      </c>
      <c r="J26" s="315">
        <v>3</v>
      </c>
      <c r="K26" s="316">
        <v>25</v>
      </c>
      <c r="L26" s="317">
        <v>25</v>
      </c>
      <c r="M26" s="311">
        <v>0</v>
      </c>
      <c r="N26" s="315">
        <v>0</v>
      </c>
      <c r="O26" s="312">
        <v>0</v>
      </c>
      <c r="P26" s="314">
        <v>0</v>
      </c>
      <c r="Q26" s="315">
        <v>0</v>
      </c>
      <c r="R26" s="315">
        <v>0</v>
      </c>
      <c r="S26" s="315">
        <v>0</v>
      </c>
      <c r="T26" s="315">
        <v>0</v>
      </c>
      <c r="U26" s="315">
        <v>2</v>
      </c>
      <c r="V26" s="312">
        <v>2</v>
      </c>
      <c r="W26" s="317">
        <v>2</v>
      </c>
      <c r="X26" s="311">
        <v>0</v>
      </c>
      <c r="Y26" s="315">
        <v>1</v>
      </c>
      <c r="Z26" s="312">
        <v>1</v>
      </c>
      <c r="AA26" s="314">
        <v>0</v>
      </c>
      <c r="AB26" s="315">
        <v>7</v>
      </c>
      <c r="AC26" s="315">
        <v>2</v>
      </c>
      <c r="AD26" s="315">
        <v>2</v>
      </c>
      <c r="AE26" s="315">
        <v>3</v>
      </c>
      <c r="AF26" s="315">
        <v>5</v>
      </c>
      <c r="AG26" s="312">
        <v>19</v>
      </c>
      <c r="AH26" s="317">
        <v>20</v>
      </c>
      <c r="AI26" s="311">
        <v>0</v>
      </c>
      <c r="AJ26" s="315">
        <v>0</v>
      </c>
      <c r="AK26" s="312">
        <v>0</v>
      </c>
      <c r="AL26" s="314">
        <v>0</v>
      </c>
      <c r="AM26" s="315">
        <v>0</v>
      </c>
      <c r="AN26" s="315">
        <v>1</v>
      </c>
      <c r="AO26" s="315">
        <v>0</v>
      </c>
      <c r="AP26" s="315">
        <v>0</v>
      </c>
      <c r="AQ26" s="315">
        <v>2</v>
      </c>
      <c r="AR26" s="312">
        <v>3</v>
      </c>
      <c r="AS26" s="317">
        <v>3</v>
      </c>
      <c r="AT26" s="311">
        <v>6</v>
      </c>
      <c r="AU26" s="315">
        <v>1</v>
      </c>
      <c r="AV26" s="312">
        <v>7</v>
      </c>
      <c r="AW26" s="314">
        <v>0</v>
      </c>
      <c r="AX26" s="315">
        <v>7</v>
      </c>
      <c r="AY26" s="315">
        <v>9</v>
      </c>
      <c r="AZ26" s="315">
        <v>4</v>
      </c>
      <c r="BA26" s="315">
        <v>13</v>
      </c>
      <c r="BB26" s="315">
        <v>9</v>
      </c>
      <c r="BC26" s="316">
        <v>42</v>
      </c>
      <c r="BD26" s="317">
        <v>49</v>
      </c>
      <c r="BE26" s="311">
        <v>0</v>
      </c>
      <c r="BF26" s="315">
        <v>0</v>
      </c>
      <c r="BG26" s="312">
        <v>0</v>
      </c>
      <c r="BH26" s="314">
        <v>0</v>
      </c>
      <c r="BI26" s="315">
        <v>11</v>
      </c>
      <c r="BJ26" s="315">
        <v>5</v>
      </c>
      <c r="BK26" s="315">
        <v>0</v>
      </c>
      <c r="BL26" s="315">
        <v>1</v>
      </c>
      <c r="BM26" s="315">
        <v>0</v>
      </c>
      <c r="BN26" s="312">
        <v>17</v>
      </c>
      <c r="BO26" s="317">
        <v>17</v>
      </c>
      <c r="BP26" s="311">
        <v>1</v>
      </c>
      <c r="BQ26" s="315">
        <v>0</v>
      </c>
      <c r="BR26" s="312">
        <v>1</v>
      </c>
      <c r="BS26" s="314">
        <v>0</v>
      </c>
      <c r="BT26" s="315">
        <v>6</v>
      </c>
      <c r="BU26" s="315">
        <v>2</v>
      </c>
      <c r="BV26" s="315">
        <v>1</v>
      </c>
      <c r="BW26" s="315">
        <v>4</v>
      </c>
      <c r="BX26" s="315">
        <v>3</v>
      </c>
      <c r="BY26" s="312">
        <v>16</v>
      </c>
      <c r="BZ26" s="317">
        <v>17</v>
      </c>
      <c r="CA26" s="311">
        <v>0</v>
      </c>
      <c r="CB26" s="315">
        <v>1</v>
      </c>
      <c r="CC26" s="312">
        <v>1</v>
      </c>
      <c r="CD26" s="314">
        <v>0</v>
      </c>
      <c r="CE26" s="315">
        <v>0</v>
      </c>
      <c r="CF26" s="315">
        <v>1</v>
      </c>
      <c r="CG26" s="315">
        <v>0</v>
      </c>
      <c r="CH26" s="315">
        <v>0</v>
      </c>
      <c r="CI26" s="315">
        <v>1</v>
      </c>
      <c r="CJ26" s="312">
        <v>2</v>
      </c>
      <c r="CK26" s="317">
        <v>3</v>
      </c>
      <c r="CL26" s="311">
        <v>0</v>
      </c>
      <c r="CM26" s="315">
        <v>0</v>
      </c>
      <c r="CN26" s="312">
        <v>0</v>
      </c>
      <c r="CO26" s="314">
        <v>0</v>
      </c>
      <c r="CP26" s="315">
        <v>0</v>
      </c>
      <c r="CQ26" s="315">
        <v>0</v>
      </c>
      <c r="CR26" s="315">
        <v>0</v>
      </c>
      <c r="CS26" s="315">
        <v>0</v>
      </c>
      <c r="CT26" s="315">
        <v>0</v>
      </c>
      <c r="CU26" s="312">
        <v>0</v>
      </c>
      <c r="CV26" s="317">
        <v>0</v>
      </c>
      <c r="CW26" s="311">
        <v>0</v>
      </c>
      <c r="CX26" s="315">
        <v>0</v>
      </c>
      <c r="CY26" s="312">
        <v>0</v>
      </c>
      <c r="CZ26" s="314">
        <v>0</v>
      </c>
      <c r="DA26" s="315">
        <v>0</v>
      </c>
      <c r="DB26" s="315">
        <v>0</v>
      </c>
      <c r="DC26" s="315">
        <v>0</v>
      </c>
      <c r="DD26" s="315">
        <v>0</v>
      </c>
      <c r="DE26" s="315">
        <v>0</v>
      </c>
      <c r="DF26" s="312">
        <v>0</v>
      </c>
      <c r="DG26" s="317">
        <v>0</v>
      </c>
      <c r="DH26" s="311">
        <v>0</v>
      </c>
      <c r="DI26" s="315">
        <v>0</v>
      </c>
      <c r="DJ26" s="312">
        <v>0</v>
      </c>
      <c r="DK26" s="314">
        <v>0</v>
      </c>
      <c r="DL26" s="315">
        <v>0</v>
      </c>
      <c r="DM26" s="315">
        <v>0</v>
      </c>
      <c r="DN26" s="315">
        <v>0</v>
      </c>
      <c r="DO26" s="315">
        <v>0</v>
      </c>
      <c r="DP26" s="315">
        <v>0</v>
      </c>
      <c r="DQ26" s="312">
        <v>0</v>
      </c>
      <c r="DR26" s="317">
        <v>0</v>
      </c>
      <c r="DS26" s="311">
        <v>4</v>
      </c>
      <c r="DT26" s="315">
        <v>6</v>
      </c>
      <c r="DU26" s="312">
        <v>10</v>
      </c>
      <c r="DV26" s="314">
        <v>0</v>
      </c>
      <c r="DW26" s="315">
        <v>17</v>
      </c>
      <c r="DX26" s="315">
        <v>12</v>
      </c>
      <c r="DY26" s="315">
        <v>7</v>
      </c>
      <c r="DZ26" s="315">
        <v>9</v>
      </c>
      <c r="EA26" s="315">
        <v>8</v>
      </c>
      <c r="EB26" s="312">
        <v>53</v>
      </c>
      <c r="EC26" s="317">
        <v>63</v>
      </c>
      <c r="ED26" s="311">
        <v>5</v>
      </c>
      <c r="EE26" s="315">
        <v>1</v>
      </c>
      <c r="EF26" s="312">
        <v>6</v>
      </c>
      <c r="EG26" s="314">
        <v>0</v>
      </c>
      <c r="EH26" s="315">
        <v>4</v>
      </c>
      <c r="EI26" s="315">
        <v>6</v>
      </c>
      <c r="EJ26" s="315">
        <v>2</v>
      </c>
      <c r="EK26" s="315">
        <v>7</v>
      </c>
      <c r="EL26" s="315">
        <v>2</v>
      </c>
      <c r="EM26" s="312">
        <v>21</v>
      </c>
      <c r="EN26" s="317">
        <v>27</v>
      </c>
      <c r="EO26" s="311">
        <v>5</v>
      </c>
      <c r="EP26" s="315">
        <v>7</v>
      </c>
      <c r="EQ26" s="312">
        <v>12</v>
      </c>
      <c r="ER26" s="314">
        <v>0</v>
      </c>
      <c r="ES26" s="315">
        <v>25</v>
      </c>
      <c r="ET26" s="315">
        <v>17</v>
      </c>
      <c r="EU26" s="315">
        <v>8</v>
      </c>
      <c r="EV26" s="315">
        <v>9</v>
      </c>
      <c r="EW26" s="315">
        <v>8</v>
      </c>
      <c r="EX26" s="312">
        <v>67</v>
      </c>
      <c r="EY26" s="317">
        <v>79</v>
      </c>
    </row>
    <row r="27" spans="1:155" ht="19.5" customHeight="1" x14ac:dyDescent="0.2">
      <c r="A27" s="296" t="s">
        <v>25</v>
      </c>
      <c r="B27" s="311">
        <v>0</v>
      </c>
      <c r="C27" s="315">
        <v>0</v>
      </c>
      <c r="D27" s="437">
        <v>0</v>
      </c>
      <c r="E27" s="314">
        <v>0</v>
      </c>
      <c r="F27" s="315">
        <v>3</v>
      </c>
      <c r="G27" s="315">
        <v>2</v>
      </c>
      <c r="H27" s="315">
        <v>2</v>
      </c>
      <c r="I27" s="315">
        <v>1</v>
      </c>
      <c r="J27" s="315">
        <v>1</v>
      </c>
      <c r="K27" s="316">
        <v>9</v>
      </c>
      <c r="L27" s="317">
        <v>9</v>
      </c>
      <c r="M27" s="311">
        <v>0</v>
      </c>
      <c r="N27" s="315">
        <v>0</v>
      </c>
      <c r="O27" s="312">
        <v>0</v>
      </c>
      <c r="P27" s="314">
        <v>0</v>
      </c>
      <c r="Q27" s="315">
        <v>0</v>
      </c>
      <c r="R27" s="315">
        <v>1</v>
      </c>
      <c r="S27" s="315">
        <v>0</v>
      </c>
      <c r="T27" s="315">
        <v>0</v>
      </c>
      <c r="U27" s="315">
        <v>2</v>
      </c>
      <c r="V27" s="312">
        <v>3</v>
      </c>
      <c r="W27" s="317">
        <v>3</v>
      </c>
      <c r="X27" s="311">
        <v>1</v>
      </c>
      <c r="Y27" s="315">
        <v>3</v>
      </c>
      <c r="Z27" s="312">
        <v>4</v>
      </c>
      <c r="AA27" s="314">
        <v>0</v>
      </c>
      <c r="AB27" s="315">
        <v>2</v>
      </c>
      <c r="AC27" s="315">
        <v>3</v>
      </c>
      <c r="AD27" s="315">
        <v>2</v>
      </c>
      <c r="AE27" s="315">
        <v>0</v>
      </c>
      <c r="AF27" s="315">
        <v>1</v>
      </c>
      <c r="AG27" s="312">
        <v>8</v>
      </c>
      <c r="AH27" s="317">
        <v>12</v>
      </c>
      <c r="AI27" s="311">
        <v>0</v>
      </c>
      <c r="AJ27" s="315">
        <v>0</v>
      </c>
      <c r="AK27" s="312">
        <v>0</v>
      </c>
      <c r="AL27" s="314">
        <v>0</v>
      </c>
      <c r="AM27" s="315">
        <v>0</v>
      </c>
      <c r="AN27" s="315">
        <v>0</v>
      </c>
      <c r="AO27" s="315">
        <v>0</v>
      </c>
      <c r="AP27" s="315">
        <v>1</v>
      </c>
      <c r="AQ27" s="315">
        <v>0</v>
      </c>
      <c r="AR27" s="312">
        <v>1</v>
      </c>
      <c r="AS27" s="317">
        <v>1</v>
      </c>
      <c r="AT27" s="311">
        <v>1</v>
      </c>
      <c r="AU27" s="315">
        <v>0</v>
      </c>
      <c r="AV27" s="312">
        <v>1</v>
      </c>
      <c r="AW27" s="314">
        <v>0</v>
      </c>
      <c r="AX27" s="315">
        <v>2</v>
      </c>
      <c r="AY27" s="315">
        <v>5</v>
      </c>
      <c r="AZ27" s="315">
        <v>0</v>
      </c>
      <c r="BA27" s="315">
        <v>4</v>
      </c>
      <c r="BB27" s="315">
        <v>2</v>
      </c>
      <c r="BC27" s="316">
        <v>13</v>
      </c>
      <c r="BD27" s="317">
        <v>14</v>
      </c>
      <c r="BE27" s="311">
        <v>0</v>
      </c>
      <c r="BF27" s="315">
        <v>0</v>
      </c>
      <c r="BG27" s="312">
        <v>0</v>
      </c>
      <c r="BH27" s="314">
        <v>0</v>
      </c>
      <c r="BI27" s="315">
        <v>10</v>
      </c>
      <c r="BJ27" s="315">
        <v>2</v>
      </c>
      <c r="BK27" s="315">
        <v>1</v>
      </c>
      <c r="BL27" s="315">
        <v>1</v>
      </c>
      <c r="BM27" s="315">
        <v>0</v>
      </c>
      <c r="BN27" s="312">
        <v>14</v>
      </c>
      <c r="BO27" s="317">
        <v>14</v>
      </c>
      <c r="BP27" s="311">
        <v>0</v>
      </c>
      <c r="BQ27" s="315">
        <v>2</v>
      </c>
      <c r="BR27" s="312">
        <v>2</v>
      </c>
      <c r="BS27" s="314">
        <v>0</v>
      </c>
      <c r="BT27" s="315">
        <v>0</v>
      </c>
      <c r="BU27" s="315">
        <v>5</v>
      </c>
      <c r="BV27" s="315">
        <v>3</v>
      </c>
      <c r="BW27" s="315">
        <v>2</v>
      </c>
      <c r="BX27" s="315">
        <v>0</v>
      </c>
      <c r="BY27" s="312">
        <v>10</v>
      </c>
      <c r="BZ27" s="317">
        <v>12</v>
      </c>
      <c r="CA27" s="311">
        <v>0</v>
      </c>
      <c r="CB27" s="315">
        <v>0</v>
      </c>
      <c r="CC27" s="312">
        <v>0</v>
      </c>
      <c r="CD27" s="314">
        <v>0</v>
      </c>
      <c r="CE27" s="315">
        <v>2</v>
      </c>
      <c r="CF27" s="315">
        <v>2</v>
      </c>
      <c r="CG27" s="315">
        <v>1</v>
      </c>
      <c r="CH27" s="315">
        <v>1</v>
      </c>
      <c r="CI27" s="315">
        <v>0</v>
      </c>
      <c r="CJ27" s="312">
        <v>6</v>
      </c>
      <c r="CK27" s="317">
        <v>6</v>
      </c>
      <c r="CL27" s="311">
        <v>0</v>
      </c>
      <c r="CM27" s="315">
        <v>0</v>
      </c>
      <c r="CN27" s="312">
        <v>0</v>
      </c>
      <c r="CO27" s="314">
        <v>0</v>
      </c>
      <c r="CP27" s="315">
        <v>0</v>
      </c>
      <c r="CQ27" s="315">
        <v>0</v>
      </c>
      <c r="CR27" s="315">
        <v>0</v>
      </c>
      <c r="CS27" s="315">
        <v>0</v>
      </c>
      <c r="CT27" s="315">
        <v>0</v>
      </c>
      <c r="CU27" s="312">
        <v>0</v>
      </c>
      <c r="CV27" s="317">
        <v>0</v>
      </c>
      <c r="CW27" s="311">
        <v>0</v>
      </c>
      <c r="CX27" s="315">
        <v>0</v>
      </c>
      <c r="CY27" s="312">
        <v>0</v>
      </c>
      <c r="CZ27" s="314">
        <v>0</v>
      </c>
      <c r="DA27" s="315">
        <v>0</v>
      </c>
      <c r="DB27" s="315">
        <v>0</v>
      </c>
      <c r="DC27" s="315">
        <v>0</v>
      </c>
      <c r="DD27" s="315">
        <v>0</v>
      </c>
      <c r="DE27" s="315">
        <v>0</v>
      </c>
      <c r="DF27" s="312">
        <v>0</v>
      </c>
      <c r="DG27" s="317">
        <v>0</v>
      </c>
      <c r="DH27" s="311">
        <v>0</v>
      </c>
      <c r="DI27" s="315">
        <v>0</v>
      </c>
      <c r="DJ27" s="312">
        <v>0</v>
      </c>
      <c r="DK27" s="314">
        <v>0</v>
      </c>
      <c r="DL27" s="315">
        <v>0</v>
      </c>
      <c r="DM27" s="315">
        <v>0</v>
      </c>
      <c r="DN27" s="315">
        <v>0</v>
      </c>
      <c r="DO27" s="315">
        <v>0</v>
      </c>
      <c r="DP27" s="315">
        <v>0</v>
      </c>
      <c r="DQ27" s="312">
        <v>0</v>
      </c>
      <c r="DR27" s="317">
        <v>0</v>
      </c>
      <c r="DS27" s="311">
        <v>2</v>
      </c>
      <c r="DT27" s="315">
        <v>8</v>
      </c>
      <c r="DU27" s="312">
        <v>10</v>
      </c>
      <c r="DV27" s="314">
        <v>0</v>
      </c>
      <c r="DW27" s="315">
        <v>5</v>
      </c>
      <c r="DX27" s="315">
        <v>8</v>
      </c>
      <c r="DY27" s="315">
        <v>4</v>
      </c>
      <c r="DZ27" s="315">
        <v>5</v>
      </c>
      <c r="EA27" s="315">
        <v>3</v>
      </c>
      <c r="EB27" s="312">
        <v>25</v>
      </c>
      <c r="EC27" s="317">
        <v>35</v>
      </c>
      <c r="ED27" s="311">
        <v>0</v>
      </c>
      <c r="EE27" s="315">
        <v>0</v>
      </c>
      <c r="EF27" s="312">
        <v>0</v>
      </c>
      <c r="EG27" s="314">
        <v>0</v>
      </c>
      <c r="EH27" s="315">
        <v>0</v>
      </c>
      <c r="EI27" s="315">
        <v>2</v>
      </c>
      <c r="EJ27" s="315">
        <v>0</v>
      </c>
      <c r="EK27" s="315">
        <v>2</v>
      </c>
      <c r="EL27" s="315">
        <v>1</v>
      </c>
      <c r="EM27" s="312">
        <v>5</v>
      </c>
      <c r="EN27" s="317">
        <v>5</v>
      </c>
      <c r="EO27" s="311">
        <v>3</v>
      </c>
      <c r="EP27" s="315">
        <v>11</v>
      </c>
      <c r="EQ27" s="312">
        <v>14</v>
      </c>
      <c r="ER27" s="314">
        <v>0</v>
      </c>
      <c r="ES27" s="315">
        <v>14</v>
      </c>
      <c r="ET27" s="315">
        <v>10</v>
      </c>
      <c r="EU27" s="315">
        <v>6</v>
      </c>
      <c r="EV27" s="315">
        <v>6</v>
      </c>
      <c r="EW27" s="315">
        <v>2</v>
      </c>
      <c r="EX27" s="312">
        <v>38</v>
      </c>
      <c r="EY27" s="317">
        <v>52</v>
      </c>
    </row>
    <row r="28" spans="1:155" ht="19.5" customHeight="1" x14ac:dyDescent="0.2">
      <c r="A28" s="296" t="s">
        <v>26</v>
      </c>
      <c r="B28" s="311">
        <v>0</v>
      </c>
      <c r="C28" s="315">
        <v>0</v>
      </c>
      <c r="D28" s="437">
        <v>0</v>
      </c>
      <c r="E28" s="314">
        <v>0</v>
      </c>
      <c r="F28" s="315">
        <v>6</v>
      </c>
      <c r="G28" s="315">
        <v>3</v>
      </c>
      <c r="H28" s="315">
        <v>3</v>
      </c>
      <c r="I28" s="315">
        <v>1</v>
      </c>
      <c r="J28" s="315">
        <v>3</v>
      </c>
      <c r="K28" s="316">
        <v>16</v>
      </c>
      <c r="L28" s="317">
        <v>16</v>
      </c>
      <c r="M28" s="311">
        <v>0</v>
      </c>
      <c r="N28" s="315">
        <v>0</v>
      </c>
      <c r="O28" s="312">
        <v>0</v>
      </c>
      <c r="P28" s="314">
        <v>0</v>
      </c>
      <c r="Q28" s="315">
        <v>0</v>
      </c>
      <c r="R28" s="315">
        <v>0</v>
      </c>
      <c r="S28" s="315">
        <v>0</v>
      </c>
      <c r="T28" s="315">
        <v>0</v>
      </c>
      <c r="U28" s="315">
        <v>2</v>
      </c>
      <c r="V28" s="312">
        <v>2</v>
      </c>
      <c r="W28" s="317">
        <v>2</v>
      </c>
      <c r="X28" s="311">
        <v>0</v>
      </c>
      <c r="Y28" s="315">
        <v>3</v>
      </c>
      <c r="Z28" s="312">
        <v>3</v>
      </c>
      <c r="AA28" s="314">
        <v>0</v>
      </c>
      <c r="AB28" s="315">
        <v>4</v>
      </c>
      <c r="AC28" s="315">
        <v>4</v>
      </c>
      <c r="AD28" s="315">
        <v>3</v>
      </c>
      <c r="AE28" s="315">
        <v>2</v>
      </c>
      <c r="AF28" s="315">
        <v>4</v>
      </c>
      <c r="AG28" s="312">
        <v>17</v>
      </c>
      <c r="AH28" s="317">
        <v>20</v>
      </c>
      <c r="AI28" s="311">
        <v>0</v>
      </c>
      <c r="AJ28" s="315">
        <v>0</v>
      </c>
      <c r="AK28" s="312">
        <v>0</v>
      </c>
      <c r="AL28" s="314">
        <v>0</v>
      </c>
      <c r="AM28" s="315">
        <v>0</v>
      </c>
      <c r="AN28" s="315">
        <v>0</v>
      </c>
      <c r="AO28" s="315">
        <v>0</v>
      </c>
      <c r="AP28" s="315">
        <v>0</v>
      </c>
      <c r="AQ28" s="315">
        <v>0</v>
      </c>
      <c r="AR28" s="312">
        <v>0</v>
      </c>
      <c r="AS28" s="317">
        <v>0</v>
      </c>
      <c r="AT28" s="311">
        <v>2</v>
      </c>
      <c r="AU28" s="315">
        <v>0</v>
      </c>
      <c r="AV28" s="312">
        <v>2</v>
      </c>
      <c r="AW28" s="314">
        <v>0</v>
      </c>
      <c r="AX28" s="315">
        <v>2</v>
      </c>
      <c r="AY28" s="315">
        <v>4</v>
      </c>
      <c r="AZ28" s="315">
        <v>2</v>
      </c>
      <c r="BA28" s="315">
        <v>5</v>
      </c>
      <c r="BB28" s="315">
        <v>5</v>
      </c>
      <c r="BC28" s="316">
        <v>18</v>
      </c>
      <c r="BD28" s="317">
        <v>20</v>
      </c>
      <c r="BE28" s="311">
        <v>0</v>
      </c>
      <c r="BF28" s="315">
        <v>0</v>
      </c>
      <c r="BG28" s="312">
        <v>0</v>
      </c>
      <c r="BH28" s="314">
        <v>0</v>
      </c>
      <c r="BI28" s="315">
        <v>11</v>
      </c>
      <c r="BJ28" s="315">
        <v>1</v>
      </c>
      <c r="BK28" s="315">
        <v>3</v>
      </c>
      <c r="BL28" s="315">
        <v>0</v>
      </c>
      <c r="BM28" s="315">
        <v>0</v>
      </c>
      <c r="BN28" s="312">
        <v>15</v>
      </c>
      <c r="BO28" s="317">
        <v>15</v>
      </c>
      <c r="BP28" s="311">
        <v>0</v>
      </c>
      <c r="BQ28" s="315">
        <v>1</v>
      </c>
      <c r="BR28" s="312">
        <v>1</v>
      </c>
      <c r="BS28" s="314">
        <v>0</v>
      </c>
      <c r="BT28" s="315">
        <v>3</v>
      </c>
      <c r="BU28" s="315">
        <v>3</v>
      </c>
      <c r="BV28" s="315">
        <v>2</v>
      </c>
      <c r="BW28" s="315">
        <v>0</v>
      </c>
      <c r="BX28" s="315">
        <v>0</v>
      </c>
      <c r="BY28" s="312">
        <v>8</v>
      </c>
      <c r="BZ28" s="317">
        <v>9</v>
      </c>
      <c r="CA28" s="311">
        <v>0</v>
      </c>
      <c r="CB28" s="315">
        <v>0</v>
      </c>
      <c r="CC28" s="312">
        <v>0</v>
      </c>
      <c r="CD28" s="314">
        <v>0</v>
      </c>
      <c r="CE28" s="315">
        <v>0</v>
      </c>
      <c r="CF28" s="315">
        <v>0</v>
      </c>
      <c r="CG28" s="315">
        <v>1</v>
      </c>
      <c r="CH28" s="315">
        <v>0</v>
      </c>
      <c r="CI28" s="315">
        <v>0</v>
      </c>
      <c r="CJ28" s="312">
        <v>1</v>
      </c>
      <c r="CK28" s="317">
        <v>1</v>
      </c>
      <c r="CL28" s="311">
        <v>0</v>
      </c>
      <c r="CM28" s="315">
        <v>0</v>
      </c>
      <c r="CN28" s="312">
        <v>0</v>
      </c>
      <c r="CO28" s="314">
        <v>0</v>
      </c>
      <c r="CP28" s="315">
        <v>0</v>
      </c>
      <c r="CQ28" s="315">
        <v>0</v>
      </c>
      <c r="CR28" s="315">
        <v>0</v>
      </c>
      <c r="CS28" s="315">
        <v>0</v>
      </c>
      <c r="CT28" s="315">
        <v>0</v>
      </c>
      <c r="CU28" s="312">
        <v>0</v>
      </c>
      <c r="CV28" s="317">
        <v>0</v>
      </c>
      <c r="CW28" s="311">
        <v>0</v>
      </c>
      <c r="CX28" s="315">
        <v>0</v>
      </c>
      <c r="CY28" s="312">
        <v>0</v>
      </c>
      <c r="CZ28" s="314">
        <v>0</v>
      </c>
      <c r="DA28" s="315">
        <v>0</v>
      </c>
      <c r="DB28" s="315">
        <v>0</v>
      </c>
      <c r="DC28" s="315">
        <v>0</v>
      </c>
      <c r="DD28" s="315">
        <v>0</v>
      </c>
      <c r="DE28" s="315">
        <v>0</v>
      </c>
      <c r="DF28" s="312">
        <v>0</v>
      </c>
      <c r="DG28" s="317">
        <v>0</v>
      </c>
      <c r="DH28" s="311">
        <v>0</v>
      </c>
      <c r="DI28" s="315">
        <v>0</v>
      </c>
      <c r="DJ28" s="312">
        <v>0</v>
      </c>
      <c r="DK28" s="314">
        <v>0</v>
      </c>
      <c r="DL28" s="315">
        <v>0</v>
      </c>
      <c r="DM28" s="315">
        <v>0</v>
      </c>
      <c r="DN28" s="315">
        <v>0</v>
      </c>
      <c r="DO28" s="315">
        <v>0</v>
      </c>
      <c r="DP28" s="315">
        <v>0</v>
      </c>
      <c r="DQ28" s="312">
        <v>0</v>
      </c>
      <c r="DR28" s="317">
        <v>0</v>
      </c>
      <c r="DS28" s="311">
        <v>5</v>
      </c>
      <c r="DT28" s="315">
        <v>6</v>
      </c>
      <c r="DU28" s="312">
        <v>11</v>
      </c>
      <c r="DV28" s="314">
        <v>0</v>
      </c>
      <c r="DW28" s="315">
        <v>12</v>
      </c>
      <c r="DX28" s="315">
        <v>6</v>
      </c>
      <c r="DY28" s="315">
        <v>9</v>
      </c>
      <c r="DZ28" s="315">
        <v>3</v>
      </c>
      <c r="EA28" s="315">
        <v>4</v>
      </c>
      <c r="EB28" s="312">
        <v>34</v>
      </c>
      <c r="EC28" s="317">
        <v>45</v>
      </c>
      <c r="ED28" s="311">
        <v>2</v>
      </c>
      <c r="EE28" s="315">
        <v>1</v>
      </c>
      <c r="EF28" s="312">
        <v>3</v>
      </c>
      <c r="EG28" s="314">
        <v>0</v>
      </c>
      <c r="EH28" s="315">
        <v>1</v>
      </c>
      <c r="EI28" s="315">
        <v>5</v>
      </c>
      <c r="EJ28" s="315">
        <v>0</v>
      </c>
      <c r="EK28" s="315">
        <v>2</v>
      </c>
      <c r="EL28" s="315">
        <v>1</v>
      </c>
      <c r="EM28" s="312">
        <v>9</v>
      </c>
      <c r="EN28" s="317">
        <v>12</v>
      </c>
      <c r="EO28" s="311">
        <v>5</v>
      </c>
      <c r="EP28" s="315">
        <v>9</v>
      </c>
      <c r="EQ28" s="312">
        <v>14</v>
      </c>
      <c r="ER28" s="314">
        <v>0</v>
      </c>
      <c r="ES28" s="315">
        <v>26</v>
      </c>
      <c r="ET28" s="315">
        <v>8</v>
      </c>
      <c r="EU28" s="315">
        <v>10</v>
      </c>
      <c r="EV28" s="315">
        <v>3</v>
      </c>
      <c r="EW28" s="315">
        <v>4</v>
      </c>
      <c r="EX28" s="312">
        <v>51</v>
      </c>
      <c r="EY28" s="317">
        <v>65</v>
      </c>
    </row>
    <row r="29" spans="1:155" ht="19.5" customHeight="1" x14ac:dyDescent="0.2">
      <c r="A29" s="296" t="s">
        <v>27</v>
      </c>
      <c r="B29" s="311">
        <v>0</v>
      </c>
      <c r="C29" s="315">
        <v>0</v>
      </c>
      <c r="D29" s="437">
        <v>0</v>
      </c>
      <c r="E29" s="314">
        <v>0</v>
      </c>
      <c r="F29" s="315">
        <v>3</v>
      </c>
      <c r="G29" s="315">
        <v>2</v>
      </c>
      <c r="H29" s="315">
        <v>2</v>
      </c>
      <c r="I29" s="315">
        <v>0</v>
      </c>
      <c r="J29" s="315">
        <v>2</v>
      </c>
      <c r="K29" s="316">
        <v>9</v>
      </c>
      <c r="L29" s="317">
        <v>9</v>
      </c>
      <c r="M29" s="311">
        <v>0</v>
      </c>
      <c r="N29" s="315">
        <v>0</v>
      </c>
      <c r="O29" s="312">
        <v>0</v>
      </c>
      <c r="P29" s="314">
        <v>0</v>
      </c>
      <c r="Q29" s="315">
        <v>0</v>
      </c>
      <c r="R29" s="315">
        <v>0</v>
      </c>
      <c r="S29" s="315">
        <v>0</v>
      </c>
      <c r="T29" s="315">
        <v>0</v>
      </c>
      <c r="U29" s="315">
        <v>0</v>
      </c>
      <c r="V29" s="312">
        <v>0</v>
      </c>
      <c r="W29" s="317">
        <v>0</v>
      </c>
      <c r="X29" s="311">
        <v>1</v>
      </c>
      <c r="Y29" s="315">
        <v>2</v>
      </c>
      <c r="Z29" s="312">
        <v>3</v>
      </c>
      <c r="AA29" s="314">
        <v>0</v>
      </c>
      <c r="AB29" s="315">
        <v>5</v>
      </c>
      <c r="AC29" s="315">
        <v>2</v>
      </c>
      <c r="AD29" s="315">
        <v>2</v>
      </c>
      <c r="AE29" s="315">
        <v>1</v>
      </c>
      <c r="AF29" s="315">
        <v>1</v>
      </c>
      <c r="AG29" s="312">
        <v>11</v>
      </c>
      <c r="AH29" s="317">
        <v>14</v>
      </c>
      <c r="AI29" s="311">
        <v>0</v>
      </c>
      <c r="AJ29" s="315">
        <v>1</v>
      </c>
      <c r="AK29" s="312">
        <v>1</v>
      </c>
      <c r="AL29" s="314">
        <v>0</v>
      </c>
      <c r="AM29" s="315">
        <v>0</v>
      </c>
      <c r="AN29" s="315">
        <v>0</v>
      </c>
      <c r="AO29" s="315">
        <v>0</v>
      </c>
      <c r="AP29" s="315">
        <v>0</v>
      </c>
      <c r="AQ29" s="315">
        <v>0</v>
      </c>
      <c r="AR29" s="312">
        <v>0</v>
      </c>
      <c r="AS29" s="317">
        <v>1</v>
      </c>
      <c r="AT29" s="311">
        <v>1</v>
      </c>
      <c r="AU29" s="315">
        <v>1</v>
      </c>
      <c r="AV29" s="312">
        <v>2</v>
      </c>
      <c r="AW29" s="314">
        <v>0</v>
      </c>
      <c r="AX29" s="315">
        <v>4</v>
      </c>
      <c r="AY29" s="315">
        <v>3</v>
      </c>
      <c r="AZ29" s="315">
        <v>5</v>
      </c>
      <c r="BA29" s="315">
        <v>5</v>
      </c>
      <c r="BB29" s="315">
        <v>3</v>
      </c>
      <c r="BC29" s="316">
        <v>20</v>
      </c>
      <c r="BD29" s="317">
        <v>22</v>
      </c>
      <c r="BE29" s="311">
        <v>0</v>
      </c>
      <c r="BF29" s="315">
        <v>0</v>
      </c>
      <c r="BG29" s="312">
        <v>0</v>
      </c>
      <c r="BH29" s="314">
        <v>0</v>
      </c>
      <c r="BI29" s="315">
        <v>2</v>
      </c>
      <c r="BJ29" s="315">
        <v>1</v>
      </c>
      <c r="BK29" s="315">
        <v>2</v>
      </c>
      <c r="BL29" s="315">
        <v>1</v>
      </c>
      <c r="BM29" s="315">
        <v>0</v>
      </c>
      <c r="BN29" s="312">
        <v>6</v>
      </c>
      <c r="BO29" s="317">
        <v>6</v>
      </c>
      <c r="BP29" s="311">
        <v>2</v>
      </c>
      <c r="BQ29" s="315">
        <v>2</v>
      </c>
      <c r="BR29" s="312">
        <v>4</v>
      </c>
      <c r="BS29" s="314">
        <v>0</v>
      </c>
      <c r="BT29" s="315">
        <v>1</v>
      </c>
      <c r="BU29" s="315">
        <v>1</v>
      </c>
      <c r="BV29" s="315">
        <v>1</v>
      </c>
      <c r="BW29" s="315">
        <v>0</v>
      </c>
      <c r="BX29" s="315">
        <v>0</v>
      </c>
      <c r="BY29" s="312">
        <v>3</v>
      </c>
      <c r="BZ29" s="317">
        <v>7</v>
      </c>
      <c r="CA29" s="311">
        <v>0</v>
      </c>
      <c r="CB29" s="315">
        <v>0</v>
      </c>
      <c r="CC29" s="312">
        <v>0</v>
      </c>
      <c r="CD29" s="314">
        <v>0</v>
      </c>
      <c r="CE29" s="315">
        <v>0</v>
      </c>
      <c r="CF29" s="315">
        <v>1</v>
      </c>
      <c r="CG29" s="315">
        <v>1</v>
      </c>
      <c r="CH29" s="315">
        <v>1</v>
      </c>
      <c r="CI29" s="315">
        <v>0</v>
      </c>
      <c r="CJ29" s="312">
        <v>3</v>
      </c>
      <c r="CK29" s="317">
        <v>3</v>
      </c>
      <c r="CL29" s="311">
        <v>0</v>
      </c>
      <c r="CM29" s="315">
        <v>0</v>
      </c>
      <c r="CN29" s="312">
        <v>0</v>
      </c>
      <c r="CO29" s="314">
        <v>0</v>
      </c>
      <c r="CP29" s="315">
        <v>1</v>
      </c>
      <c r="CQ29" s="315">
        <v>0</v>
      </c>
      <c r="CR29" s="315">
        <v>0</v>
      </c>
      <c r="CS29" s="315">
        <v>0</v>
      </c>
      <c r="CT29" s="315">
        <v>1</v>
      </c>
      <c r="CU29" s="312">
        <v>2</v>
      </c>
      <c r="CV29" s="317">
        <v>2</v>
      </c>
      <c r="CW29" s="311">
        <v>0</v>
      </c>
      <c r="CX29" s="315">
        <v>0</v>
      </c>
      <c r="CY29" s="312">
        <v>0</v>
      </c>
      <c r="CZ29" s="314">
        <v>0</v>
      </c>
      <c r="DA29" s="315">
        <v>0</v>
      </c>
      <c r="DB29" s="315">
        <v>0</v>
      </c>
      <c r="DC29" s="315">
        <v>0</v>
      </c>
      <c r="DD29" s="315">
        <v>0</v>
      </c>
      <c r="DE29" s="315">
        <v>0</v>
      </c>
      <c r="DF29" s="312">
        <v>0</v>
      </c>
      <c r="DG29" s="317">
        <v>0</v>
      </c>
      <c r="DH29" s="311">
        <v>0</v>
      </c>
      <c r="DI29" s="315">
        <v>0</v>
      </c>
      <c r="DJ29" s="312">
        <v>0</v>
      </c>
      <c r="DK29" s="314">
        <v>0</v>
      </c>
      <c r="DL29" s="315">
        <v>0</v>
      </c>
      <c r="DM29" s="315">
        <v>0</v>
      </c>
      <c r="DN29" s="315">
        <v>0</v>
      </c>
      <c r="DO29" s="315">
        <v>0</v>
      </c>
      <c r="DP29" s="315">
        <v>0</v>
      </c>
      <c r="DQ29" s="312">
        <v>0</v>
      </c>
      <c r="DR29" s="317">
        <v>0</v>
      </c>
      <c r="DS29" s="311">
        <v>2</v>
      </c>
      <c r="DT29" s="315">
        <v>9</v>
      </c>
      <c r="DU29" s="312">
        <v>11</v>
      </c>
      <c r="DV29" s="314">
        <v>0</v>
      </c>
      <c r="DW29" s="315">
        <v>2</v>
      </c>
      <c r="DX29" s="315">
        <v>4</v>
      </c>
      <c r="DY29" s="315">
        <v>6</v>
      </c>
      <c r="DZ29" s="315">
        <v>1</v>
      </c>
      <c r="EA29" s="315">
        <v>3</v>
      </c>
      <c r="EB29" s="312">
        <v>16</v>
      </c>
      <c r="EC29" s="317">
        <v>27</v>
      </c>
      <c r="ED29" s="311">
        <v>1</v>
      </c>
      <c r="EE29" s="315">
        <v>2</v>
      </c>
      <c r="EF29" s="312">
        <v>3</v>
      </c>
      <c r="EG29" s="314">
        <v>0</v>
      </c>
      <c r="EH29" s="315">
        <v>5</v>
      </c>
      <c r="EI29" s="315">
        <v>1</v>
      </c>
      <c r="EJ29" s="315">
        <v>4</v>
      </c>
      <c r="EK29" s="315">
        <v>3</v>
      </c>
      <c r="EL29" s="315">
        <v>1</v>
      </c>
      <c r="EM29" s="312">
        <v>14</v>
      </c>
      <c r="EN29" s="317">
        <v>17</v>
      </c>
      <c r="EO29" s="311">
        <v>6</v>
      </c>
      <c r="EP29" s="315">
        <v>11</v>
      </c>
      <c r="EQ29" s="312">
        <v>17</v>
      </c>
      <c r="ER29" s="314">
        <v>0</v>
      </c>
      <c r="ES29" s="315">
        <v>7</v>
      </c>
      <c r="ET29" s="315">
        <v>5</v>
      </c>
      <c r="EU29" s="315">
        <v>7</v>
      </c>
      <c r="EV29" s="315">
        <v>1</v>
      </c>
      <c r="EW29" s="315">
        <v>3</v>
      </c>
      <c r="EX29" s="312">
        <v>23</v>
      </c>
      <c r="EY29" s="317">
        <v>40</v>
      </c>
    </row>
    <row r="30" spans="1:155" ht="19.5" customHeight="1" x14ac:dyDescent="0.2">
      <c r="A30" s="296" t="s">
        <v>28</v>
      </c>
      <c r="B30" s="311">
        <v>0</v>
      </c>
      <c r="C30" s="315">
        <v>0</v>
      </c>
      <c r="D30" s="437">
        <v>0</v>
      </c>
      <c r="E30" s="314">
        <v>0</v>
      </c>
      <c r="F30" s="315">
        <v>1</v>
      </c>
      <c r="G30" s="315">
        <v>2</v>
      </c>
      <c r="H30" s="315">
        <v>0</v>
      </c>
      <c r="I30" s="315">
        <v>1</v>
      </c>
      <c r="J30" s="315">
        <v>0</v>
      </c>
      <c r="K30" s="316">
        <v>4</v>
      </c>
      <c r="L30" s="317">
        <v>4</v>
      </c>
      <c r="M30" s="311">
        <v>0</v>
      </c>
      <c r="N30" s="315">
        <v>0</v>
      </c>
      <c r="O30" s="312">
        <v>0</v>
      </c>
      <c r="P30" s="314">
        <v>0</v>
      </c>
      <c r="Q30" s="315">
        <v>0</v>
      </c>
      <c r="R30" s="315">
        <v>0</v>
      </c>
      <c r="S30" s="315">
        <v>0</v>
      </c>
      <c r="T30" s="315">
        <v>0</v>
      </c>
      <c r="U30" s="315">
        <v>0</v>
      </c>
      <c r="V30" s="312">
        <v>0</v>
      </c>
      <c r="W30" s="317">
        <v>0</v>
      </c>
      <c r="X30" s="311">
        <v>0</v>
      </c>
      <c r="Y30" s="315">
        <v>0</v>
      </c>
      <c r="Z30" s="312">
        <v>0</v>
      </c>
      <c r="AA30" s="314">
        <v>0</v>
      </c>
      <c r="AB30" s="315">
        <v>0</v>
      </c>
      <c r="AC30" s="315">
        <v>1</v>
      </c>
      <c r="AD30" s="315">
        <v>1</v>
      </c>
      <c r="AE30" s="315">
        <v>0</v>
      </c>
      <c r="AF30" s="315">
        <v>0</v>
      </c>
      <c r="AG30" s="312">
        <v>2</v>
      </c>
      <c r="AH30" s="317">
        <v>2</v>
      </c>
      <c r="AI30" s="311">
        <v>0</v>
      </c>
      <c r="AJ30" s="315">
        <v>0</v>
      </c>
      <c r="AK30" s="312">
        <v>0</v>
      </c>
      <c r="AL30" s="314">
        <v>0</v>
      </c>
      <c r="AM30" s="315">
        <v>1</v>
      </c>
      <c r="AN30" s="315">
        <v>0</v>
      </c>
      <c r="AO30" s="315">
        <v>0</v>
      </c>
      <c r="AP30" s="315">
        <v>0</v>
      </c>
      <c r="AQ30" s="315">
        <v>0</v>
      </c>
      <c r="AR30" s="312">
        <v>1</v>
      </c>
      <c r="AS30" s="317">
        <v>1</v>
      </c>
      <c r="AT30" s="311">
        <v>0</v>
      </c>
      <c r="AU30" s="315">
        <v>0</v>
      </c>
      <c r="AV30" s="312">
        <v>0</v>
      </c>
      <c r="AW30" s="314">
        <v>0</v>
      </c>
      <c r="AX30" s="315">
        <v>1</v>
      </c>
      <c r="AY30" s="315">
        <v>3</v>
      </c>
      <c r="AZ30" s="315">
        <v>2</v>
      </c>
      <c r="BA30" s="315">
        <v>0</v>
      </c>
      <c r="BB30" s="315">
        <v>1</v>
      </c>
      <c r="BC30" s="316">
        <v>7</v>
      </c>
      <c r="BD30" s="317">
        <v>7</v>
      </c>
      <c r="BE30" s="311">
        <v>0</v>
      </c>
      <c r="BF30" s="315">
        <v>0</v>
      </c>
      <c r="BG30" s="312">
        <v>0</v>
      </c>
      <c r="BH30" s="314">
        <v>0</v>
      </c>
      <c r="BI30" s="315">
        <v>2</v>
      </c>
      <c r="BJ30" s="315">
        <v>3</v>
      </c>
      <c r="BK30" s="315">
        <v>0</v>
      </c>
      <c r="BL30" s="315">
        <v>0</v>
      </c>
      <c r="BM30" s="315">
        <v>0</v>
      </c>
      <c r="BN30" s="312">
        <v>5</v>
      </c>
      <c r="BO30" s="317">
        <v>5</v>
      </c>
      <c r="BP30" s="311">
        <v>0</v>
      </c>
      <c r="BQ30" s="315">
        <v>1</v>
      </c>
      <c r="BR30" s="312">
        <v>1</v>
      </c>
      <c r="BS30" s="314">
        <v>0</v>
      </c>
      <c r="BT30" s="315">
        <v>1</v>
      </c>
      <c r="BU30" s="315">
        <v>1</v>
      </c>
      <c r="BV30" s="315">
        <v>1</v>
      </c>
      <c r="BW30" s="315">
        <v>0</v>
      </c>
      <c r="BX30" s="315">
        <v>1</v>
      </c>
      <c r="BY30" s="312">
        <v>4</v>
      </c>
      <c r="BZ30" s="317">
        <v>5</v>
      </c>
      <c r="CA30" s="311">
        <v>0</v>
      </c>
      <c r="CB30" s="315">
        <v>0</v>
      </c>
      <c r="CC30" s="312">
        <v>0</v>
      </c>
      <c r="CD30" s="314">
        <v>0</v>
      </c>
      <c r="CE30" s="315">
        <v>0</v>
      </c>
      <c r="CF30" s="315">
        <v>0</v>
      </c>
      <c r="CG30" s="315">
        <v>1</v>
      </c>
      <c r="CH30" s="315">
        <v>0</v>
      </c>
      <c r="CI30" s="315">
        <v>0</v>
      </c>
      <c r="CJ30" s="312">
        <v>1</v>
      </c>
      <c r="CK30" s="317">
        <v>1</v>
      </c>
      <c r="CL30" s="311">
        <v>0</v>
      </c>
      <c r="CM30" s="315">
        <v>0</v>
      </c>
      <c r="CN30" s="312">
        <v>0</v>
      </c>
      <c r="CO30" s="314">
        <v>0</v>
      </c>
      <c r="CP30" s="315">
        <v>0</v>
      </c>
      <c r="CQ30" s="315">
        <v>0</v>
      </c>
      <c r="CR30" s="315">
        <v>0</v>
      </c>
      <c r="CS30" s="315">
        <v>0</v>
      </c>
      <c r="CT30" s="315">
        <v>0</v>
      </c>
      <c r="CU30" s="312">
        <v>0</v>
      </c>
      <c r="CV30" s="317">
        <v>0</v>
      </c>
      <c r="CW30" s="311">
        <v>0</v>
      </c>
      <c r="CX30" s="315">
        <v>0</v>
      </c>
      <c r="CY30" s="312">
        <v>0</v>
      </c>
      <c r="CZ30" s="314">
        <v>0</v>
      </c>
      <c r="DA30" s="315">
        <v>0</v>
      </c>
      <c r="DB30" s="315">
        <v>0</v>
      </c>
      <c r="DC30" s="315">
        <v>0</v>
      </c>
      <c r="DD30" s="315">
        <v>0</v>
      </c>
      <c r="DE30" s="315">
        <v>0</v>
      </c>
      <c r="DF30" s="312">
        <v>0</v>
      </c>
      <c r="DG30" s="317">
        <v>0</v>
      </c>
      <c r="DH30" s="311">
        <v>0</v>
      </c>
      <c r="DI30" s="315">
        <v>0</v>
      </c>
      <c r="DJ30" s="312">
        <v>0</v>
      </c>
      <c r="DK30" s="314">
        <v>0</v>
      </c>
      <c r="DL30" s="315">
        <v>0</v>
      </c>
      <c r="DM30" s="315">
        <v>0</v>
      </c>
      <c r="DN30" s="315">
        <v>0</v>
      </c>
      <c r="DO30" s="315">
        <v>0</v>
      </c>
      <c r="DP30" s="315">
        <v>0</v>
      </c>
      <c r="DQ30" s="312">
        <v>0</v>
      </c>
      <c r="DR30" s="317">
        <v>0</v>
      </c>
      <c r="DS30" s="311">
        <v>0</v>
      </c>
      <c r="DT30" s="315">
        <v>2</v>
      </c>
      <c r="DU30" s="312">
        <v>2</v>
      </c>
      <c r="DV30" s="314">
        <v>0</v>
      </c>
      <c r="DW30" s="315">
        <v>2</v>
      </c>
      <c r="DX30" s="315">
        <v>5</v>
      </c>
      <c r="DY30" s="315">
        <v>1</v>
      </c>
      <c r="DZ30" s="315">
        <v>1</v>
      </c>
      <c r="EA30" s="315">
        <v>1</v>
      </c>
      <c r="EB30" s="312">
        <v>10</v>
      </c>
      <c r="EC30" s="317">
        <v>12</v>
      </c>
      <c r="ED30" s="311">
        <v>0</v>
      </c>
      <c r="EE30" s="315">
        <v>0</v>
      </c>
      <c r="EF30" s="312">
        <v>0</v>
      </c>
      <c r="EG30" s="314">
        <v>0</v>
      </c>
      <c r="EH30" s="315">
        <v>1</v>
      </c>
      <c r="EI30" s="315">
        <v>0</v>
      </c>
      <c r="EJ30" s="315">
        <v>1</v>
      </c>
      <c r="EK30" s="315">
        <v>0</v>
      </c>
      <c r="EL30" s="315">
        <v>1</v>
      </c>
      <c r="EM30" s="312">
        <v>3</v>
      </c>
      <c r="EN30" s="317">
        <v>3</v>
      </c>
      <c r="EO30" s="311">
        <v>0</v>
      </c>
      <c r="EP30" s="315">
        <v>2</v>
      </c>
      <c r="EQ30" s="312">
        <v>2</v>
      </c>
      <c r="ER30" s="314">
        <v>0</v>
      </c>
      <c r="ES30" s="315">
        <v>5</v>
      </c>
      <c r="ET30" s="315">
        <v>7</v>
      </c>
      <c r="EU30" s="315">
        <v>2</v>
      </c>
      <c r="EV30" s="315">
        <v>1</v>
      </c>
      <c r="EW30" s="315">
        <v>1</v>
      </c>
      <c r="EX30" s="312">
        <v>16</v>
      </c>
      <c r="EY30" s="317">
        <v>18</v>
      </c>
    </row>
    <row r="31" spans="1:155" ht="19.5" customHeight="1" x14ac:dyDescent="0.2">
      <c r="A31" s="296" t="s">
        <v>29</v>
      </c>
      <c r="B31" s="311">
        <v>0</v>
      </c>
      <c r="C31" s="315">
        <v>0</v>
      </c>
      <c r="D31" s="437">
        <v>0</v>
      </c>
      <c r="E31" s="314">
        <v>0</v>
      </c>
      <c r="F31" s="315">
        <v>1</v>
      </c>
      <c r="G31" s="315">
        <v>3</v>
      </c>
      <c r="H31" s="315">
        <v>0</v>
      </c>
      <c r="I31" s="315">
        <v>0</v>
      </c>
      <c r="J31" s="315">
        <v>0</v>
      </c>
      <c r="K31" s="316">
        <v>4</v>
      </c>
      <c r="L31" s="317">
        <v>4</v>
      </c>
      <c r="M31" s="311">
        <v>0</v>
      </c>
      <c r="N31" s="315">
        <v>0</v>
      </c>
      <c r="O31" s="312">
        <v>0</v>
      </c>
      <c r="P31" s="314">
        <v>0</v>
      </c>
      <c r="Q31" s="315">
        <v>0</v>
      </c>
      <c r="R31" s="315">
        <v>0</v>
      </c>
      <c r="S31" s="315">
        <v>1</v>
      </c>
      <c r="T31" s="315">
        <v>0</v>
      </c>
      <c r="U31" s="315">
        <v>0</v>
      </c>
      <c r="V31" s="312">
        <v>1</v>
      </c>
      <c r="W31" s="317">
        <v>1</v>
      </c>
      <c r="X31" s="311">
        <v>1</v>
      </c>
      <c r="Y31" s="315">
        <v>0</v>
      </c>
      <c r="Z31" s="312">
        <v>1</v>
      </c>
      <c r="AA31" s="314">
        <v>0</v>
      </c>
      <c r="AB31" s="315">
        <v>1</v>
      </c>
      <c r="AC31" s="315">
        <v>1</v>
      </c>
      <c r="AD31" s="315">
        <v>3</v>
      </c>
      <c r="AE31" s="315">
        <v>0</v>
      </c>
      <c r="AF31" s="315">
        <v>0</v>
      </c>
      <c r="AG31" s="312">
        <v>5</v>
      </c>
      <c r="AH31" s="317">
        <v>6</v>
      </c>
      <c r="AI31" s="311">
        <v>0</v>
      </c>
      <c r="AJ31" s="315">
        <v>0</v>
      </c>
      <c r="AK31" s="312">
        <v>0</v>
      </c>
      <c r="AL31" s="314">
        <v>0</v>
      </c>
      <c r="AM31" s="315">
        <v>0</v>
      </c>
      <c r="AN31" s="315">
        <v>1</v>
      </c>
      <c r="AO31" s="315">
        <v>0</v>
      </c>
      <c r="AP31" s="315">
        <v>0</v>
      </c>
      <c r="AQ31" s="315">
        <v>0</v>
      </c>
      <c r="AR31" s="312">
        <v>1</v>
      </c>
      <c r="AS31" s="317">
        <v>1</v>
      </c>
      <c r="AT31" s="311">
        <v>0</v>
      </c>
      <c r="AU31" s="315">
        <v>0</v>
      </c>
      <c r="AV31" s="312">
        <v>0</v>
      </c>
      <c r="AW31" s="314">
        <v>0</v>
      </c>
      <c r="AX31" s="315">
        <v>1</v>
      </c>
      <c r="AY31" s="315">
        <v>2</v>
      </c>
      <c r="AZ31" s="315">
        <v>1</v>
      </c>
      <c r="BA31" s="315">
        <v>1</v>
      </c>
      <c r="BB31" s="315">
        <v>0</v>
      </c>
      <c r="BC31" s="316">
        <v>5</v>
      </c>
      <c r="BD31" s="317">
        <v>5</v>
      </c>
      <c r="BE31" s="311">
        <v>0</v>
      </c>
      <c r="BF31" s="315">
        <v>0</v>
      </c>
      <c r="BG31" s="312">
        <v>0</v>
      </c>
      <c r="BH31" s="314">
        <v>0</v>
      </c>
      <c r="BI31" s="315">
        <v>0</v>
      </c>
      <c r="BJ31" s="315">
        <v>0</v>
      </c>
      <c r="BK31" s="315">
        <v>2</v>
      </c>
      <c r="BL31" s="315">
        <v>0</v>
      </c>
      <c r="BM31" s="315">
        <v>0</v>
      </c>
      <c r="BN31" s="312">
        <v>2</v>
      </c>
      <c r="BO31" s="317">
        <v>2</v>
      </c>
      <c r="BP31" s="311">
        <v>0</v>
      </c>
      <c r="BQ31" s="315">
        <v>0</v>
      </c>
      <c r="BR31" s="312">
        <v>0</v>
      </c>
      <c r="BS31" s="314">
        <v>0</v>
      </c>
      <c r="BT31" s="315">
        <v>0</v>
      </c>
      <c r="BU31" s="315">
        <v>1</v>
      </c>
      <c r="BV31" s="315">
        <v>2</v>
      </c>
      <c r="BW31" s="315">
        <v>0</v>
      </c>
      <c r="BX31" s="315">
        <v>0</v>
      </c>
      <c r="BY31" s="312">
        <v>3</v>
      </c>
      <c r="BZ31" s="317">
        <v>3</v>
      </c>
      <c r="CA31" s="311">
        <v>0</v>
      </c>
      <c r="CB31" s="315">
        <v>0</v>
      </c>
      <c r="CC31" s="312">
        <v>0</v>
      </c>
      <c r="CD31" s="314">
        <v>0</v>
      </c>
      <c r="CE31" s="315">
        <v>0</v>
      </c>
      <c r="CF31" s="315">
        <v>0</v>
      </c>
      <c r="CG31" s="315">
        <v>1</v>
      </c>
      <c r="CH31" s="315">
        <v>0</v>
      </c>
      <c r="CI31" s="315">
        <v>0</v>
      </c>
      <c r="CJ31" s="312">
        <v>1</v>
      </c>
      <c r="CK31" s="317">
        <v>1</v>
      </c>
      <c r="CL31" s="311">
        <v>0</v>
      </c>
      <c r="CM31" s="315">
        <v>0</v>
      </c>
      <c r="CN31" s="312">
        <v>0</v>
      </c>
      <c r="CO31" s="314">
        <v>0</v>
      </c>
      <c r="CP31" s="315">
        <v>0</v>
      </c>
      <c r="CQ31" s="315">
        <v>0</v>
      </c>
      <c r="CR31" s="315">
        <v>0</v>
      </c>
      <c r="CS31" s="315">
        <v>0</v>
      </c>
      <c r="CT31" s="315">
        <v>0</v>
      </c>
      <c r="CU31" s="312">
        <v>0</v>
      </c>
      <c r="CV31" s="317">
        <v>0</v>
      </c>
      <c r="CW31" s="311">
        <v>0</v>
      </c>
      <c r="CX31" s="315">
        <v>0</v>
      </c>
      <c r="CY31" s="312">
        <v>0</v>
      </c>
      <c r="CZ31" s="314">
        <v>0</v>
      </c>
      <c r="DA31" s="315">
        <v>0</v>
      </c>
      <c r="DB31" s="315">
        <v>0</v>
      </c>
      <c r="DC31" s="315">
        <v>0</v>
      </c>
      <c r="DD31" s="315">
        <v>0</v>
      </c>
      <c r="DE31" s="315">
        <v>0</v>
      </c>
      <c r="DF31" s="312">
        <v>0</v>
      </c>
      <c r="DG31" s="317">
        <v>0</v>
      </c>
      <c r="DH31" s="311">
        <v>0</v>
      </c>
      <c r="DI31" s="315">
        <v>0</v>
      </c>
      <c r="DJ31" s="312">
        <v>0</v>
      </c>
      <c r="DK31" s="314">
        <v>0</v>
      </c>
      <c r="DL31" s="315">
        <v>0</v>
      </c>
      <c r="DM31" s="315">
        <v>0</v>
      </c>
      <c r="DN31" s="315">
        <v>0</v>
      </c>
      <c r="DO31" s="315">
        <v>0</v>
      </c>
      <c r="DP31" s="315">
        <v>0</v>
      </c>
      <c r="DQ31" s="312">
        <v>0</v>
      </c>
      <c r="DR31" s="317">
        <v>0</v>
      </c>
      <c r="DS31" s="311">
        <v>2</v>
      </c>
      <c r="DT31" s="315">
        <v>2</v>
      </c>
      <c r="DU31" s="312">
        <v>4</v>
      </c>
      <c r="DV31" s="314">
        <v>0</v>
      </c>
      <c r="DW31" s="315">
        <v>3</v>
      </c>
      <c r="DX31" s="315">
        <v>3</v>
      </c>
      <c r="DY31" s="315">
        <v>4</v>
      </c>
      <c r="DZ31" s="315">
        <v>0</v>
      </c>
      <c r="EA31" s="315">
        <v>0</v>
      </c>
      <c r="EB31" s="312">
        <v>10</v>
      </c>
      <c r="EC31" s="317">
        <v>14</v>
      </c>
      <c r="ED31" s="311">
        <v>0</v>
      </c>
      <c r="EE31" s="315">
        <v>0</v>
      </c>
      <c r="EF31" s="312">
        <v>0</v>
      </c>
      <c r="EG31" s="314">
        <v>0</v>
      </c>
      <c r="EH31" s="315">
        <v>1</v>
      </c>
      <c r="EI31" s="315">
        <v>1</v>
      </c>
      <c r="EJ31" s="315">
        <v>1</v>
      </c>
      <c r="EK31" s="315">
        <v>1</v>
      </c>
      <c r="EL31" s="315">
        <v>0</v>
      </c>
      <c r="EM31" s="312">
        <v>4</v>
      </c>
      <c r="EN31" s="317">
        <v>4</v>
      </c>
      <c r="EO31" s="311">
        <v>2</v>
      </c>
      <c r="EP31" s="315">
        <v>2</v>
      </c>
      <c r="EQ31" s="312">
        <v>4</v>
      </c>
      <c r="ER31" s="314">
        <v>0</v>
      </c>
      <c r="ES31" s="315">
        <v>3</v>
      </c>
      <c r="ET31" s="315">
        <v>4</v>
      </c>
      <c r="EU31" s="315">
        <v>5</v>
      </c>
      <c r="EV31" s="315">
        <v>0</v>
      </c>
      <c r="EW31" s="315">
        <v>0</v>
      </c>
      <c r="EX31" s="312">
        <v>12</v>
      </c>
      <c r="EY31" s="317">
        <v>16</v>
      </c>
    </row>
    <row r="32" spans="1:155" ht="19.5" customHeight="1" x14ac:dyDescent="0.2">
      <c r="A32" s="296" t="s">
        <v>30</v>
      </c>
      <c r="B32" s="311">
        <v>0</v>
      </c>
      <c r="C32" s="315">
        <v>0</v>
      </c>
      <c r="D32" s="437">
        <v>0</v>
      </c>
      <c r="E32" s="314">
        <v>0</v>
      </c>
      <c r="F32" s="315">
        <v>0</v>
      </c>
      <c r="G32" s="315">
        <v>1</v>
      </c>
      <c r="H32" s="315">
        <v>1</v>
      </c>
      <c r="I32" s="315">
        <v>1</v>
      </c>
      <c r="J32" s="315">
        <v>0</v>
      </c>
      <c r="K32" s="316">
        <v>3</v>
      </c>
      <c r="L32" s="317">
        <v>3</v>
      </c>
      <c r="M32" s="311">
        <v>0</v>
      </c>
      <c r="N32" s="315">
        <v>0</v>
      </c>
      <c r="O32" s="312">
        <v>0</v>
      </c>
      <c r="P32" s="314">
        <v>0</v>
      </c>
      <c r="Q32" s="315">
        <v>0</v>
      </c>
      <c r="R32" s="315">
        <v>0</v>
      </c>
      <c r="S32" s="315">
        <v>0</v>
      </c>
      <c r="T32" s="315">
        <v>1</v>
      </c>
      <c r="U32" s="315">
        <v>0</v>
      </c>
      <c r="V32" s="312">
        <v>1</v>
      </c>
      <c r="W32" s="317">
        <v>1</v>
      </c>
      <c r="X32" s="311">
        <v>0</v>
      </c>
      <c r="Y32" s="315">
        <v>0</v>
      </c>
      <c r="Z32" s="312">
        <v>0</v>
      </c>
      <c r="AA32" s="314">
        <v>0</v>
      </c>
      <c r="AB32" s="315">
        <v>0</v>
      </c>
      <c r="AC32" s="315">
        <v>1</v>
      </c>
      <c r="AD32" s="315">
        <v>0</v>
      </c>
      <c r="AE32" s="315">
        <v>1</v>
      </c>
      <c r="AF32" s="315">
        <v>0</v>
      </c>
      <c r="AG32" s="312">
        <v>2</v>
      </c>
      <c r="AH32" s="317">
        <v>2</v>
      </c>
      <c r="AI32" s="311">
        <v>0</v>
      </c>
      <c r="AJ32" s="315">
        <v>0</v>
      </c>
      <c r="AK32" s="312">
        <v>0</v>
      </c>
      <c r="AL32" s="314">
        <v>0</v>
      </c>
      <c r="AM32" s="315">
        <v>0</v>
      </c>
      <c r="AN32" s="315">
        <v>0</v>
      </c>
      <c r="AO32" s="315">
        <v>0</v>
      </c>
      <c r="AP32" s="315">
        <v>1</v>
      </c>
      <c r="AQ32" s="315">
        <v>0</v>
      </c>
      <c r="AR32" s="312">
        <v>1</v>
      </c>
      <c r="AS32" s="317">
        <v>1</v>
      </c>
      <c r="AT32" s="311">
        <v>0</v>
      </c>
      <c r="AU32" s="315">
        <v>0</v>
      </c>
      <c r="AV32" s="312">
        <v>0</v>
      </c>
      <c r="AW32" s="314">
        <v>0</v>
      </c>
      <c r="AX32" s="315">
        <v>1</v>
      </c>
      <c r="AY32" s="315">
        <v>1</v>
      </c>
      <c r="AZ32" s="315">
        <v>1</v>
      </c>
      <c r="BA32" s="315">
        <v>2</v>
      </c>
      <c r="BB32" s="315">
        <v>0</v>
      </c>
      <c r="BC32" s="316">
        <v>5</v>
      </c>
      <c r="BD32" s="317">
        <v>5</v>
      </c>
      <c r="BE32" s="311">
        <v>0</v>
      </c>
      <c r="BF32" s="315">
        <v>0</v>
      </c>
      <c r="BG32" s="312">
        <v>0</v>
      </c>
      <c r="BH32" s="314">
        <v>0</v>
      </c>
      <c r="BI32" s="315">
        <v>0</v>
      </c>
      <c r="BJ32" s="315">
        <v>3</v>
      </c>
      <c r="BK32" s="315">
        <v>1</v>
      </c>
      <c r="BL32" s="315">
        <v>0</v>
      </c>
      <c r="BM32" s="315">
        <v>0</v>
      </c>
      <c r="BN32" s="312">
        <v>4</v>
      </c>
      <c r="BO32" s="317">
        <v>4</v>
      </c>
      <c r="BP32" s="311">
        <v>0</v>
      </c>
      <c r="BQ32" s="315">
        <v>0</v>
      </c>
      <c r="BR32" s="312">
        <v>0</v>
      </c>
      <c r="BS32" s="314">
        <v>0</v>
      </c>
      <c r="BT32" s="315">
        <v>0</v>
      </c>
      <c r="BU32" s="315">
        <v>2</v>
      </c>
      <c r="BV32" s="315">
        <v>0</v>
      </c>
      <c r="BW32" s="315">
        <v>0</v>
      </c>
      <c r="BX32" s="315">
        <v>0</v>
      </c>
      <c r="BY32" s="312">
        <v>2</v>
      </c>
      <c r="BZ32" s="317">
        <v>2</v>
      </c>
      <c r="CA32" s="311">
        <v>0</v>
      </c>
      <c r="CB32" s="315">
        <v>0</v>
      </c>
      <c r="CC32" s="312">
        <v>0</v>
      </c>
      <c r="CD32" s="314">
        <v>0</v>
      </c>
      <c r="CE32" s="315">
        <v>0</v>
      </c>
      <c r="CF32" s="315">
        <v>0</v>
      </c>
      <c r="CG32" s="315">
        <v>2</v>
      </c>
      <c r="CH32" s="315">
        <v>0</v>
      </c>
      <c r="CI32" s="315">
        <v>0</v>
      </c>
      <c r="CJ32" s="312">
        <v>2</v>
      </c>
      <c r="CK32" s="317">
        <v>2</v>
      </c>
      <c r="CL32" s="311">
        <v>0</v>
      </c>
      <c r="CM32" s="315">
        <v>0</v>
      </c>
      <c r="CN32" s="312">
        <v>0</v>
      </c>
      <c r="CO32" s="314">
        <v>0</v>
      </c>
      <c r="CP32" s="315">
        <v>0</v>
      </c>
      <c r="CQ32" s="315">
        <v>1</v>
      </c>
      <c r="CR32" s="315">
        <v>0</v>
      </c>
      <c r="CS32" s="315">
        <v>0</v>
      </c>
      <c r="CT32" s="315">
        <v>0</v>
      </c>
      <c r="CU32" s="312">
        <v>1</v>
      </c>
      <c r="CV32" s="317">
        <v>1</v>
      </c>
      <c r="CW32" s="311">
        <v>0</v>
      </c>
      <c r="CX32" s="315">
        <v>0</v>
      </c>
      <c r="CY32" s="312">
        <v>0</v>
      </c>
      <c r="CZ32" s="314">
        <v>0</v>
      </c>
      <c r="DA32" s="315">
        <v>0</v>
      </c>
      <c r="DB32" s="315">
        <v>0</v>
      </c>
      <c r="DC32" s="315">
        <v>0</v>
      </c>
      <c r="DD32" s="315">
        <v>0</v>
      </c>
      <c r="DE32" s="315">
        <v>0</v>
      </c>
      <c r="DF32" s="312">
        <v>0</v>
      </c>
      <c r="DG32" s="317">
        <v>0</v>
      </c>
      <c r="DH32" s="311">
        <v>0</v>
      </c>
      <c r="DI32" s="315">
        <v>0</v>
      </c>
      <c r="DJ32" s="312">
        <v>0</v>
      </c>
      <c r="DK32" s="314">
        <v>0</v>
      </c>
      <c r="DL32" s="315">
        <v>0</v>
      </c>
      <c r="DM32" s="315">
        <v>0</v>
      </c>
      <c r="DN32" s="315">
        <v>0</v>
      </c>
      <c r="DO32" s="315">
        <v>0</v>
      </c>
      <c r="DP32" s="315">
        <v>0</v>
      </c>
      <c r="DQ32" s="312">
        <v>0</v>
      </c>
      <c r="DR32" s="317">
        <v>0</v>
      </c>
      <c r="DS32" s="311">
        <v>1</v>
      </c>
      <c r="DT32" s="315">
        <v>1</v>
      </c>
      <c r="DU32" s="312">
        <v>2</v>
      </c>
      <c r="DV32" s="314">
        <v>0</v>
      </c>
      <c r="DW32" s="315">
        <v>0</v>
      </c>
      <c r="DX32" s="315">
        <v>5</v>
      </c>
      <c r="DY32" s="315">
        <v>3</v>
      </c>
      <c r="DZ32" s="315">
        <v>2</v>
      </c>
      <c r="EA32" s="315">
        <v>0</v>
      </c>
      <c r="EB32" s="312">
        <v>10</v>
      </c>
      <c r="EC32" s="317">
        <v>12</v>
      </c>
      <c r="ED32" s="311">
        <v>0</v>
      </c>
      <c r="EE32" s="315">
        <v>0</v>
      </c>
      <c r="EF32" s="312">
        <v>0</v>
      </c>
      <c r="EG32" s="314">
        <v>0</v>
      </c>
      <c r="EH32" s="315">
        <v>3</v>
      </c>
      <c r="EI32" s="315">
        <v>0</v>
      </c>
      <c r="EJ32" s="315">
        <v>0</v>
      </c>
      <c r="EK32" s="315">
        <v>1</v>
      </c>
      <c r="EL32" s="315">
        <v>0</v>
      </c>
      <c r="EM32" s="312">
        <v>4</v>
      </c>
      <c r="EN32" s="317">
        <v>4</v>
      </c>
      <c r="EO32" s="311">
        <v>1</v>
      </c>
      <c r="EP32" s="315">
        <v>1</v>
      </c>
      <c r="EQ32" s="312">
        <v>2</v>
      </c>
      <c r="ER32" s="314">
        <v>0</v>
      </c>
      <c r="ES32" s="315">
        <v>3</v>
      </c>
      <c r="ET32" s="315">
        <v>7</v>
      </c>
      <c r="EU32" s="315">
        <v>4</v>
      </c>
      <c r="EV32" s="315">
        <v>2</v>
      </c>
      <c r="EW32" s="315">
        <v>0</v>
      </c>
      <c r="EX32" s="312">
        <v>16</v>
      </c>
      <c r="EY32" s="317">
        <v>18</v>
      </c>
    </row>
    <row r="33" spans="1:155" ht="19.5" customHeight="1" x14ac:dyDescent="0.2">
      <c r="A33" s="296" t="s">
        <v>31</v>
      </c>
      <c r="B33" s="311">
        <v>0</v>
      </c>
      <c r="C33" s="315">
        <v>0</v>
      </c>
      <c r="D33" s="437">
        <v>0</v>
      </c>
      <c r="E33" s="314">
        <v>0</v>
      </c>
      <c r="F33" s="315">
        <v>2</v>
      </c>
      <c r="G33" s="315">
        <v>0</v>
      </c>
      <c r="H33" s="315">
        <v>0</v>
      </c>
      <c r="I33" s="315">
        <v>1</v>
      </c>
      <c r="J33" s="315">
        <v>0</v>
      </c>
      <c r="K33" s="316">
        <v>3</v>
      </c>
      <c r="L33" s="317">
        <v>3</v>
      </c>
      <c r="M33" s="311">
        <v>0</v>
      </c>
      <c r="N33" s="315">
        <v>0</v>
      </c>
      <c r="O33" s="312">
        <v>0</v>
      </c>
      <c r="P33" s="314">
        <v>0</v>
      </c>
      <c r="Q33" s="315">
        <v>0</v>
      </c>
      <c r="R33" s="315">
        <v>0</v>
      </c>
      <c r="S33" s="315">
        <v>0</v>
      </c>
      <c r="T33" s="315">
        <v>0</v>
      </c>
      <c r="U33" s="315">
        <v>1</v>
      </c>
      <c r="V33" s="312">
        <v>1</v>
      </c>
      <c r="W33" s="317">
        <v>1</v>
      </c>
      <c r="X33" s="311">
        <v>1</v>
      </c>
      <c r="Y33" s="315">
        <v>0</v>
      </c>
      <c r="Z33" s="312">
        <v>1</v>
      </c>
      <c r="AA33" s="314">
        <v>0</v>
      </c>
      <c r="AB33" s="315">
        <v>2</v>
      </c>
      <c r="AC33" s="315">
        <v>1</v>
      </c>
      <c r="AD33" s="315">
        <v>0</v>
      </c>
      <c r="AE33" s="315">
        <v>1</v>
      </c>
      <c r="AF33" s="315">
        <v>1</v>
      </c>
      <c r="AG33" s="312">
        <v>5</v>
      </c>
      <c r="AH33" s="317">
        <v>6</v>
      </c>
      <c r="AI33" s="311">
        <v>0</v>
      </c>
      <c r="AJ33" s="315">
        <v>0</v>
      </c>
      <c r="AK33" s="312">
        <v>0</v>
      </c>
      <c r="AL33" s="314">
        <v>0</v>
      </c>
      <c r="AM33" s="315">
        <v>0</v>
      </c>
      <c r="AN33" s="315">
        <v>0</v>
      </c>
      <c r="AO33" s="315">
        <v>1</v>
      </c>
      <c r="AP33" s="315">
        <v>0</v>
      </c>
      <c r="AQ33" s="315">
        <v>0</v>
      </c>
      <c r="AR33" s="312">
        <v>1</v>
      </c>
      <c r="AS33" s="317">
        <v>1</v>
      </c>
      <c r="AT33" s="311">
        <v>0</v>
      </c>
      <c r="AU33" s="315">
        <v>0</v>
      </c>
      <c r="AV33" s="312">
        <v>0</v>
      </c>
      <c r="AW33" s="314">
        <v>0</v>
      </c>
      <c r="AX33" s="315">
        <v>1</v>
      </c>
      <c r="AY33" s="315">
        <v>1</v>
      </c>
      <c r="AZ33" s="315">
        <v>0</v>
      </c>
      <c r="BA33" s="315">
        <v>0</v>
      </c>
      <c r="BB33" s="315">
        <v>2</v>
      </c>
      <c r="BC33" s="316">
        <v>4</v>
      </c>
      <c r="BD33" s="317">
        <v>4</v>
      </c>
      <c r="BE33" s="311">
        <v>0</v>
      </c>
      <c r="BF33" s="315">
        <v>0</v>
      </c>
      <c r="BG33" s="312">
        <v>0</v>
      </c>
      <c r="BH33" s="314">
        <v>0</v>
      </c>
      <c r="BI33" s="315">
        <v>0</v>
      </c>
      <c r="BJ33" s="315">
        <v>1</v>
      </c>
      <c r="BK33" s="315">
        <v>2</v>
      </c>
      <c r="BL33" s="315">
        <v>1</v>
      </c>
      <c r="BM33" s="315">
        <v>0</v>
      </c>
      <c r="BN33" s="312">
        <v>4</v>
      </c>
      <c r="BO33" s="317">
        <v>4</v>
      </c>
      <c r="BP33" s="311">
        <v>0</v>
      </c>
      <c r="BQ33" s="315">
        <v>0</v>
      </c>
      <c r="BR33" s="312">
        <v>0</v>
      </c>
      <c r="BS33" s="314">
        <v>0</v>
      </c>
      <c r="BT33" s="315">
        <v>0</v>
      </c>
      <c r="BU33" s="315">
        <v>0</v>
      </c>
      <c r="BV33" s="315">
        <v>0</v>
      </c>
      <c r="BW33" s="315">
        <v>0</v>
      </c>
      <c r="BX33" s="315">
        <v>0</v>
      </c>
      <c r="BY33" s="312">
        <v>0</v>
      </c>
      <c r="BZ33" s="317">
        <v>0</v>
      </c>
      <c r="CA33" s="311">
        <v>0</v>
      </c>
      <c r="CB33" s="315">
        <v>0</v>
      </c>
      <c r="CC33" s="312">
        <v>0</v>
      </c>
      <c r="CD33" s="314">
        <v>0</v>
      </c>
      <c r="CE33" s="315">
        <v>0</v>
      </c>
      <c r="CF33" s="315">
        <v>0</v>
      </c>
      <c r="CG33" s="315">
        <v>0</v>
      </c>
      <c r="CH33" s="315">
        <v>2</v>
      </c>
      <c r="CI33" s="315">
        <v>0</v>
      </c>
      <c r="CJ33" s="312">
        <v>2</v>
      </c>
      <c r="CK33" s="317">
        <v>2</v>
      </c>
      <c r="CL33" s="311">
        <v>0</v>
      </c>
      <c r="CM33" s="315">
        <v>0</v>
      </c>
      <c r="CN33" s="312">
        <v>0</v>
      </c>
      <c r="CO33" s="314">
        <v>0</v>
      </c>
      <c r="CP33" s="315">
        <v>0</v>
      </c>
      <c r="CQ33" s="315">
        <v>0</v>
      </c>
      <c r="CR33" s="315">
        <v>0</v>
      </c>
      <c r="CS33" s="315">
        <v>0</v>
      </c>
      <c r="CT33" s="315">
        <v>0</v>
      </c>
      <c r="CU33" s="312">
        <v>0</v>
      </c>
      <c r="CV33" s="317">
        <v>0</v>
      </c>
      <c r="CW33" s="311">
        <v>0</v>
      </c>
      <c r="CX33" s="315">
        <v>0</v>
      </c>
      <c r="CY33" s="312">
        <v>0</v>
      </c>
      <c r="CZ33" s="314">
        <v>0</v>
      </c>
      <c r="DA33" s="315">
        <v>0</v>
      </c>
      <c r="DB33" s="315">
        <v>0</v>
      </c>
      <c r="DC33" s="315">
        <v>0</v>
      </c>
      <c r="DD33" s="315">
        <v>0</v>
      </c>
      <c r="DE33" s="315">
        <v>0</v>
      </c>
      <c r="DF33" s="312">
        <v>0</v>
      </c>
      <c r="DG33" s="317">
        <v>0</v>
      </c>
      <c r="DH33" s="311">
        <v>0</v>
      </c>
      <c r="DI33" s="315">
        <v>0</v>
      </c>
      <c r="DJ33" s="312">
        <v>0</v>
      </c>
      <c r="DK33" s="314">
        <v>0</v>
      </c>
      <c r="DL33" s="315">
        <v>0</v>
      </c>
      <c r="DM33" s="315">
        <v>0</v>
      </c>
      <c r="DN33" s="315">
        <v>0</v>
      </c>
      <c r="DO33" s="315">
        <v>0</v>
      </c>
      <c r="DP33" s="315">
        <v>0</v>
      </c>
      <c r="DQ33" s="312">
        <v>0</v>
      </c>
      <c r="DR33" s="317">
        <v>0</v>
      </c>
      <c r="DS33" s="311">
        <v>0</v>
      </c>
      <c r="DT33" s="315">
        <v>0</v>
      </c>
      <c r="DU33" s="312">
        <v>0</v>
      </c>
      <c r="DV33" s="314">
        <v>0</v>
      </c>
      <c r="DW33" s="315">
        <v>4</v>
      </c>
      <c r="DX33" s="315">
        <v>2</v>
      </c>
      <c r="DY33" s="315">
        <v>1</v>
      </c>
      <c r="DZ33" s="315">
        <v>3</v>
      </c>
      <c r="EA33" s="315">
        <v>1</v>
      </c>
      <c r="EB33" s="312">
        <v>11</v>
      </c>
      <c r="EC33" s="317">
        <v>11</v>
      </c>
      <c r="ED33" s="311">
        <v>0</v>
      </c>
      <c r="EE33" s="315">
        <v>0</v>
      </c>
      <c r="EF33" s="312">
        <v>0</v>
      </c>
      <c r="EG33" s="314">
        <v>0</v>
      </c>
      <c r="EH33" s="315">
        <v>1</v>
      </c>
      <c r="EI33" s="315">
        <v>0</v>
      </c>
      <c r="EJ33" s="315">
        <v>0</v>
      </c>
      <c r="EK33" s="315">
        <v>0</v>
      </c>
      <c r="EL33" s="315">
        <v>1</v>
      </c>
      <c r="EM33" s="312">
        <v>2</v>
      </c>
      <c r="EN33" s="317">
        <v>2</v>
      </c>
      <c r="EO33" s="311">
        <v>1</v>
      </c>
      <c r="EP33" s="315">
        <v>0</v>
      </c>
      <c r="EQ33" s="312">
        <v>1</v>
      </c>
      <c r="ER33" s="314">
        <v>0</v>
      </c>
      <c r="ES33" s="315">
        <v>6</v>
      </c>
      <c r="ET33" s="315">
        <v>3</v>
      </c>
      <c r="EU33" s="315">
        <v>2</v>
      </c>
      <c r="EV33" s="315">
        <v>4</v>
      </c>
      <c r="EW33" s="315">
        <v>1</v>
      </c>
      <c r="EX33" s="312">
        <v>16</v>
      </c>
      <c r="EY33" s="317">
        <v>17</v>
      </c>
    </row>
    <row r="34" spans="1:155" ht="19.5" customHeight="1" x14ac:dyDescent="0.2">
      <c r="A34" s="296" t="s">
        <v>32</v>
      </c>
      <c r="B34" s="311">
        <v>0</v>
      </c>
      <c r="C34" s="315">
        <v>0</v>
      </c>
      <c r="D34" s="437">
        <v>0</v>
      </c>
      <c r="E34" s="314">
        <v>0</v>
      </c>
      <c r="F34" s="315">
        <v>2</v>
      </c>
      <c r="G34" s="315">
        <v>1</v>
      </c>
      <c r="H34" s="315">
        <v>0</v>
      </c>
      <c r="I34" s="315">
        <v>1</v>
      </c>
      <c r="J34" s="315">
        <v>0</v>
      </c>
      <c r="K34" s="316">
        <v>4</v>
      </c>
      <c r="L34" s="317">
        <v>4</v>
      </c>
      <c r="M34" s="311">
        <v>0</v>
      </c>
      <c r="N34" s="315">
        <v>0</v>
      </c>
      <c r="O34" s="312">
        <v>0</v>
      </c>
      <c r="P34" s="314">
        <v>0</v>
      </c>
      <c r="Q34" s="315">
        <v>0</v>
      </c>
      <c r="R34" s="315">
        <v>0</v>
      </c>
      <c r="S34" s="315">
        <v>0</v>
      </c>
      <c r="T34" s="315">
        <v>0</v>
      </c>
      <c r="U34" s="315">
        <v>0</v>
      </c>
      <c r="V34" s="312">
        <v>0</v>
      </c>
      <c r="W34" s="317">
        <v>0</v>
      </c>
      <c r="X34" s="311">
        <v>0</v>
      </c>
      <c r="Y34" s="315">
        <v>0</v>
      </c>
      <c r="Z34" s="312">
        <v>0</v>
      </c>
      <c r="AA34" s="314">
        <v>0</v>
      </c>
      <c r="AB34" s="315">
        <v>1</v>
      </c>
      <c r="AC34" s="315">
        <v>1</v>
      </c>
      <c r="AD34" s="315">
        <v>0</v>
      </c>
      <c r="AE34" s="315">
        <v>1</v>
      </c>
      <c r="AF34" s="315">
        <v>0</v>
      </c>
      <c r="AG34" s="312">
        <v>3</v>
      </c>
      <c r="AH34" s="317">
        <v>3</v>
      </c>
      <c r="AI34" s="311">
        <v>0</v>
      </c>
      <c r="AJ34" s="315">
        <v>0</v>
      </c>
      <c r="AK34" s="312">
        <v>0</v>
      </c>
      <c r="AL34" s="314">
        <v>0</v>
      </c>
      <c r="AM34" s="315">
        <v>0</v>
      </c>
      <c r="AN34" s="315">
        <v>0</v>
      </c>
      <c r="AO34" s="315">
        <v>1</v>
      </c>
      <c r="AP34" s="315">
        <v>0</v>
      </c>
      <c r="AQ34" s="315">
        <v>0</v>
      </c>
      <c r="AR34" s="312">
        <v>1</v>
      </c>
      <c r="AS34" s="317">
        <v>1</v>
      </c>
      <c r="AT34" s="311">
        <v>0</v>
      </c>
      <c r="AU34" s="315">
        <v>1</v>
      </c>
      <c r="AV34" s="312">
        <v>1</v>
      </c>
      <c r="AW34" s="314">
        <v>0</v>
      </c>
      <c r="AX34" s="315">
        <v>2</v>
      </c>
      <c r="AY34" s="315">
        <v>0</v>
      </c>
      <c r="AZ34" s="315">
        <v>1</v>
      </c>
      <c r="BA34" s="315">
        <v>1</v>
      </c>
      <c r="BB34" s="315">
        <v>2</v>
      </c>
      <c r="BC34" s="316">
        <v>6</v>
      </c>
      <c r="BD34" s="317">
        <v>7</v>
      </c>
      <c r="BE34" s="311">
        <v>0</v>
      </c>
      <c r="BF34" s="315">
        <v>0</v>
      </c>
      <c r="BG34" s="312">
        <v>0</v>
      </c>
      <c r="BH34" s="314">
        <v>0</v>
      </c>
      <c r="BI34" s="315">
        <v>3</v>
      </c>
      <c r="BJ34" s="315">
        <v>0</v>
      </c>
      <c r="BK34" s="315">
        <v>0</v>
      </c>
      <c r="BL34" s="315">
        <v>0</v>
      </c>
      <c r="BM34" s="315">
        <v>0</v>
      </c>
      <c r="BN34" s="312">
        <v>3</v>
      </c>
      <c r="BO34" s="317">
        <v>3</v>
      </c>
      <c r="BP34" s="311">
        <v>0</v>
      </c>
      <c r="BQ34" s="315">
        <v>0</v>
      </c>
      <c r="BR34" s="312">
        <v>0</v>
      </c>
      <c r="BS34" s="314">
        <v>0</v>
      </c>
      <c r="BT34" s="315">
        <v>0</v>
      </c>
      <c r="BU34" s="315">
        <v>2</v>
      </c>
      <c r="BV34" s="315">
        <v>2</v>
      </c>
      <c r="BW34" s="315">
        <v>0</v>
      </c>
      <c r="BX34" s="315">
        <v>0</v>
      </c>
      <c r="BY34" s="312">
        <v>4</v>
      </c>
      <c r="BZ34" s="317">
        <v>4</v>
      </c>
      <c r="CA34" s="311">
        <v>0</v>
      </c>
      <c r="CB34" s="315">
        <v>0</v>
      </c>
      <c r="CC34" s="312">
        <v>0</v>
      </c>
      <c r="CD34" s="314">
        <v>0</v>
      </c>
      <c r="CE34" s="315">
        <v>1</v>
      </c>
      <c r="CF34" s="315">
        <v>1</v>
      </c>
      <c r="CG34" s="315">
        <v>0</v>
      </c>
      <c r="CH34" s="315">
        <v>0</v>
      </c>
      <c r="CI34" s="315">
        <v>0</v>
      </c>
      <c r="CJ34" s="312">
        <v>2</v>
      </c>
      <c r="CK34" s="317">
        <v>2</v>
      </c>
      <c r="CL34" s="311">
        <v>0</v>
      </c>
      <c r="CM34" s="315">
        <v>0</v>
      </c>
      <c r="CN34" s="312">
        <v>0</v>
      </c>
      <c r="CO34" s="314">
        <v>0</v>
      </c>
      <c r="CP34" s="315">
        <v>0</v>
      </c>
      <c r="CQ34" s="315">
        <v>1</v>
      </c>
      <c r="CR34" s="315">
        <v>1</v>
      </c>
      <c r="CS34" s="315">
        <v>0</v>
      </c>
      <c r="CT34" s="315">
        <v>0</v>
      </c>
      <c r="CU34" s="312">
        <v>2</v>
      </c>
      <c r="CV34" s="317">
        <v>2</v>
      </c>
      <c r="CW34" s="311">
        <v>0</v>
      </c>
      <c r="CX34" s="315">
        <v>0</v>
      </c>
      <c r="CY34" s="312">
        <v>0</v>
      </c>
      <c r="CZ34" s="314">
        <v>0</v>
      </c>
      <c r="DA34" s="315">
        <v>0</v>
      </c>
      <c r="DB34" s="315">
        <v>0</v>
      </c>
      <c r="DC34" s="315">
        <v>0</v>
      </c>
      <c r="DD34" s="315">
        <v>0</v>
      </c>
      <c r="DE34" s="315">
        <v>0</v>
      </c>
      <c r="DF34" s="312">
        <v>0</v>
      </c>
      <c r="DG34" s="317">
        <v>0</v>
      </c>
      <c r="DH34" s="311">
        <v>0</v>
      </c>
      <c r="DI34" s="315">
        <v>0</v>
      </c>
      <c r="DJ34" s="312">
        <v>0</v>
      </c>
      <c r="DK34" s="314">
        <v>0</v>
      </c>
      <c r="DL34" s="315">
        <v>0</v>
      </c>
      <c r="DM34" s="315">
        <v>0</v>
      </c>
      <c r="DN34" s="315">
        <v>0</v>
      </c>
      <c r="DO34" s="315">
        <v>0</v>
      </c>
      <c r="DP34" s="315">
        <v>0</v>
      </c>
      <c r="DQ34" s="312">
        <v>0</v>
      </c>
      <c r="DR34" s="317">
        <v>0</v>
      </c>
      <c r="DS34" s="311">
        <v>0</v>
      </c>
      <c r="DT34" s="315">
        <v>2</v>
      </c>
      <c r="DU34" s="312">
        <v>2</v>
      </c>
      <c r="DV34" s="314">
        <v>0</v>
      </c>
      <c r="DW34" s="315">
        <v>4</v>
      </c>
      <c r="DX34" s="315">
        <v>2</v>
      </c>
      <c r="DY34" s="315">
        <v>2</v>
      </c>
      <c r="DZ34" s="315">
        <v>1</v>
      </c>
      <c r="EA34" s="315">
        <v>0</v>
      </c>
      <c r="EB34" s="312">
        <v>9</v>
      </c>
      <c r="EC34" s="317">
        <v>11</v>
      </c>
      <c r="ED34" s="311">
        <v>0</v>
      </c>
      <c r="EE34" s="315">
        <v>1</v>
      </c>
      <c r="EF34" s="312">
        <v>1</v>
      </c>
      <c r="EG34" s="314">
        <v>0</v>
      </c>
      <c r="EH34" s="315">
        <v>1</v>
      </c>
      <c r="EI34" s="315">
        <v>1</v>
      </c>
      <c r="EJ34" s="315">
        <v>0</v>
      </c>
      <c r="EK34" s="315">
        <v>0</v>
      </c>
      <c r="EL34" s="315">
        <v>1</v>
      </c>
      <c r="EM34" s="312">
        <v>3</v>
      </c>
      <c r="EN34" s="317">
        <v>4</v>
      </c>
      <c r="EO34" s="311">
        <v>0</v>
      </c>
      <c r="EP34" s="315">
        <v>2</v>
      </c>
      <c r="EQ34" s="312">
        <v>2</v>
      </c>
      <c r="ER34" s="314">
        <v>0</v>
      </c>
      <c r="ES34" s="315">
        <v>8</v>
      </c>
      <c r="ET34" s="315">
        <v>6</v>
      </c>
      <c r="EU34" s="315">
        <v>2</v>
      </c>
      <c r="EV34" s="315">
        <v>1</v>
      </c>
      <c r="EW34" s="315">
        <v>0</v>
      </c>
      <c r="EX34" s="312">
        <v>17</v>
      </c>
      <c r="EY34" s="317">
        <v>19</v>
      </c>
    </row>
    <row r="35" spans="1:155" ht="19.5" customHeight="1" x14ac:dyDescent="0.2">
      <c r="A35" s="296" t="s">
        <v>33</v>
      </c>
      <c r="B35" s="311">
        <v>0</v>
      </c>
      <c r="C35" s="315">
        <v>0</v>
      </c>
      <c r="D35" s="437">
        <v>0</v>
      </c>
      <c r="E35" s="314">
        <v>0</v>
      </c>
      <c r="F35" s="315">
        <v>1</v>
      </c>
      <c r="G35" s="315">
        <v>0</v>
      </c>
      <c r="H35" s="315">
        <v>2</v>
      </c>
      <c r="I35" s="315">
        <v>0</v>
      </c>
      <c r="J35" s="315">
        <v>0</v>
      </c>
      <c r="K35" s="316">
        <v>3</v>
      </c>
      <c r="L35" s="317">
        <v>3</v>
      </c>
      <c r="M35" s="311">
        <v>0</v>
      </c>
      <c r="N35" s="315">
        <v>0</v>
      </c>
      <c r="O35" s="312">
        <v>0</v>
      </c>
      <c r="P35" s="314">
        <v>0</v>
      </c>
      <c r="Q35" s="315">
        <v>0</v>
      </c>
      <c r="R35" s="315">
        <v>0</v>
      </c>
      <c r="S35" s="315">
        <v>0</v>
      </c>
      <c r="T35" s="315">
        <v>0</v>
      </c>
      <c r="U35" s="315">
        <v>0</v>
      </c>
      <c r="V35" s="312">
        <v>0</v>
      </c>
      <c r="W35" s="317">
        <v>0</v>
      </c>
      <c r="X35" s="311">
        <v>0</v>
      </c>
      <c r="Y35" s="315">
        <v>0</v>
      </c>
      <c r="Z35" s="312">
        <v>0</v>
      </c>
      <c r="AA35" s="314">
        <v>0</v>
      </c>
      <c r="AB35" s="315">
        <v>1</v>
      </c>
      <c r="AC35" s="315">
        <v>0</v>
      </c>
      <c r="AD35" s="315">
        <v>2</v>
      </c>
      <c r="AE35" s="315">
        <v>0</v>
      </c>
      <c r="AF35" s="315">
        <v>2</v>
      </c>
      <c r="AG35" s="312">
        <v>5</v>
      </c>
      <c r="AH35" s="317">
        <v>5</v>
      </c>
      <c r="AI35" s="311">
        <v>1</v>
      </c>
      <c r="AJ35" s="315">
        <v>1</v>
      </c>
      <c r="AK35" s="312">
        <v>2</v>
      </c>
      <c r="AL35" s="314">
        <v>0</v>
      </c>
      <c r="AM35" s="315">
        <v>1</v>
      </c>
      <c r="AN35" s="315">
        <v>0</v>
      </c>
      <c r="AO35" s="315">
        <v>1</v>
      </c>
      <c r="AP35" s="315">
        <v>0</v>
      </c>
      <c r="AQ35" s="315">
        <v>1</v>
      </c>
      <c r="AR35" s="312">
        <v>3</v>
      </c>
      <c r="AS35" s="317">
        <v>5</v>
      </c>
      <c r="AT35" s="311">
        <v>0</v>
      </c>
      <c r="AU35" s="315">
        <v>0</v>
      </c>
      <c r="AV35" s="312">
        <v>0</v>
      </c>
      <c r="AW35" s="314">
        <v>0</v>
      </c>
      <c r="AX35" s="315">
        <v>1</v>
      </c>
      <c r="AY35" s="315">
        <v>1</v>
      </c>
      <c r="AZ35" s="315">
        <v>3</v>
      </c>
      <c r="BA35" s="315">
        <v>0</v>
      </c>
      <c r="BB35" s="315">
        <v>1</v>
      </c>
      <c r="BC35" s="316">
        <v>6</v>
      </c>
      <c r="BD35" s="317">
        <v>6</v>
      </c>
      <c r="BE35" s="311">
        <v>0</v>
      </c>
      <c r="BF35" s="315">
        <v>0</v>
      </c>
      <c r="BG35" s="312">
        <v>0</v>
      </c>
      <c r="BH35" s="314">
        <v>0</v>
      </c>
      <c r="BI35" s="315">
        <v>2</v>
      </c>
      <c r="BJ35" s="315">
        <v>0</v>
      </c>
      <c r="BK35" s="315">
        <v>0</v>
      </c>
      <c r="BL35" s="315">
        <v>0</v>
      </c>
      <c r="BM35" s="315">
        <v>0</v>
      </c>
      <c r="BN35" s="312">
        <v>2</v>
      </c>
      <c r="BO35" s="317">
        <v>2</v>
      </c>
      <c r="BP35" s="311">
        <v>0</v>
      </c>
      <c r="BQ35" s="315">
        <v>0</v>
      </c>
      <c r="BR35" s="312">
        <v>0</v>
      </c>
      <c r="BS35" s="314">
        <v>0</v>
      </c>
      <c r="BT35" s="315">
        <v>0</v>
      </c>
      <c r="BU35" s="315">
        <v>0</v>
      </c>
      <c r="BV35" s="315">
        <v>0</v>
      </c>
      <c r="BW35" s="315">
        <v>0</v>
      </c>
      <c r="BX35" s="315">
        <v>0</v>
      </c>
      <c r="BY35" s="312">
        <v>0</v>
      </c>
      <c r="BZ35" s="317">
        <v>0</v>
      </c>
      <c r="CA35" s="311">
        <v>0</v>
      </c>
      <c r="CB35" s="315">
        <v>0</v>
      </c>
      <c r="CC35" s="312">
        <v>0</v>
      </c>
      <c r="CD35" s="314">
        <v>0</v>
      </c>
      <c r="CE35" s="315">
        <v>0</v>
      </c>
      <c r="CF35" s="315">
        <v>0</v>
      </c>
      <c r="CG35" s="315">
        <v>1</v>
      </c>
      <c r="CH35" s="315">
        <v>0</v>
      </c>
      <c r="CI35" s="315">
        <v>0</v>
      </c>
      <c r="CJ35" s="312">
        <v>1</v>
      </c>
      <c r="CK35" s="317">
        <v>1</v>
      </c>
      <c r="CL35" s="311">
        <v>0</v>
      </c>
      <c r="CM35" s="315">
        <v>0</v>
      </c>
      <c r="CN35" s="312">
        <v>0</v>
      </c>
      <c r="CO35" s="314">
        <v>0</v>
      </c>
      <c r="CP35" s="315">
        <v>0</v>
      </c>
      <c r="CQ35" s="315">
        <v>0</v>
      </c>
      <c r="CR35" s="315">
        <v>0</v>
      </c>
      <c r="CS35" s="315">
        <v>0</v>
      </c>
      <c r="CT35" s="315">
        <v>0</v>
      </c>
      <c r="CU35" s="312">
        <v>0</v>
      </c>
      <c r="CV35" s="317">
        <v>0</v>
      </c>
      <c r="CW35" s="311">
        <v>0</v>
      </c>
      <c r="CX35" s="315">
        <v>0</v>
      </c>
      <c r="CY35" s="312">
        <v>0</v>
      </c>
      <c r="CZ35" s="314">
        <v>0</v>
      </c>
      <c r="DA35" s="315">
        <v>0</v>
      </c>
      <c r="DB35" s="315">
        <v>0</v>
      </c>
      <c r="DC35" s="315">
        <v>0</v>
      </c>
      <c r="DD35" s="315">
        <v>0</v>
      </c>
      <c r="DE35" s="315">
        <v>0</v>
      </c>
      <c r="DF35" s="312">
        <v>0</v>
      </c>
      <c r="DG35" s="317">
        <v>0</v>
      </c>
      <c r="DH35" s="311">
        <v>0</v>
      </c>
      <c r="DI35" s="315">
        <v>0</v>
      </c>
      <c r="DJ35" s="312">
        <v>0</v>
      </c>
      <c r="DK35" s="314">
        <v>0</v>
      </c>
      <c r="DL35" s="315">
        <v>0</v>
      </c>
      <c r="DM35" s="315">
        <v>0</v>
      </c>
      <c r="DN35" s="315">
        <v>0</v>
      </c>
      <c r="DO35" s="315">
        <v>0</v>
      </c>
      <c r="DP35" s="315">
        <v>0</v>
      </c>
      <c r="DQ35" s="312">
        <v>0</v>
      </c>
      <c r="DR35" s="317">
        <v>0</v>
      </c>
      <c r="DS35" s="311">
        <v>0</v>
      </c>
      <c r="DT35" s="315">
        <v>2</v>
      </c>
      <c r="DU35" s="312">
        <v>2</v>
      </c>
      <c r="DV35" s="314">
        <v>0</v>
      </c>
      <c r="DW35" s="315">
        <v>1</v>
      </c>
      <c r="DX35" s="315">
        <v>0</v>
      </c>
      <c r="DY35" s="315">
        <v>3</v>
      </c>
      <c r="DZ35" s="315">
        <v>0</v>
      </c>
      <c r="EA35" s="315">
        <v>3</v>
      </c>
      <c r="EB35" s="312">
        <v>7</v>
      </c>
      <c r="EC35" s="317">
        <v>9</v>
      </c>
      <c r="ED35" s="311">
        <v>1</v>
      </c>
      <c r="EE35" s="315">
        <v>0</v>
      </c>
      <c r="EF35" s="312">
        <v>1</v>
      </c>
      <c r="EG35" s="314">
        <v>0</v>
      </c>
      <c r="EH35" s="315">
        <v>1</v>
      </c>
      <c r="EI35" s="315">
        <v>1</v>
      </c>
      <c r="EJ35" s="315">
        <v>3</v>
      </c>
      <c r="EK35" s="315">
        <v>0</v>
      </c>
      <c r="EL35" s="315">
        <v>0</v>
      </c>
      <c r="EM35" s="312">
        <v>5</v>
      </c>
      <c r="EN35" s="317">
        <v>6</v>
      </c>
      <c r="EO35" s="311">
        <v>1</v>
      </c>
      <c r="EP35" s="315">
        <v>3</v>
      </c>
      <c r="EQ35" s="312">
        <v>4</v>
      </c>
      <c r="ER35" s="314">
        <v>0</v>
      </c>
      <c r="ES35" s="315">
        <v>5</v>
      </c>
      <c r="ET35" s="315">
        <v>0</v>
      </c>
      <c r="EU35" s="315">
        <v>3</v>
      </c>
      <c r="EV35" s="315">
        <v>0</v>
      </c>
      <c r="EW35" s="315">
        <v>3</v>
      </c>
      <c r="EX35" s="312">
        <v>11</v>
      </c>
      <c r="EY35" s="317">
        <v>15</v>
      </c>
    </row>
    <row r="36" spans="1:155" ht="19.5" customHeight="1" x14ac:dyDescent="0.2">
      <c r="A36" s="296" t="s">
        <v>34</v>
      </c>
      <c r="B36" s="311">
        <v>0</v>
      </c>
      <c r="C36" s="315">
        <v>0</v>
      </c>
      <c r="D36" s="437">
        <v>0</v>
      </c>
      <c r="E36" s="314">
        <v>0</v>
      </c>
      <c r="F36" s="315">
        <v>0</v>
      </c>
      <c r="G36" s="315">
        <v>0</v>
      </c>
      <c r="H36" s="315">
        <v>1</v>
      </c>
      <c r="I36" s="315">
        <v>1</v>
      </c>
      <c r="J36" s="315">
        <v>0</v>
      </c>
      <c r="K36" s="316">
        <v>2</v>
      </c>
      <c r="L36" s="317">
        <v>2</v>
      </c>
      <c r="M36" s="311">
        <v>0</v>
      </c>
      <c r="N36" s="315">
        <v>0</v>
      </c>
      <c r="O36" s="312">
        <v>0</v>
      </c>
      <c r="P36" s="314">
        <v>0</v>
      </c>
      <c r="Q36" s="315">
        <v>0</v>
      </c>
      <c r="R36" s="315">
        <v>0</v>
      </c>
      <c r="S36" s="315">
        <v>0</v>
      </c>
      <c r="T36" s="315">
        <v>0</v>
      </c>
      <c r="U36" s="315">
        <v>0</v>
      </c>
      <c r="V36" s="312">
        <v>0</v>
      </c>
      <c r="W36" s="317">
        <v>0</v>
      </c>
      <c r="X36" s="311">
        <v>0</v>
      </c>
      <c r="Y36" s="315">
        <v>0</v>
      </c>
      <c r="Z36" s="312">
        <v>0</v>
      </c>
      <c r="AA36" s="314">
        <v>0</v>
      </c>
      <c r="AB36" s="315">
        <v>0</v>
      </c>
      <c r="AC36" s="315">
        <v>0</v>
      </c>
      <c r="AD36" s="315">
        <v>0</v>
      </c>
      <c r="AE36" s="315">
        <v>0</v>
      </c>
      <c r="AF36" s="315">
        <v>0</v>
      </c>
      <c r="AG36" s="312">
        <v>0</v>
      </c>
      <c r="AH36" s="317">
        <v>0</v>
      </c>
      <c r="AI36" s="311">
        <v>0</v>
      </c>
      <c r="AJ36" s="315">
        <v>0</v>
      </c>
      <c r="AK36" s="312">
        <v>0</v>
      </c>
      <c r="AL36" s="314">
        <v>0</v>
      </c>
      <c r="AM36" s="315">
        <v>0</v>
      </c>
      <c r="AN36" s="315">
        <v>0</v>
      </c>
      <c r="AO36" s="315">
        <v>0</v>
      </c>
      <c r="AP36" s="315">
        <v>0</v>
      </c>
      <c r="AQ36" s="315">
        <v>1</v>
      </c>
      <c r="AR36" s="312">
        <v>1</v>
      </c>
      <c r="AS36" s="317">
        <v>1</v>
      </c>
      <c r="AT36" s="311">
        <v>0</v>
      </c>
      <c r="AU36" s="315">
        <v>1</v>
      </c>
      <c r="AV36" s="312">
        <v>1</v>
      </c>
      <c r="AW36" s="314">
        <v>0</v>
      </c>
      <c r="AX36" s="315">
        <v>1</v>
      </c>
      <c r="AY36" s="315">
        <v>2</v>
      </c>
      <c r="AZ36" s="315">
        <v>1</v>
      </c>
      <c r="BA36" s="315">
        <v>1</v>
      </c>
      <c r="BB36" s="315">
        <v>0</v>
      </c>
      <c r="BC36" s="316">
        <v>5</v>
      </c>
      <c r="BD36" s="317">
        <v>6</v>
      </c>
      <c r="BE36" s="311">
        <v>0</v>
      </c>
      <c r="BF36" s="315">
        <v>0</v>
      </c>
      <c r="BG36" s="312">
        <v>0</v>
      </c>
      <c r="BH36" s="314">
        <v>0</v>
      </c>
      <c r="BI36" s="315">
        <v>0</v>
      </c>
      <c r="BJ36" s="315">
        <v>1</v>
      </c>
      <c r="BK36" s="315">
        <v>1</v>
      </c>
      <c r="BL36" s="315">
        <v>1</v>
      </c>
      <c r="BM36" s="315">
        <v>0</v>
      </c>
      <c r="BN36" s="312">
        <v>3</v>
      </c>
      <c r="BO36" s="317">
        <v>3</v>
      </c>
      <c r="BP36" s="311">
        <v>0</v>
      </c>
      <c r="BQ36" s="315">
        <v>0</v>
      </c>
      <c r="BR36" s="312">
        <v>0</v>
      </c>
      <c r="BS36" s="314">
        <v>0</v>
      </c>
      <c r="BT36" s="315">
        <v>1</v>
      </c>
      <c r="BU36" s="315">
        <v>0</v>
      </c>
      <c r="BV36" s="315">
        <v>0</v>
      </c>
      <c r="BW36" s="315">
        <v>0</v>
      </c>
      <c r="BX36" s="315">
        <v>0</v>
      </c>
      <c r="BY36" s="312">
        <v>1</v>
      </c>
      <c r="BZ36" s="317">
        <v>1</v>
      </c>
      <c r="CA36" s="311">
        <v>0</v>
      </c>
      <c r="CB36" s="315">
        <v>0</v>
      </c>
      <c r="CC36" s="312">
        <v>0</v>
      </c>
      <c r="CD36" s="314">
        <v>0</v>
      </c>
      <c r="CE36" s="315">
        <v>0</v>
      </c>
      <c r="CF36" s="315">
        <v>0</v>
      </c>
      <c r="CG36" s="315">
        <v>0</v>
      </c>
      <c r="CH36" s="315">
        <v>1</v>
      </c>
      <c r="CI36" s="315">
        <v>0</v>
      </c>
      <c r="CJ36" s="312">
        <v>1</v>
      </c>
      <c r="CK36" s="317">
        <v>1</v>
      </c>
      <c r="CL36" s="311">
        <v>0</v>
      </c>
      <c r="CM36" s="315">
        <v>0</v>
      </c>
      <c r="CN36" s="312">
        <v>0</v>
      </c>
      <c r="CO36" s="314">
        <v>0</v>
      </c>
      <c r="CP36" s="315">
        <v>0</v>
      </c>
      <c r="CQ36" s="315">
        <v>0</v>
      </c>
      <c r="CR36" s="315">
        <v>0</v>
      </c>
      <c r="CS36" s="315">
        <v>0</v>
      </c>
      <c r="CT36" s="315">
        <v>0</v>
      </c>
      <c r="CU36" s="312">
        <v>0</v>
      </c>
      <c r="CV36" s="317">
        <v>0</v>
      </c>
      <c r="CW36" s="311">
        <v>0</v>
      </c>
      <c r="CX36" s="315">
        <v>0</v>
      </c>
      <c r="CY36" s="312">
        <v>0</v>
      </c>
      <c r="CZ36" s="314">
        <v>0</v>
      </c>
      <c r="DA36" s="315">
        <v>0</v>
      </c>
      <c r="DB36" s="315">
        <v>0</v>
      </c>
      <c r="DC36" s="315">
        <v>0</v>
      </c>
      <c r="DD36" s="315">
        <v>0</v>
      </c>
      <c r="DE36" s="315">
        <v>0</v>
      </c>
      <c r="DF36" s="312">
        <v>0</v>
      </c>
      <c r="DG36" s="317">
        <v>0</v>
      </c>
      <c r="DH36" s="311">
        <v>0</v>
      </c>
      <c r="DI36" s="315">
        <v>0</v>
      </c>
      <c r="DJ36" s="312">
        <v>0</v>
      </c>
      <c r="DK36" s="314">
        <v>0</v>
      </c>
      <c r="DL36" s="315">
        <v>0</v>
      </c>
      <c r="DM36" s="315">
        <v>0</v>
      </c>
      <c r="DN36" s="315">
        <v>0</v>
      </c>
      <c r="DO36" s="315">
        <v>0</v>
      </c>
      <c r="DP36" s="315">
        <v>0</v>
      </c>
      <c r="DQ36" s="312">
        <v>0</v>
      </c>
      <c r="DR36" s="317">
        <v>0</v>
      </c>
      <c r="DS36" s="311">
        <v>0</v>
      </c>
      <c r="DT36" s="315">
        <v>2</v>
      </c>
      <c r="DU36" s="312">
        <v>2</v>
      </c>
      <c r="DV36" s="314">
        <v>0</v>
      </c>
      <c r="DW36" s="315">
        <v>2</v>
      </c>
      <c r="DX36" s="315">
        <v>1</v>
      </c>
      <c r="DY36" s="315">
        <v>2</v>
      </c>
      <c r="DZ36" s="315">
        <v>2</v>
      </c>
      <c r="EA36" s="315">
        <v>1</v>
      </c>
      <c r="EB36" s="312">
        <v>8</v>
      </c>
      <c r="EC36" s="317">
        <v>10</v>
      </c>
      <c r="ED36" s="311">
        <v>0</v>
      </c>
      <c r="EE36" s="315">
        <v>0</v>
      </c>
      <c r="EF36" s="312">
        <v>0</v>
      </c>
      <c r="EG36" s="314">
        <v>0</v>
      </c>
      <c r="EH36" s="315">
        <v>0</v>
      </c>
      <c r="EI36" s="315">
        <v>1</v>
      </c>
      <c r="EJ36" s="315">
        <v>0</v>
      </c>
      <c r="EK36" s="315">
        <v>0</v>
      </c>
      <c r="EL36" s="315">
        <v>0</v>
      </c>
      <c r="EM36" s="312">
        <v>1</v>
      </c>
      <c r="EN36" s="317">
        <v>1</v>
      </c>
      <c r="EO36" s="311">
        <v>0</v>
      </c>
      <c r="EP36" s="315">
        <v>2</v>
      </c>
      <c r="EQ36" s="312">
        <v>2</v>
      </c>
      <c r="ER36" s="314">
        <v>0</v>
      </c>
      <c r="ES36" s="315">
        <v>1</v>
      </c>
      <c r="ET36" s="315">
        <v>2</v>
      </c>
      <c r="EU36" s="315">
        <v>2</v>
      </c>
      <c r="EV36" s="315">
        <v>2</v>
      </c>
      <c r="EW36" s="315">
        <v>1</v>
      </c>
      <c r="EX36" s="312">
        <v>8</v>
      </c>
      <c r="EY36" s="317">
        <v>10</v>
      </c>
    </row>
    <row r="37" spans="1:155" ht="19.5" customHeight="1" x14ac:dyDescent="0.2">
      <c r="A37" s="296" t="s">
        <v>35</v>
      </c>
      <c r="B37" s="311">
        <v>0</v>
      </c>
      <c r="C37" s="315">
        <v>0</v>
      </c>
      <c r="D37" s="437">
        <v>0</v>
      </c>
      <c r="E37" s="314">
        <v>0</v>
      </c>
      <c r="F37" s="315">
        <v>8</v>
      </c>
      <c r="G37" s="315">
        <v>3</v>
      </c>
      <c r="H37" s="315">
        <v>3</v>
      </c>
      <c r="I37" s="315">
        <v>1</v>
      </c>
      <c r="J37" s="315">
        <v>0</v>
      </c>
      <c r="K37" s="316">
        <v>15</v>
      </c>
      <c r="L37" s="317">
        <v>15</v>
      </c>
      <c r="M37" s="311">
        <v>0</v>
      </c>
      <c r="N37" s="315">
        <v>0</v>
      </c>
      <c r="O37" s="312">
        <v>0</v>
      </c>
      <c r="P37" s="314">
        <v>0</v>
      </c>
      <c r="Q37" s="315">
        <v>0</v>
      </c>
      <c r="R37" s="315">
        <v>0</v>
      </c>
      <c r="S37" s="315">
        <v>0</v>
      </c>
      <c r="T37" s="315">
        <v>0</v>
      </c>
      <c r="U37" s="315">
        <v>0</v>
      </c>
      <c r="V37" s="312">
        <v>0</v>
      </c>
      <c r="W37" s="317">
        <v>0</v>
      </c>
      <c r="X37" s="311">
        <v>0</v>
      </c>
      <c r="Y37" s="315">
        <v>0</v>
      </c>
      <c r="Z37" s="312">
        <v>0</v>
      </c>
      <c r="AA37" s="314">
        <v>0</v>
      </c>
      <c r="AB37" s="315">
        <v>0</v>
      </c>
      <c r="AC37" s="315">
        <v>2</v>
      </c>
      <c r="AD37" s="315">
        <v>3</v>
      </c>
      <c r="AE37" s="315">
        <v>1</v>
      </c>
      <c r="AF37" s="315">
        <v>1</v>
      </c>
      <c r="AG37" s="312">
        <v>7</v>
      </c>
      <c r="AH37" s="317">
        <v>7</v>
      </c>
      <c r="AI37" s="311">
        <v>0</v>
      </c>
      <c r="AJ37" s="315">
        <v>0</v>
      </c>
      <c r="AK37" s="312">
        <v>0</v>
      </c>
      <c r="AL37" s="314">
        <v>0</v>
      </c>
      <c r="AM37" s="315">
        <v>0</v>
      </c>
      <c r="AN37" s="315">
        <v>1</v>
      </c>
      <c r="AO37" s="315">
        <v>1</v>
      </c>
      <c r="AP37" s="315">
        <v>0</v>
      </c>
      <c r="AQ37" s="315">
        <v>0</v>
      </c>
      <c r="AR37" s="312">
        <v>2</v>
      </c>
      <c r="AS37" s="317">
        <v>2</v>
      </c>
      <c r="AT37" s="311">
        <v>3</v>
      </c>
      <c r="AU37" s="315">
        <v>2</v>
      </c>
      <c r="AV37" s="312">
        <v>5</v>
      </c>
      <c r="AW37" s="314">
        <v>0</v>
      </c>
      <c r="AX37" s="315">
        <v>3</v>
      </c>
      <c r="AY37" s="315">
        <v>2</v>
      </c>
      <c r="AZ37" s="315">
        <v>3</v>
      </c>
      <c r="BA37" s="315">
        <v>5</v>
      </c>
      <c r="BB37" s="315">
        <v>1</v>
      </c>
      <c r="BC37" s="316">
        <v>14</v>
      </c>
      <c r="BD37" s="317">
        <v>19</v>
      </c>
      <c r="BE37" s="311">
        <v>0</v>
      </c>
      <c r="BF37" s="315">
        <v>0</v>
      </c>
      <c r="BG37" s="312">
        <v>0</v>
      </c>
      <c r="BH37" s="314">
        <v>0</v>
      </c>
      <c r="BI37" s="315">
        <v>4</v>
      </c>
      <c r="BJ37" s="315">
        <v>3</v>
      </c>
      <c r="BK37" s="315">
        <v>1</v>
      </c>
      <c r="BL37" s="315">
        <v>0</v>
      </c>
      <c r="BM37" s="315">
        <v>0</v>
      </c>
      <c r="BN37" s="312">
        <v>8</v>
      </c>
      <c r="BO37" s="317">
        <v>8</v>
      </c>
      <c r="BP37" s="311">
        <v>0</v>
      </c>
      <c r="BQ37" s="315">
        <v>1</v>
      </c>
      <c r="BR37" s="312">
        <v>1</v>
      </c>
      <c r="BS37" s="314">
        <v>0</v>
      </c>
      <c r="BT37" s="315">
        <v>2</v>
      </c>
      <c r="BU37" s="315">
        <v>2</v>
      </c>
      <c r="BV37" s="315">
        <v>1</v>
      </c>
      <c r="BW37" s="315">
        <v>1</v>
      </c>
      <c r="BX37" s="315">
        <v>1</v>
      </c>
      <c r="BY37" s="312">
        <v>7</v>
      </c>
      <c r="BZ37" s="317">
        <v>8</v>
      </c>
      <c r="CA37" s="311">
        <v>0</v>
      </c>
      <c r="CB37" s="315">
        <v>0</v>
      </c>
      <c r="CC37" s="312">
        <v>0</v>
      </c>
      <c r="CD37" s="314">
        <v>0</v>
      </c>
      <c r="CE37" s="315">
        <v>0</v>
      </c>
      <c r="CF37" s="315">
        <v>0</v>
      </c>
      <c r="CG37" s="315">
        <v>0</v>
      </c>
      <c r="CH37" s="315">
        <v>0</v>
      </c>
      <c r="CI37" s="315">
        <v>0</v>
      </c>
      <c r="CJ37" s="312">
        <v>0</v>
      </c>
      <c r="CK37" s="317">
        <v>0</v>
      </c>
      <c r="CL37" s="311">
        <v>0</v>
      </c>
      <c r="CM37" s="315">
        <v>0</v>
      </c>
      <c r="CN37" s="312">
        <v>0</v>
      </c>
      <c r="CO37" s="314">
        <v>0</v>
      </c>
      <c r="CP37" s="315">
        <v>0</v>
      </c>
      <c r="CQ37" s="315">
        <v>0</v>
      </c>
      <c r="CR37" s="315">
        <v>0</v>
      </c>
      <c r="CS37" s="315">
        <v>0</v>
      </c>
      <c r="CT37" s="315">
        <v>0</v>
      </c>
      <c r="CU37" s="312">
        <v>0</v>
      </c>
      <c r="CV37" s="317">
        <v>0</v>
      </c>
      <c r="CW37" s="311">
        <v>0</v>
      </c>
      <c r="CX37" s="315">
        <v>0</v>
      </c>
      <c r="CY37" s="312">
        <v>0</v>
      </c>
      <c r="CZ37" s="314">
        <v>0</v>
      </c>
      <c r="DA37" s="315">
        <v>0</v>
      </c>
      <c r="DB37" s="315">
        <v>0</v>
      </c>
      <c r="DC37" s="315">
        <v>0</v>
      </c>
      <c r="DD37" s="315">
        <v>0</v>
      </c>
      <c r="DE37" s="315">
        <v>0</v>
      </c>
      <c r="DF37" s="312">
        <v>0</v>
      </c>
      <c r="DG37" s="317">
        <v>0</v>
      </c>
      <c r="DH37" s="311">
        <v>0</v>
      </c>
      <c r="DI37" s="315">
        <v>0</v>
      </c>
      <c r="DJ37" s="312">
        <v>0</v>
      </c>
      <c r="DK37" s="314">
        <v>0</v>
      </c>
      <c r="DL37" s="315">
        <v>0</v>
      </c>
      <c r="DM37" s="315">
        <v>0</v>
      </c>
      <c r="DN37" s="315">
        <v>0</v>
      </c>
      <c r="DO37" s="315">
        <v>0</v>
      </c>
      <c r="DP37" s="315">
        <v>0</v>
      </c>
      <c r="DQ37" s="312">
        <v>0</v>
      </c>
      <c r="DR37" s="317">
        <v>0</v>
      </c>
      <c r="DS37" s="311">
        <v>2</v>
      </c>
      <c r="DT37" s="315">
        <v>1</v>
      </c>
      <c r="DU37" s="312">
        <v>3</v>
      </c>
      <c r="DV37" s="314">
        <v>0</v>
      </c>
      <c r="DW37" s="315">
        <v>4</v>
      </c>
      <c r="DX37" s="315">
        <v>7</v>
      </c>
      <c r="DY37" s="315">
        <v>5</v>
      </c>
      <c r="DZ37" s="315">
        <v>2</v>
      </c>
      <c r="EA37" s="315">
        <v>2</v>
      </c>
      <c r="EB37" s="312">
        <v>20</v>
      </c>
      <c r="EC37" s="317">
        <v>23</v>
      </c>
      <c r="ED37" s="311">
        <v>3</v>
      </c>
      <c r="EE37" s="315">
        <v>2</v>
      </c>
      <c r="EF37" s="312">
        <v>5</v>
      </c>
      <c r="EG37" s="314">
        <v>0</v>
      </c>
      <c r="EH37" s="315">
        <v>2</v>
      </c>
      <c r="EI37" s="315">
        <v>0</v>
      </c>
      <c r="EJ37" s="315">
        <v>2</v>
      </c>
      <c r="EK37" s="315">
        <v>3</v>
      </c>
      <c r="EL37" s="315">
        <v>0</v>
      </c>
      <c r="EM37" s="312">
        <v>7</v>
      </c>
      <c r="EN37" s="317">
        <v>12</v>
      </c>
      <c r="EO37" s="311">
        <v>2</v>
      </c>
      <c r="EP37" s="315">
        <v>2</v>
      </c>
      <c r="EQ37" s="312">
        <v>4</v>
      </c>
      <c r="ER37" s="314">
        <v>0</v>
      </c>
      <c r="ES37" s="315">
        <v>13</v>
      </c>
      <c r="ET37" s="315">
        <v>9</v>
      </c>
      <c r="EU37" s="315">
        <v>5</v>
      </c>
      <c r="EV37" s="315">
        <v>2</v>
      </c>
      <c r="EW37" s="315">
        <v>2</v>
      </c>
      <c r="EX37" s="312">
        <v>31</v>
      </c>
      <c r="EY37" s="317">
        <v>35</v>
      </c>
    </row>
    <row r="38" spans="1:155" ht="19.5" customHeight="1" x14ac:dyDescent="0.2">
      <c r="A38" s="296" t="s">
        <v>36</v>
      </c>
      <c r="B38" s="311">
        <v>0</v>
      </c>
      <c r="C38" s="315">
        <v>0</v>
      </c>
      <c r="D38" s="437">
        <v>0</v>
      </c>
      <c r="E38" s="314">
        <v>0</v>
      </c>
      <c r="F38" s="315">
        <v>2</v>
      </c>
      <c r="G38" s="315">
        <v>1</v>
      </c>
      <c r="H38" s="315">
        <v>0</v>
      </c>
      <c r="I38" s="315">
        <v>2</v>
      </c>
      <c r="J38" s="315">
        <v>0</v>
      </c>
      <c r="K38" s="316">
        <v>5</v>
      </c>
      <c r="L38" s="317">
        <v>5</v>
      </c>
      <c r="M38" s="311">
        <v>0</v>
      </c>
      <c r="N38" s="315">
        <v>0</v>
      </c>
      <c r="O38" s="312">
        <v>0</v>
      </c>
      <c r="P38" s="314">
        <v>0</v>
      </c>
      <c r="Q38" s="315">
        <v>0</v>
      </c>
      <c r="R38" s="315">
        <v>0</v>
      </c>
      <c r="S38" s="315">
        <v>0</v>
      </c>
      <c r="T38" s="315">
        <v>0</v>
      </c>
      <c r="U38" s="315">
        <v>0</v>
      </c>
      <c r="V38" s="312">
        <v>0</v>
      </c>
      <c r="W38" s="317">
        <v>0</v>
      </c>
      <c r="X38" s="311">
        <v>0</v>
      </c>
      <c r="Y38" s="315">
        <v>2</v>
      </c>
      <c r="Z38" s="312">
        <v>2</v>
      </c>
      <c r="AA38" s="314">
        <v>0</v>
      </c>
      <c r="AB38" s="315">
        <v>2</v>
      </c>
      <c r="AC38" s="315">
        <v>2</v>
      </c>
      <c r="AD38" s="315">
        <v>0</v>
      </c>
      <c r="AE38" s="315">
        <v>2</v>
      </c>
      <c r="AF38" s="315">
        <v>1</v>
      </c>
      <c r="AG38" s="312">
        <v>7</v>
      </c>
      <c r="AH38" s="317">
        <v>9</v>
      </c>
      <c r="AI38" s="311">
        <v>0</v>
      </c>
      <c r="AJ38" s="315">
        <v>0</v>
      </c>
      <c r="AK38" s="312">
        <v>0</v>
      </c>
      <c r="AL38" s="314">
        <v>0</v>
      </c>
      <c r="AM38" s="315">
        <v>0</v>
      </c>
      <c r="AN38" s="315">
        <v>0</v>
      </c>
      <c r="AO38" s="315">
        <v>0</v>
      </c>
      <c r="AP38" s="315">
        <v>1</v>
      </c>
      <c r="AQ38" s="315">
        <v>0</v>
      </c>
      <c r="AR38" s="312">
        <v>1</v>
      </c>
      <c r="AS38" s="317">
        <v>1</v>
      </c>
      <c r="AT38" s="311">
        <v>0</v>
      </c>
      <c r="AU38" s="315">
        <v>0</v>
      </c>
      <c r="AV38" s="312">
        <v>0</v>
      </c>
      <c r="AW38" s="314">
        <v>0</v>
      </c>
      <c r="AX38" s="315">
        <v>1</v>
      </c>
      <c r="AY38" s="315">
        <v>2</v>
      </c>
      <c r="AZ38" s="315">
        <v>4</v>
      </c>
      <c r="BA38" s="315">
        <v>6</v>
      </c>
      <c r="BB38" s="315">
        <v>0</v>
      </c>
      <c r="BC38" s="316">
        <v>13</v>
      </c>
      <c r="BD38" s="317">
        <v>13</v>
      </c>
      <c r="BE38" s="311">
        <v>0</v>
      </c>
      <c r="BF38" s="315">
        <v>0</v>
      </c>
      <c r="BG38" s="312">
        <v>0</v>
      </c>
      <c r="BH38" s="314">
        <v>0</v>
      </c>
      <c r="BI38" s="315">
        <v>3</v>
      </c>
      <c r="BJ38" s="315">
        <v>4</v>
      </c>
      <c r="BK38" s="315">
        <v>1</v>
      </c>
      <c r="BL38" s="315">
        <v>0</v>
      </c>
      <c r="BM38" s="315">
        <v>1</v>
      </c>
      <c r="BN38" s="312">
        <v>9</v>
      </c>
      <c r="BO38" s="317">
        <v>9</v>
      </c>
      <c r="BP38" s="311">
        <v>0</v>
      </c>
      <c r="BQ38" s="315">
        <v>1</v>
      </c>
      <c r="BR38" s="312">
        <v>1</v>
      </c>
      <c r="BS38" s="314">
        <v>0</v>
      </c>
      <c r="BT38" s="315">
        <v>1</v>
      </c>
      <c r="BU38" s="315">
        <v>0</v>
      </c>
      <c r="BV38" s="315">
        <v>0</v>
      </c>
      <c r="BW38" s="315">
        <v>0</v>
      </c>
      <c r="BX38" s="315">
        <v>0</v>
      </c>
      <c r="BY38" s="312">
        <v>1</v>
      </c>
      <c r="BZ38" s="317">
        <v>2</v>
      </c>
      <c r="CA38" s="311">
        <v>0</v>
      </c>
      <c r="CB38" s="315">
        <v>0</v>
      </c>
      <c r="CC38" s="312">
        <v>0</v>
      </c>
      <c r="CD38" s="314">
        <v>0</v>
      </c>
      <c r="CE38" s="315">
        <v>0</v>
      </c>
      <c r="CF38" s="315">
        <v>1</v>
      </c>
      <c r="CG38" s="315">
        <v>1</v>
      </c>
      <c r="CH38" s="315">
        <v>1</v>
      </c>
      <c r="CI38" s="315">
        <v>0</v>
      </c>
      <c r="CJ38" s="312">
        <v>3</v>
      </c>
      <c r="CK38" s="317">
        <v>3</v>
      </c>
      <c r="CL38" s="311">
        <v>0</v>
      </c>
      <c r="CM38" s="315">
        <v>0</v>
      </c>
      <c r="CN38" s="312">
        <v>0</v>
      </c>
      <c r="CO38" s="314">
        <v>0</v>
      </c>
      <c r="CP38" s="315">
        <v>0</v>
      </c>
      <c r="CQ38" s="315">
        <v>0</v>
      </c>
      <c r="CR38" s="315">
        <v>0</v>
      </c>
      <c r="CS38" s="315">
        <v>0</v>
      </c>
      <c r="CT38" s="315">
        <v>0</v>
      </c>
      <c r="CU38" s="312">
        <v>0</v>
      </c>
      <c r="CV38" s="317">
        <v>0</v>
      </c>
      <c r="CW38" s="311">
        <v>0</v>
      </c>
      <c r="CX38" s="315">
        <v>0</v>
      </c>
      <c r="CY38" s="312">
        <v>0</v>
      </c>
      <c r="CZ38" s="314">
        <v>0</v>
      </c>
      <c r="DA38" s="315">
        <v>0</v>
      </c>
      <c r="DB38" s="315">
        <v>0</v>
      </c>
      <c r="DC38" s="315">
        <v>0</v>
      </c>
      <c r="DD38" s="315">
        <v>0</v>
      </c>
      <c r="DE38" s="315">
        <v>0</v>
      </c>
      <c r="DF38" s="312">
        <v>0</v>
      </c>
      <c r="DG38" s="317">
        <v>0</v>
      </c>
      <c r="DH38" s="311">
        <v>0</v>
      </c>
      <c r="DI38" s="315">
        <v>0</v>
      </c>
      <c r="DJ38" s="312">
        <v>0</v>
      </c>
      <c r="DK38" s="314">
        <v>0</v>
      </c>
      <c r="DL38" s="315">
        <v>0</v>
      </c>
      <c r="DM38" s="315">
        <v>0</v>
      </c>
      <c r="DN38" s="315">
        <v>0</v>
      </c>
      <c r="DO38" s="315">
        <v>0</v>
      </c>
      <c r="DP38" s="315">
        <v>0</v>
      </c>
      <c r="DQ38" s="312">
        <v>0</v>
      </c>
      <c r="DR38" s="317">
        <v>0</v>
      </c>
      <c r="DS38" s="311">
        <v>0</v>
      </c>
      <c r="DT38" s="315">
        <v>2</v>
      </c>
      <c r="DU38" s="312">
        <v>2</v>
      </c>
      <c r="DV38" s="314">
        <v>0</v>
      </c>
      <c r="DW38" s="315">
        <v>4</v>
      </c>
      <c r="DX38" s="315">
        <v>7</v>
      </c>
      <c r="DY38" s="315">
        <v>2</v>
      </c>
      <c r="DZ38" s="315">
        <v>4</v>
      </c>
      <c r="EA38" s="315">
        <v>1</v>
      </c>
      <c r="EB38" s="312">
        <v>18</v>
      </c>
      <c r="EC38" s="317">
        <v>20</v>
      </c>
      <c r="ED38" s="311">
        <v>0</v>
      </c>
      <c r="EE38" s="315">
        <v>0</v>
      </c>
      <c r="EF38" s="312">
        <v>0</v>
      </c>
      <c r="EG38" s="314">
        <v>0</v>
      </c>
      <c r="EH38" s="315">
        <v>0</v>
      </c>
      <c r="EI38" s="315">
        <v>2</v>
      </c>
      <c r="EJ38" s="315">
        <v>2</v>
      </c>
      <c r="EK38" s="315">
        <v>3</v>
      </c>
      <c r="EL38" s="315">
        <v>0</v>
      </c>
      <c r="EM38" s="312">
        <v>7</v>
      </c>
      <c r="EN38" s="317">
        <v>7</v>
      </c>
      <c r="EO38" s="311">
        <v>0</v>
      </c>
      <c r="EP38" s="315">
        <v>4</v>
      </c>
      <c r="EQ38" s="312">
        <v>4</v>
      </c>
      <c r="ER38" s="314">
        <v>0</v>
      </c>
      <c r="ES38" s="315">
        <v>6</v>
      </c>
      <c r="ET38" s="315">
        <v>9</v>
      </c>
      <c r="EU38" s="315">
        <v>2</v>
      </c>
      <c r="EV38" s="315">
        <v>4</v>
      </c>
      <c r="EW38" s="315">
        <v>2</v>
      </c>
      <c r="EX38" s="312">
        <v>23</v>
      </c>
      <c r="EY38" s="317">
        <v>27</v>
      </c>
    </row>
    <row r="39" spans="1:155" ht="19.5" customHeight="1" thickBot="1" x14ac:dyDescent="0.25">
      <c r="A39" s="297" t="s">
        <v>37</v>
      </c>
      <c r="B39" s="318">
        <v>0</v>
      </c>
      <c r="C39" s="322">
        <v>0</v>
      </c>
      <c r="D39" s="438">
        <v>0</v>
      </c>
      <c r="E39" s="321">
        <v>0</v>
      </c>
      <c r="F39" s="322">
        <v>0</v>
      </c>
      <c r="G39" s="322">
        <v>0</v>
      </c>
      <c r="H39" s="322">
        <v>0</v>
      </c>
      <c r="I39" s="322">
        <v>0</v>
      </c>
      <c r="J39" s="322">
        <v>1</v>
      </c>
      <c r="K39" s="323">
        <v>1</v>
      </c>
      <c r="L39" s="324">
        <v>1</v>
      </c>
      <c r="M39" s="318">
        <v>0</v>
      </c>
      <c r="N39" s="322">
        <v>0</v>
      </c>
      <c r="O39" s="319">
        <v>0</v>
      </c>
      <c r="P39" s="321">
        <v>0</v>
      </c>
      <c r="Q39" s="322">
        <v>0</v>
      </c>
      <c r="R39" s="322">
        <v>0</v>
      </c>
      <c r="S39" s="322">
        <v>0</v>
      </c>
      <c r="T39" s="322">
        <v>0</v>
      </c>
      <c r="U39" s="322">
        <v>0</v>
      </c>
      <c r="V39" s="319">
        <v>0</v>
      </c>
      <c r="W39" s="324">
        <v>0</v>
      </c>
      <c r="X39" s="318">
        <v>0</v>
      </c>
      <c r="Y39" s="322">
        <v>0</v>
      </c>
      <c r="Z39" s="319">
        <v>0</v>
      </c>
      <c r="AA39" s="321">
        <v>0</v>
      </c>
      <c r="AB39" s="322">
        <v>0</v>
      </c>
      <c r="AC39" s="322">
        <v>0</v>
      </c>
      <c r="AD39" s="322">
        <v>0</v>
      </c>
      <c r="AE39" s="322">
        <v>0</v>
      </c>
      <c r="AF39" s="322">
        <v>1</v>
      </c>
      <c r="AG39" s="319">
        <v>1</v>
      </c>
      <c r="AH39" s="324">
        <v>1</v>
      </c>
      <c r="AI39" s="318">
        <v>0</v>
      </c>
      <c r="AJ39" s="322">
        <v>0</v>
      </c>
      <c r="AK39" s="319">
        <v>0</v>
      </c>
      <c r="AL39" s="321">
        <v>0</v>
      </c>
      <c r="AM39" s="322">
        <v>0</v>
      </c>
      <c r="AN39" s="322">
        <v>0</v>
      </c>
      <c r="AO39" s="322">
        <v>0</v>
      </c>
      <c r="AP39" s="322">
        <v>0</v>
      </c>
      <c r="AQ39" s="322">
        <v>0</v>
      </c>
      <c r="AR39" s="319">
        <v>0</v>
      </c>
      <c r="AS39" s="324">
        <v>0</v>
      </c>
      <c r="AT39" s="318">
        <v>0</v>
      </c>
      <c r="AU39" s="322">
        <v>0</v>
      </c>
      <c r="AV39" s="319">
        <v>0</v>
      </c>
      <c r="AW39" s="321">
        <v>0</v>
      </c>
      <c r="AX39" s="322">
        <v>0</v>
      </c>
      <c r="AY39" s="322">
        <v>0</v>
      </c>
      <c r="AZ39" s="322">
        <v>0</v>
      </c>
      <c r="BA39" s="322">
        <v>1</v>
      </c>
      <c r="BB39" s="322">
        <v>1</v>
      </c>
      <c r="BC39" s="323">
        <v>2</v>
      </c>
      <c r="BD39" s="324">
        <v>2</v>
      </c>
      <c r="BE39" s="318">
        <v>0</v>
      </c>
      <c r="BF39" s="322">
        <v>0</v>
      </c>
      <c r="BG39" s="319">
        <v>0</v>
      </c>
      <c r="BH39" s="321">
        <v>0</v>
      </c>
      <c r="BI39" s="322">
        <v>0</v>
      </c>
      <c r="BJ39" s="322">
        <v>0</v>
      </c>
      <c r="BK39" s="322">
        <v>0</v>
      </c>
      <c r="BL39" s="322">
        <v>1</v>
      </c>
      <c r="BM39" s="322">
        <v>0</v>
      </c>
      <c r="BN39" s="319">
        <v>1</v>
      </c>
      <c r="BO39" s="324">
        <v>1</v>
      </c>
      <c r="BP39" s="318">
        <v>0</v>
      </c>
      <c r="BQ39" s="322">
        <v>0</v>
      </c>
      <c r="BR39" s="319">
        <v>0</v>
      </c>
      <c r="BS39" s="321">
        <v>0</v>
      </c>
      <c r="BT39" s="322">
        <v>0</v>
      </c>
      <c r="BU39" s="322">
        <v>0</v>
      </c>
      <c r="BV39" s="322">
        <v>0</v>
      </c>
      <c r="BW39" s="322">
        <v>0</v>
      </c>
      <c r="BX39" s="322">
        <v>0</v>
      </c>
      <c r="BY39" s="319">
        <v>0</v>
      </c>
      <c r="BZ39" s="324">
        <v>0</v>
      </c>
      <c r="CA39" s="318">
        <v>0</v>
      </c>
      <c r="CB39" s="322">
        <v>0</v>
      </c>
      <c r="CC39" s="319">
        <v>0</v>
      </c>
      <c r="CD39" s="321">
        <v>0</v>
      </c>
      <c r="CE39" s="322">
        <v>0</v>
      </c>
      <c r="CF39" s="322">
        <v>0</v>
      </c>
      <c r="CG39" s="322">
        <v>0</v>
      </c>
      <c r="CH39" s="322">
        <v>0</v>
      </c>
      <c r="CI39" s="322">
        <v>0</v>
      </c>
      <c r="CJ39" s="319">
        <v>0</v>
      </c>
      <c r="CK39" s="324">
        <v>0</v>
      </c>
      <c r="CL39" s="318">
        <v>0</v>
      </c>
      <c r="CM39" s="322">
        <v>0</v>
      </c>
      <c r="CN39" s="319">
        <v>0</v>
      </c>
      <c r="CO39" s="321">
        <v>0</v>
      </c>
      <c r="CP39" s="322">
        <v>0</v>
      </c>
      <c r="CQ39" s="322">
        <v>0</v>
      </c>
      <c r="CR39" s="322">
        <v>0</v>
      </c>
      <c r="CS39" s="322">
        <v>1</v>
      </c>
      <c r="CT39" s="322">
        <v>0</v>
      </c>
      <c r="CU39" s="319">
        <v>1</v>
      </c>
      <c r="CV39" s="324">
        <v>1</v>
      </c>
      <c r="CW39" s="318">
        <v>0</v>
      </c>
      <c r="CX39" s="322">
        <v>0</v>
      </c>
      <c r="CY39" s="319">
        <v>0</v>
      </c>
      <c r="CZ39" s="321">
        <v>0</v>
      </c>
      <c r="DA39" s="322">
        <v>0</v>
      </c>
      <c r="DB39" s="322">
        <v>0</v>
      </c>
      <c r="DC39" s="322">
        <v>0</v>
      </c>
      <c r="DD39" s="322">
        <v>0</v>
      </c>
      <c r="DE39" s="322">
        <v>0</v>
      </c>
      <c r="DF39" s="319">
        <v>0</v>
      </c>
      <c r="DG39" s="324">
        <v>0</v>
      </c>
      <c r="DH39" s="318">
        <v>0</v>
      </c>
      <c r="DI39" s="322">
        <v>0</v>
      </c>
      <c r="DJ39" s="319">
        <v>0</v>
      </c>
      <c r="DK39" s="321">
        <v>0</v>
      </c>
      <c r="DL39" s="322">
        <v>0</v>
      </c>
      <c r="DM39" s="322">
        <v>0</v>
      </c>
      <c r="DN39" s="322">
        <v>0</v>
      </c>
      <c r="DO39" s="322">
        <v>0</v>
      </c>
      <c r="DP39" s="322">
        <v>0</v>
      </c>
      <c r="DQ39" s="319">
        <v>0</v>
      </c>
      <c r="DR39" s="324">
        <v>0</v>
      </c>
      <c r="DS39" s="318">
        <v>0</v>
      </c>
      <c r="DT39" s="322">
        <v>0</v>
      </c>
      <c r="DU39" s="319">
        <v>0</v>
      </c>
      <c r="DV39" s="321">
        <v>0</v>
      </c>
      <c r="DW39" s="322">
        <v>0</v>
      </c>
      <c r="DX39" s="322">
        <v>0</v>
      </c>
      <c r="DY39" s="322">
        <v>0</v>
      </c>
      <c r="DZ39" s="322">
        <v>1</v>
      </c>
      <c r="EA39" s="322">
        <v>1</v>
      </c>
      <c r="EB39" s="319">
        <v>2</v>
      </c>
      <c r="EC39" s="324">
        <v>2</v>
      </c>
      <c r="ED39" s="318">
        <v>0</v>
      </c>
      <c r="EE39" s="322">
        <v>0</v>
      </c>
      <c r="EF39" s="319">
        <v>0</v>
      </c>
      <c r="EG39" s="321">
        <v>0</v>
      </c>
      <c r="EH39" s="322">
        <v>0</v>
      </c>
      <c r="EI39" s="322">
        <v>0</v>
      </c>
      <c r="EJ39" s="322">
        <v>0</v>
      </c>
      <c r="EK39" s="322">
        <v>1</v>
      </c>
      <c r="EL39" s="322">
        <v>0</v>
      </c>
      <c r="EM39" s="319">
        <v>1</v>
      </c>
      <c r="EN39" s="324">
        <v>1</v>
      </c>
      <c r="EO39" s="318">
        <v>0</v>
      </c>
      <c r="EP39" s="322">
        <v>0</v>
      </c>
      <c r="EQ39" s="319">
        <v>0</v>
      </c>
      <c r="ER39" s="321">
        <v>0</v>
      </c>
      <c r="ES39" s="322">
        <v>0</v>
      </c>
      <c r="ET39" s="322">
        <v>0</v>
      </c>
      <c r="EU39" s="322">
        <v>0</v>
      </c>
      <c r="EV39" s="322">
        <v>1</v>
      </c>
      <c r="EW39" s="322">
        <v>1</v>
      </c>
      <c r="EX39" s="319">
        <v>2</v>
      </c>
      <c r="EY39" s="324">
        <v>2</v>
      </c>
    </row>
  </sheetData>
  <mergeCells count="59">
    <mergeCell ref="CL3:CV3"/>
    <mergeCell ref="H1:I1"/>
    <mergeCell ref="K1:L1"/>
    <mergeCell ref="A3:A5"/>
    <mergeCell ref="B3:L3"/>
    <mergeCell ref="M3:W3"/>
    <mergeCell ref="X3:AH3"/>
    <mergeCell ref="W4:W5"/>
    <mergeCell ref="X4:Z4"/>
    <mergeCell ref="AA4:AG4"/>
    <mergeCell ref="AH4:AH5"/>
    <mergeCell ref="AI3:AS3"/>
    <mergeCell ref="AT3:BD3"/>
    <mergeCell ref="BE3:BO3"/>
    <mergeCell ref="BP3:BZ3"/>
    <mergeCell ref="CA3:CK3"/>
    <mergeCell ref="B4:D4"/>
    <mergeCell ref="E4:K4"/>
    <mergeCell ref="L4:L5"/>
    <mergeCell ref="M4:O4"/>
    <mergeCell ref="P4:V4"/>
    <mergeCell ref="CW3:DG3"/>
    <mergeCell ref="DH3:DR3"/>
    <mergeCell ref="DS3:EC3"/>
    <mergeCell ref="ED3:EN3"/>
    <mergeCell ref="EO3:EY3"/>
    <mergeCell ref="BZ4:BZ5"/>
    <mergeCell ref="AI4:AK4"/>
    <mergeCell ref="AL4:AR4"/>
    <mergeCell ref="AS4:AS5"/>
    <mergeCell ref="AT4:AV4"/>
    <mergeCell ref="AW4:BC4"/>
    <mergeCell ref="BD4:BD5"/>
    <mergeCell ref="BE4:BG4"/>
    <mergeCell ref="BH4:BN4"/>
    <mergeCell ref="BO4:BO5"/>
    <mergeCell ref="BP4:BR4"/>
    <mergeCell ref="BS4:BY4"/>
    <mergeCell ref="DR4:DR5"/>
    <mergeCell ref="CA4:CC4"/>
    <mergeCell ref="CD4:CJ4"/>
    <mergeCell ref="CK4:CK5"/>
    <mergeCell ref="CL4:CN4"/>
    <mergeCell ref="CO4:CU4"/>
    <mergeCell ref="CV4:CV5"/>
    <mergeCell ref="CW4:CY4"/>
    <mergeCell ref="CZ4:DF4"/>
    <mergeCell ref="DG4:DG5"/>
    <mergeCell ref="DH4:DJ4"/>
    <mergeCell ref="DK4:DQ4"/>
    <mergeCell ref="EO4:EQ4"/>
    <mergeCell ref="ER4:EX4"/>
    <mergeCell ref="EY4:EY5"/>
    <mergeCell ref="DS4:DU4"/>
    <mergeCell ref="DV4:EB4"/>
    <mergeCell ref="EC4:EC5"/>
    <mergeCell ref="ED4:EF4"/>
    <mergeCell ref="EG4:EM4"/>
    <mergeCell ref="EN4:EN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3" max="1048575" man="1"/>
    <brk id="45" max="1048575" man="1"/>
    <brk id="67" max="1048575" man="1"/>
    <brk id="89" max="1048575" man="1"/>
    <brk id="122" max="1048575" man="1"/>
    <brk id="144"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G40"/>
  <sheetViews>
    <sheetView zoomScaleNormal="100" workbookViewId="0">
      <pane xSplit="1" ySplit="6" topLeftCell="B7" activePane="bottomRight" state="frozen"/>
      <selection pane="topRight" activeCell="B1" sqref="B1"/>
      <selection pane="bottomLeft" activeCell="A7" sqref="A7"/>
      <selection pane="bottomRight"/>
    </sheetView>
  </sheetViews>
  <sheetFormatPr defaultColWidth="9" defaultRowHeight="13.2" x14ac:dyDescent="0.2"/>
  <cols>
    <col min="1" max="4" width="9" style="290"/>
    <col min="5" max="5" width="7.77734375" style="290" customWidth="1"/>
    <col min="6" max="6" width="9" style="290"/>
    <col min="7" max="7" width="10.6640625" style="290" customWidth="1"/>
    <col min="8" max="15" width="9" style="290"/>
    <col min="16" max="16" width="7.77734375" style="290" customWidth="1"/>
    <col min="17" max="26" width="9" style="290"/>
    <col min="27" max="27" width="6.88671875" style="290" customWidth="1"/>
    <col min="28" max="37" width="9" style="290"/>
    <col min="38" max="38" width="7.21875" style="290" customWidth="1"/>
    <col min="39" max="48" width="9" style="290"/>
    <col min="49" max="49" width="7.44140625" style="290" customWidth="1"/>
    <col min="50" max="59" width="9" style="290"/>
    <col min="60" max="60" width="7.6640625" style="290" customWidth="1"/>
    <col min="61" max="70" width="9" style="290"/>
    <col min="71" max="71" width="7.88671875" style="290" customWidth="1"/>
    <col min="72" max="81" width="9" style="290"/>
    <col min="82" max="82" width="7" style="290" customWidth="1"/>
    <col min="83" max="92" width="9" style="290"/>
    <col min="93" max="93" width="7.6640625" style="290" customWidth="1"/>
    <col min="94" max="16384" width="9" style="290"/>
  </cols>
  <sheetData>
    <row r="1" spans="1:111" ht="19.5" customHeight="1" x14ac:dyDescent="0.2">
      <c r="A1" s="325" t="s">
        <v>123</v>
      </c>
      <c r="I1" s="522">
        <f>第１表!F2</f>
        <v>4</v>
      </c>
      <c r="J1" s="522"/>
      <c r="K1" s="282">
        <f>第１表!G2</f>
        <v>3</v>
      </c>
      <c r="L1" s="523">
        <f>IF(K1&lt;3,K1+12-2,K1-2)</f>
        <v>1</v>
      </c>
      <c r="M1" s="523"/>
    </row>
    <row r="2" spans="1:111" ht="17.25" customHeight="1" thickBot="1" x14ac:dyDescent="0.25">
      <c r="A2" s="325" t="s">
        <v>139</v>
      </c>
    </row>
    <row r="3" spans="1:111" ht="13.8" thickBot="1" x14ac:dyDescent="0.25">
      <c r="A3" s="543"/>
      <c r="B3" s="546" t="s">
        <v>112</v>
      </c>
      <c r="C3" s="546"/>
      <c r="D3" s="546"/>
      <c r="E3" s="546"/>
      <c r="F3" s="546"/>
      <c r="G3" s="546"/>
      <c r="H3" s="546"/>
      <c r="I3" s="546"/>
      <c r="J3" s="546"/>
      <c r="K3" s="546"/>
      <c r="L3" s="547"/>
      <c r="M3" s="541" t="s">
        <v>111</v>
      </c>
      <c r="N3" s="541"/>
      <c r="O3" s="541"/>
      <c r="P3" s="541"/>
      <c r="Q3" s="541"/>
      <c r="R3" s="541"/>
      <c r="S3" s="541"/>
      <c r="T3" s="541"/>
      <c r="U3" s="541"/>
      <c r="V3" s="541"/>
      <c r="W3" s="542"/>
      <c r="X3" s="540" t="s">
        <v>110</v>
      </c>
      <c r="Y3" s="541"/>
      <c r="Z3" s="541"/>
      <c r="AA3" s="541"/>
      <c r="AB3" s="541"/>
      <c r="AC3" s="541"/>
      <c r="AD3" s="541"/>
      <c r="AE3" s="541"/>
      <c r="AF3" s="541"/>
      <c r="AG3" s="541"/>
      <c r="AH3" s="542"/>
      <c r="AI3" s="540" t="s">
        <v>109</v>
      </c>
      <c r="AJ3" s="541"/>
      <c r="AK3" s="541"/>
      <c r="AL3" s="541"/>
      <c r="AM3" s="541"/>
      <c r="AN3" s="541"/>
      <c r="AO3" s="541"/>
      <c r="AP3" s="541"/>
      <c r="AQ3" s="541"/>
      <c r="AR3" s="541"/>
      <c r="AS3" s="542"/>
      <c r="AT3" s="540" t="s">
        <v>108</v>
      </c>
      <c r="AU3" s="541"/>
      <c r="AV3" s="541"/>
      <c r="AW3" s="541"/>
      <c r="AX3" s="541"/>
      <c r="AY3" s="541"/>
      <c r="AZ3" s="541"/>
      <c r="BA3" s="541"/>
      <c r="BB3" s="541"/>
      <c r="BC3" s="541"/>
      <c r="BD3" s="542"/>
      <c r="BE3" s="540" t="s">
        <v>107</v>
      </c>
      <c r="BF3" s="541"/>
      <c r="BG3" s="541"/>
      <c r="BH3" s="541"/>
      <c r="BI3" s="541"/>
      <c r="BJ3" s="541"/>
      <c r="BK3" s="541"/>
      <c r="BL3" s="541"/>
      <c r="BM3" s="541"/>
      <c r="BN3" s="541"/>
      <c r="BO3" s="542"/>
      <c r="BP3" s="540" t="s">
        <v>106</v>
      </c>
      <c r="BQ3" s="541"/>
      <c r="BR3" s="541"/>
      <c r="BS3" s="541"/>
      <c r="BT3" s="541"/>
      <c r="BU3" s="541"/>
      <c r="BV3" s="541"/>
      <c r="BW3" s="541"/>
      <c r="BX3" s="541"/>
      <c r="BY3" s="541"/>
      <c r="BZ3" s="542"/>
      <c r="CA3" s="540" t="s">
        <v>128</v>
      </c>
      <c r="CB3" s="541"/>
      <c r="CC3" s="541"/>
      <c r="CD3" s="541"/>
      <c r="CE3" s="541"/>
      <c r="CF3" s="541"/>
      <c r="CG3" s="541"/>
      <c r="CH3" s="541"/>
      <c r="CI3" s="541"/>
      <c r="CJ3" s="541"/>
      <c r="CK3" s="542"/>
      <c r="CL3" s="540" t="s">
        <v>105</v>
      </c>
      <c r="CM3" s="541"/>
      <c r="CN3" s="541"/>
      <c r="CO3" s="541"/>
      <c r="CP3" s="541"/>
      <c r="CQ3" s="541"/>
      <c r="CR3" s="541"/>
      <c r="CS3" s="541"/>
      <c r="CT3" s="541"/>
      <c r="CU3" s="541"/>
      <c r="CV3" s="542"/>
      <c r="CW3" s="540" t="s">
        <v>160</v>
      </c>
      <c r="CX3" s="541"/>
      <c r="CY3" s="541"/>
      <c r="CZ3" s="541"/>
      <c r="DA3" s="541"/>
      <c r="DB3" s="541"/>
      <c r="DC3" s="541"/>
      <c r="DD3" s="541"/>
      <c r="DE3" s="541"/>
      <c r="DF3" s="541"/>
      <c r="DG3" s="542"/>
    </row>
    <row r="4" spans="1:111" x14ac:dyDescent="0.2">
      <c r="A4" s="544"/>
      <c r="B4" s="548" t="s">
        <v>61</v>
      </c>
      <c r="C4" s="527"/>
      <c r="D4" s="528"/>
      <c r="E4" s="529" t="s">
        <v>62</v>
      </c>
      <c r="F4" s="527"/>
      <c r="G4" s="527"/>
      <c r="H4" s="527"/>
      <c r="I4" s="527"/>
      <c r="J4" s="527"/>
      <c r="K4" s="530"/>
      <c r="L4" s="524" t="s">
        <v>52</v>
      </c>
      <c r="M4" s="548" t="s">
        <v>61</v>
      </c>
      <c r="N4" s="527"/>
      <c r="O4" s="528"/>
      <c r="P4" s="529" t="s">
        <v>62</v>
      </c>
      <c r="Q4" s="527"/>
      <c r="R4" s="527"/>
      <c r="S4" s="527"/>
      <c r="T4" s="527"/>
      <c r="U4" s="527"/>
      <c r="V4" s="528"/>
      <c r="W4" s="524" t="s">
        <v>52</v>
      </c>
      <c r="X4" s="526" t="s">
        <v>61</v>
      </c>
      <c r="Y4" s="527"/>
      <c r="Z4" s="530"/>
      <c r="AA4" s="529" t="s">
        <v>62</v>
      </c>
      <c r="AB4" s="527"/>
      <c r="AC4" s="527"/>
      <c r="AD4" s="527"/>
      <c r="AE4" s="527"/>
      <c r="AF4" s="527"/>
      <c r="AG4" s="528"/>
      <c r="AH4" s="524" t="s">
        <v>52</v>
      </c>
      <c r="AI4" s="526" t="s">
        <v>61</v>
      </c>
      <c r="AJ4" s="527"/>
      <c r="AK4" s="528"/>
      <c r="AL4" s="529" t="s">
        <v>62</v>
      </c>
      <c r="AM4" s="527"/>
      <c r="AN4" s="527"/>
      <c r="AO4" s="527"/>
      <c r="AP4" s="527"/>
      <c r="AQ4" s="527"/>
      <c r="AR4" s="528"/>
      <c r="AS4" s="524" t="s">
        <v>52</v>
      </c>
      <c r="AT4" s="526" t="s">
        <v>61</v>
      </c>
      <c r="AU4" s="527"/>
      <c r="AV4" s="530"/>
      <c r="AW4" s="529" t="s">
        <v>62</v>
      </c>
      <c r="AX4" s="527"/>
      <c r="AY4" s="527"/>
      <c r="AZ4" s="527"/>
      <c r="BA4" s="527"/>
      <c r="BB4" s="527"/>
      <c r="BC4" s="530"/>
      <c r="BD4" s="524" t="s">
        <v>52</v>
      </c>
      <c r="BE4" s="526" t="s">
        <v>61</v>
      </c>
      <c r="BF4" s="527"/>
      <c r="BG4" s="528"/>
      <c r="BH4" s="529" t="s">
        <v>62</v>
      </c>
      <c r="BI4" s="527"/>
      <c r="BJ4" s="527"/>
      <c r="BK4" s="527"/>
      <c r="BL4" s="527"/>
      <c r="BM4" s="527"/>
      <c r="BN4" s="528"/>
      <c r="BO4" s="524" t="s">
        <v>52</v>
      </c>
      <c r="BP4" s="526" t="s">
        <v>61</v>
      </c>
      <c r="BQ4" s="527"/>
      <c r="BR4" s="528"/>
      <c r="BS4" s="529" t="s">
        <v>62</v>
      </c>
      <c r="BT4" s="527"/>
      <c r="BU4" s="527"/>
      <c r="BV4" s="527"/>
      <c r="BW4" s="527"/>
      <c r="BX4" s="527"/>
      <c r="BY4" s="528"/>
      <c r="BZ4" s="524" t="s">
        <v>52</v>
      </c>
      <c r="CA4" s="526" t="s">
        <v>61</v>
      </c>
      <c r="CB4" s="527"/>
      <c r="CC4" s="528"/>
      <c r="CD4" s="529" t="s">
        <v>62</v>
      </c>
      <c r="CE4" s="527"/>
      <c r="CF4" s="527"/>
      <c r="CG4" s="527"/>
      <c r="CH4" s="527"/>
      <c r="CI4" s="527"/>
      <c r="CJ4" s="528"/>
      <c r="CK4" s="524" t="s">
        <v>52</v>
      </c>
      <c r="CL4" s="526" t="s">
        <v>61</v>
      </c>
      <c r="CM4" s="527"/>
      <c r="CN4" s="528"/>
      <c r="CO4" s="529" t="s">
        <v>62</v>
      </c>
      <c r="CP4" s="527"/>
      <c r="CQ4" s="527"/>
      <c r="CR4" s="527"/>
      <c r="CS4" s="527"/>
      <c r="CT4" s="527"/>
      <c r="CU4" s="528"/>
      <c r="CV4" s="524" t="s">
        <v>52</v>
      </c>
      <c r="CW4" s="526" t="s">
        <v>61</v>
      </c>
      <c r="CX4" s="527"/>
      <c r="CY4" s="528"/>
      <c r="CZ4" s="529" t="s">
        <v>62</v>
      </c>
      <c r="DA4" s="527"/>
      <c r="DB4" s="527"/>
      <c r="DC4" s="527"/>
      <c r="DD4" s="527"/>
      <c r="DE4" s="527"/>
      <c r="DF4" s="528"/>
      <c r="DG4" s="524" t="s">
        <v>52</v>
      </c>
    </row>
    <row r="5" spans="1:111" ht="28.5" customHeight="1" thickBot="1" x14ac:dyDescent="0.25">
      <c r="A5" s="545"/>
      <c r="B5" s="299" t="s">
        <v>43</v>
      </c>
      <c r="C5" s="294" t="s">
        <v>44</v>
      </c>
      <c r="D5" s="435" t="s">
        <v>45</v>
      </c>
      <c r="E5" s="302" t="s">
        <v>83</v>
      </c>
      <c r="F5" s="294" t="s">
        <v>47</v>
      </c>
      <c r="G5" s="294" t="s">
        <v>48</v>
      </c>
      <c r="H5" s="294" t="s">
        <v>49</v>
      </c>
      <c r="I5" s="294" t="s">
        <v>50</v>
      </c>
      <c r="J5" s="294" t="s">
        <v>51</v>
      </c>
      <c r="K5" s="303" t="s">
        <v>45</v>
      </c>
      <c r="L5" s="525"/>
      <c r="M5" s="299" t="s">
        <v>43</v>
      </c>
      <c r="N5" s="294" t="s">
        <v>44</v>
      </c>
      <c r="O5" s="300" t="s">
        <v>45</v>
      </c>
      <c r="P5" s="302" t="s">
        <v>83</v>
      </c>
      <c r="Q5" s="294" t="s">
        <v>47</v>
      </c>
      <c r="R5" s="294" t="s">
        <v>48</v>
      </c>
      <c r="S5" s="294" t="s">
        <v>49</v>
      </c>
      <c r="T5" s="294" t="s">
        <v>50</v>
      </c>
      <c r="U5" s="294" t="s">
        <v>51</v>
      </c>
      <c r="V5" s="300" t="s">
        <v>45</v>
      </c>
      <c r="W5" s="525"/>
      <c r="X5" s="346" t="s">
        <v>43</v>
      </c>
      <c r="Y5" s="294" t="s">
        <v>44</v>
      </c>
      <c r="Z5" s="303" t="s">
        <v>45</v>
      </c>
      <c r="AA5" s="302" t="s">
        <v>83</v>
      </c>
      <c r="AB5" s="294" t="s">
        <v>47</v>
      </c>
      <c r="AC5" s="294" t="s">
        <v>48</v>
      </c>
      <c r="AD5" s="294" t="s">
        <v>49</v>
      </c>
      <c r="AE5" s="294" t="s">
        <v>50</v>
      </c>
      <c r="AF5" s="294" t="s">
        <v>51</v>
      </c>
      <c r="AG5" s="300" t="s">
        <v>45</v>
      </c>
      <c r="AH5" s="525"/>
      <c r="AI5" s="298" t="s">
        <v>43</v>
      </c>
      <c r="AJ5" s="294" t="s">
        <v>44</v>
      </c>
      <c r="AK5" s="300" t="s">
        <v>45</v>
      </c>
      <c r="AL5" s="302" t="s">
        <v>83</v>
      </c>
      <c r="AM5" s="294" t="s">
        <v>47</v>
      </c>
      <c r="AN5" s="294" t="s">
        <v>48</v>
      </c>
      <c r="AO5" s="294" t="s">
        <v>49</v>
      </c>
      <c r="AP5" s="294" t="s">
        <v>50</v>
      </c>
      <c r="AQ5" s="294" t="s">
        <v>51</v>
      </c>
      <c r="AR5" s="300" t="s">
        <v>45</v>
      </c>
      <c r="AS5" s="525"/>
      <c r="AT5" s="346" t="s">
        <v>43</v>
      </c>
      <c r="AU5" s="294" t="s">
        <v>44</v>
      </c>
      <c r="AV5" s="303" t="s">
        <v>45</v>
      </c>
      <c r="AW5" s="302" t="s">
        <v>83</v>
      </c>
      <c r="AX5" s="294" t="s">
        <v>47</v>
      </c>
      <c r="AY5" s="294" t="s">
        <v>48</v>
      </c>
      <c r="AZ5" s="294" t="s">
        <v>49</v>
      </c>
      <c r="BA5" s="294" t="s">
        <v>50</v>
      </c>
      <c r="BB5" s="294" t="s">
        <v>51</v>
      </c>
      <c r="BC5" s="303" t="s">
        <v>45</v>
      </c>
      <c r="BD5" s="525"/>
      <c r="BE5" s="346" t="s">
        <v>43</v>
      </c>
      <c r="BF5" s="294" t="s">
        <v>44</v>
      </c>
      <c r="BG5" s="300" t="s">
        <v>45</v>
      </c>
      <c r="BH5" s="302" t="s">
        <v>83</v>
      </c>
      <c r="BI5" s="294" t="s">
        <v>47</v>
      </c>
      <c r="BJ5" s="294" t="s">
        <v>48</v>
      </c>
      <c r="BK5" s="294" t="s">
        <v>49</v>
      </c>
      <c r="BL5" s="294" t="s">
        <v>50</v>
      </c>
      <c r="BM5" s="294" t="s">
        <v>51</v>
      </c>
      <c r="BN5" s="300" t="s">
        <v>45</v>
      </c>
      <c r="BO5" s="525"/>
      <c r="BP5" s="346" t="s">
        <v>43</v>
      </c>
      <c r="BQ5" s="294" t="s">
        <v>44</v>
      </c>
      <c r="BR5" s="300" t="s">
        <v>45</v>
      </c>
      <c r="BS5" s="302" t="s">
        <v>83</v>
      </c>
      <c r="BT5" s="294" t="s">
        <v>47</v>
      </c>
      <c r="BU5" s="294" t="s">
        <v>48</v>
      </c>
      <c r="BV5" s="294" t="s">
        <v>49</v>
      </c>
      <c r="BW5" s="294" t="s">
        <v>50</v>
      </c>
      <c r="BX5" s="294" t="s">
        <v>51</v>
      </c>
      <c r="BY5" s="300" t="s">
        <v>45</v>
      </c>
      <c r="BZ5" s="525"/>
      <c r="CA5" s="346" t="s">
        <v>43</v>
      </c>
      <c r="CB5" s="294" t="s">
        <v>44</v>
      </c>
      <c r="CC5" s="300" t="s">
        <v>45</v>
      </c>
      <c r="CD5" s="302" t="s">
        <v>83</v>
      </c>
      <c r="CE5" s="294" t="s">
        <v>47</v>
      </c>
      <c r="CF5" s="294" t="s">
        <v>48</v>
      </c>
      <c r="CG5" s="294" t="s">
        <v>49</v>
      </c>
      <c r="CH5" s="294" t="s">
        <v>50</v>
      </c>
      <c r="CI5" s="294" t="s">
        <v>51</v>
      </c>
      <c r="CJ5" s="300" t="s">
        <v>45</v>
      </c>
      <c r="CK5" s="525"/>
      <c r="CL5" s="346" t="s">
        <v>43</v>
      </c>
      <c r="CM5" s="294" t="s">
        <v>44</v>
      </c>
      <c r="CN5" s="300" t="s">
        <v>45</v>
      </c>
      <c r="CO5" s="302" t="s">
        <v>83</v>
      </c>
      <c r="CP5" s="294" t="s">
        <v>47</v>
      </c>
      <c r="CQ5" s="294" t="s">
        <v>48</v>
      </c>
      <c r="CR5" s="294" t="s">
        <v>49</v>
      </c>
      <c r="CS5" s="294" t="s">
        <v>50</v>
      </c>
      <c r="CT5" s="294" t="s">
        <v>51</v>
      </c>
      <c r="CU5" s="300" t="s">
        <v>45</v>
      </c>
      <c r="CV5" s="525"/>
      <c r="CW5" s="409" t="s">
        <v>43</v>
      </c>
      <c r="CX5" s="294" t="s">
        <v>44</v>
      </c>
      <c r="CY5" s="300" t="s">
        <v>45</v>
      </c>
      <c r="CZ5" s="302" t="s">
        <v>83</v>
      </c>
      <c r="DA5" s="294" t="s">
        <v>47</v>
      </c>
      <c r="DB5" s="294" t="s">
        <v>48</v>
      </c>
      <c r="DC5" s="294" t="s">
        <v>49</v>
      </c>
      <c r="DD5" s="294" t="s">
        <v>50</v>
      </c>
      <c r="DE5" s="294" t="s">
        <v>51</v>
      </c>
      <c r="DF5" s="300" t="s">
        <v>45</v>
      </c>
      <c r="DG5" s="525"/>
    </row>
    <row r="6" spans="1:111" ht="18.75" customHeight="1" x14ac:dyDescent="0.2">
      <c r="A6" s="295" t="s">
        <v>4</v>
      </c>
      <c r="B6" s="304">
        <v>3</v>
      </c>
      <c r="C6" s="308">
        <v>0</v>
      </c>
      <c r="D6" s="436">
        <v>3</v>
      </c>
      <c r="E6" s="307">
        <v>0</v>
      </c>
      <c r="F6" s="308">
        <v>200574</v>
      </c>
      <c r="G6" s="308">
        <v>314399</v>
      </c>
      <c r="H6" s="308">
        <v>322879</v>
      </c>
      <c r="I6" s="308">
        <v>384116</v>
      </c>
      <c r="J6" s="308">
        <v>371828</v>
      </c>
      <c r="K6" s="309">
        <v>1593796</v>
      </c>
      <c r="L6" s="310">
        <v>1593799</v>
      </c>
      <c r="M6" s="304">
        <v>5</v>
      </c>
      <c r="N6" s="308">
        <v>142</v>
      </c>
      <c r="O6" s="305">
        <v>147</v>
      </c>
      <c r="P6" s="307">
        <v>0</v>
      </c>
      <c r="Q6" s="308">
        <v>462</v>
      </c>
      <c r="R6" s="308">
        <v>2032</v>
      </c>
      <c r="S6" s="308">
        <v>3405</v>
      </c>
      <c r="T6" s="308">
        <v>8528</v>
      </c>
      <c r="U6" s="308">
        <v>17159</v>
      </c>
      <c r="V6" s="305">
        <v>31586</v>
      </c>
      <c r="W6" s="310">
        <v>31733</v>
      </c>
      <c r="X6" s="304">
        <v>11053</v>
      </c>
      <c r="Y6" s="308">
        <v>37048</v>
      </c>
      <c r="Z6" s="305">
        <v>48101</v>
      </c>
      <c r="AA6" s="307">
        <v>0</v>
      </c>
      <c r="AB6" s="308">
        <v>86040</v>
      </c>
      <c r="AC6" s="308">
        <v>138448</v>
      </c>
      <c r="AD6" s="308">
        <v>86411</v>
      </c>
      <c r="AE6" s="308">
        <v>81714</v>
      </c>
      <c r="AF6" s="308">
        <v>68768</v>
      </c>
      <c r="AG6" s="305">
        <v>461381</v>
      </c>
      <c r="AH6" s="310">
        <v>509482</v>
      </c>
      <c r="AI6" s="304">
        <v>1914</v>
      </c>
      <c r="AJ6" s="308">
        <v>7065</v>
      </c>
      <c r="AK6" s="305">
        <v>8979</v>
      </c>
      <c r="AL6" s="307">
        <v>0</v>
      </c>
      <c r="AM6" s="308">
        <v>10376</v>
      </c>
      <c r="AN6" s="308">
        <v>17550</v>
      </c>
      <c r="AO6" s="308">
        <v>11986</v>
      </c>
      <c r="AP6" s="308">
        <v>10826</v>
      </c>
      <c r="AQ6" s="308">
        <v>7177</v>
      </c>
      <c r="AR6" s="305">
        <v>57915</v>
      </c>
      <c r="AS6" s="310">
        <v>66894</v>
      </c>
      <c r="AT6" s="304">
        <v>0</v>
      </c>
      <c r="AU6" s="308">
        <v>0</v>
      </c>
      <c r="AV6" s="305">
        <v>0</v>
      </c>
      <c r="AW6" s="307">
        <v>0</v>
      </c>
      <c r="AX6" s="308">
        <v>165222</v>
      </c>
      <c r="AY6" s="308">
        <v>167764</v>
      </c>
      <c r="AZ6" s="308">
        <v>105211</v>
      </c>
      <c r="BA6" s="308">
        <v>60747</v>
      </c>
      <c r="BB6" s="308">
        <v>29495</v>
      </c>
      <c r="BC6" s="309">
        <v>528439</v>
      </c>
      <c r="BD6" s="310">
        <v>528439</v>
      </c>
      <c r="BE6" s="304">
        <v>0</v>
      </c>
      <c r="BF6" s="308">
        <v>0</v>
      </c>
      <c r="BG6" s="305">
        <v>0</v>
      </c>
      <c r="BH6" s="307">
        <v>0</v>
      </c>
      <c r="BI6" s="308">
        <v>26826</v>
      </c>
      <c r="BJ6" s="308">
        <v>42006</v>
      </c>
      <c r="BK6" s="308">
        <v>24668</v>
      </c>
      <c r="BL6" s="308">
        <v>16490</v>
      </c>
      <c r="BM6" s="308">
        <v>5575</v>
      </c>
      <c r="BN6" s="305">
        <v>115565</v>
      </c>
      <c r="BO6" s="310">
        <v>115565</v>
      </c>
      <c r="BP6" s="304">
        <v>237</v>
      </c>
      <c r="BQ6" s="308">
        <v>1358</v>
      </c>
      <c r="BR6" s="305">
        <v>1595</v>
      </c>
      <c r="BS6" s="307">
        <v>0</v>
      </c>
      <c r="BT6" s="308">
        <v>15748</v>
      </c>
      <c r="BU6" s="308">
        <v>31225</v>
      </c>
      <c r="BV6" s="308">
        <v>54222</v>
      </c>
      <c r="BW6" s="308">
        <v>40346</v>
      </c>
      <c r="BX6" s="308">
        <v>20361</v>
      </c>
      <c r="BY6" s="305">
        <v>161902</v>
      </c>
      <c r="BZ6" s="310">
        <v>163497</v>
      </c>
      <c r="CA6" s="304">
        <v>17</v>
      </c>
      <c r="CB6" s="308">
        <v>114</v>
      </c>
      <c r="CC6" s="305">
        <v>131</v>
      </c>
      <c r="CD6" s="307">
        <v>0</v>
      </c>
      <c r="CE6" s="308">
        <v>1198</v>
      </c>
      <c r="CF6" s="308">
        <v>3447</v>
      </c>
      <c r="CG6" s="308">
        <v>4499</v>
      </c>
      <c r="CH6" s="308">
        <v>3932</v>
      </c>
      <c r="CI6" s="308">
        <v>2600</v>
      </c>
      <c r="CJ6" s="305">
        <v>15676</v>
      </c>
      <c r="CK6" s="310">
        <v>15807</v>
      </c>
      <c r="CL6" s="304">
        <v>0</v>
      </c>
      <c r="CM6" s="308">
        <v>0</v>
      </c>
      <c r="CN6" s="305">
        <v>0</v>
      </c>
      <c r="CO6" s="307">
        <v>0</v>
      </c>
      <c r="CP6" s="308">
        <v>0</v>
      </c>
      <c r="CQ6" s="308">
        <v>0</v>
      </c>
      <c r="CR6" s="308">
        <v>0</v>
      </c>
      <c r="CS6" s="308">
        <v>0</v>
      </c>
      <c r="CT6" s="308">
        <v>0</v>
      </c>
      <c r="CU6" s="305">
        <v>0</v>
      </c>
      <c r="CV6" s="310">
        <v>0</v>
      </c>
      <c r="CW6" s="304">
        <v>0</v>
      </c>
      <c r="CX6" s="308">
        <v>0</v>
      </c>
      <c r="CY6" s="305">
        <v>0</v>
      </c>
      <c r="CZ6" s="307">
        <v>0</v>
      </c>
      <c r="DA6" s="308">
        <v>0</v>
      </c>
      <c r="DB6" s="308">
        <v>0</v>
      </c>
      <c r="DC6" s="308">
        <v>4</v>
      </c>
      <c r="DD6" s="308">
        <v>0</v>
      </c>
      <c r="DE6" s="308">
        <v>0</v>
      </c>
      <c r="DF6" s="305">
        <v>4</v>
      </c>
      <c r="DG6" s="310">
        <v>4</v>
      </c>
    </row>
    <row r="7" spans="1:111" ht="18.75" customHeight="1" x14ac:dyDescent="0.2">
      <c r="A7" s="296" t="s">
        <v>5</v>
      </c>
      <c r="B7" s="311">
        <v>0</v>
      </c>
      <c r="C7" s="315">
        <v>0</v>
      </c>
      <c r="D7" s="437">
        <v>0</v>
      </c>
      <c r="E7" s="314">
        <v>0</v>
      </c>
      <c r="F7" s="315">
        <v>66971</v>
      </c>
      <c r="G7" s="315">
        <v>135541</v>
      </c>
      <c r="H7" s="315">
        <v>121601</v>
      </c>
      <c r="I7" s="315">
        <v>133741</v>
      </c>
      <c r="J7" s="315">
        <v>138298</v>
      </c>
      <c r="K7" s="316">
        <v>596152</v>
      </c>
      <c r="L7" s="317">
        <v>596152</v>
      </c>
      <c r="M7" s="311">
        <v>2</v>
      </c>
      <c r="N7" s="315">
        <v>60</v>
      </c>
      <c r="O7" s="312">
        <v>62</v>
      </c>
      <c r="P7" s="314">
        <v>0</v>
      </c>
      <c r="Q7" s="315">
        <v>104</v>
      </c>
      <c r="R7" s="315">
        <v>731</v>
      </c>
      <c r="S7" s="315">
        <v>1338</v>
      </c>
      <c r="T7" s="315">
        <v>3330</v>
      </c>
      <c r="U7" s="315">
        <v>7541</v>
      </c>
      <c r="V7" s="312">
        <v>13044</v>
      </c>
      <c r="W7" s="317">
        <v>13106</v>
      </c>
      <c r="X7" s="311">
        <v>4895</v>
      </c>
      <c r="Y7" s="315">
        <v>19038</v>
      </c>
      <c r="Z7" s="312">
        <v>23933</v>
      </c>
      <c r="AA7" s="314">
        <v>0</v>
      </c>
      <c r="AB7" s="315">
        <v>31691</v>
      </c>
      <c r="AC7" s="315">
        <v>75192</v>
      </c>
      <c r="AD7" s="315">
        <v>43183</v>
      </c>
      <c r="AE7" s="315">
        <v>38383</v>
      </c>
      <c r="AF7" s="315">
        <v>31398</v>
      </c>
      <c r="AG7" s="312">
        <v>219847</v>
      </c>
      <c r="AH7" s="317">
        <v>243780</v>
      </c>
      <c r="AI7" s="311">
        <v>802</v>
      </c>
      <c r="AJ7" s="315">
        <v>3562</v>
      </c>
      <c r="AK7" s="312">
        <v>4364</v>
      </c>
      <c r="AL7" s="314">
        <v>0</v>
      </c>
      <c r="AM7" s="315">
        <v>2669</v>
      </c>
      <c r="AN7" s="315">
        <v>7491</v>
      </c>
      <c r="AO7" s="315">
        <v>4861</v>
      </c>
      <c r="AP7" s="315">
        <v>4622</v>
      </c>
      <c r="AQ7" s="315">
        <v>2754</v>
      </c>
      <c r="AR7" s="312">
        <v>22397</v>
      </c>
      <c r="AS7" s="317">
        <v>26761</v>
      </c>
      <c r="AT7" s="311">
        <v>0</v>
      </c>
      <c r="AU7" s="315">
        <v>0</v>
      </c>
      <c r="AV7" s="312">
        <v>0</v>
      </c>
      <c r="AW7" s="314">
        <v>0</v>
      </c>
      <c r="AX7" s="315">
        <v>51149</v>
      </c>
      <c r="AY7" s="315">
        <v>68397</v>
      </c>
      <c r="AZ7" s="315">
        <v>38036</v>
      </c>
      <c r="BA7" s="315">
        <v>20386</v>
      </c>
      <c r="BB7" s="315">
        <v>10159</v>
      </c>
      <c r="BC7" s="316">
        <v>188127</v>
      </c>
      <c r="BD7" s="317">
        <v>188127</v>
      </c>
      <c r="BE7" s="311">
        <v>0</v>
      </c>
      <c r="BF7" s="315">
        <v>0</v>
      </c>
      <c r="BG7" s="312">
        <v>0</v>
      </c>
      <c r="BH7" s="314">
        <v>0</v>
      </c>
      <c r="BI7" s="315">
        <v>8145</v>
      </c>
      <c r="BJ7" s="315">
        <v>20043</v>
      </c>
      <c r="BK7" s="315">
        <v>11255</v>
      </c>
      <c r="BL7" s="315">
        <v>7132</v>
      </c>
      <c r="BM7" s="315">
        <v>2615</v>
      </c>
      <c r="BN7" s="312">
        <v>49190</v>
      </c>
      <c r="BO7" s="317">
        <v>49190</v>
      </c>
      <c r="BP7" s="311">
        <v>63</v>
      </c>
      <c r="BQ7" s="315">
        <v>477</v>
      </c>
      <c r="BR7" s="312">
        <v>540</v>
      </c>
      <c r="BS7" s="314">
        <v>0</v>
      </c>
      <c r="BT7" s="315">
        <v>4542</v>
      </c>
      <c r="BU7" s="315">
        <v>11948</v>
      </c>
      <c r="BV7" s="315">
        <v>20397</v>
      </c>
      <c r="BW7" s="315">
        <v>14647</v>
      </c>
      <c r="BX7" s="315">
        <v>7437</v>
      </c>
      <c r="BY7" s="312">
        <v>58971</v>
      </c>
      <c r="BZ7" s="317">
        <v>59511</v>
      </c>
      <c r="CA7" s="311">
        <v>10</v>
      </c>
      <c r="CB7" s="315">
        <v>106</v>
      </c>
      <c r="CC7" s="312">
        <v>116</v>
      </c>
      <c r="CD7" s="314">
        <v>0</v>
      </c>
      <c r="CE7" s="315">
        <v>530</v>
      </c>
      <c r="CF7" s="315">
        <v>1855</v>
      </c>
      <c r="CG7" s="315">
        <v>2586</v>
      </c>
      <c r="CH7" s="315">
        <v>2283</v>
      </c>
      <c r="CI7" s="315">
        <v>1597</v>
      </c>
      <c r="CJ7" s="312">
        <v>8851</v>
      </c>
      <c r="CK7" s="317">
        <v>8967</v>
      </c>
      <c r="CL7" s="311">
        <v>0</v>
      </c>
      <c r="CM7" s="315">
        <v>0</v>
      </c>
      <c r="CN7" s="312">
        <v>0</v>
      </c>
      <c r="CO7" s="314">
        <v>0</v>
      </c>
      <c r="CP7" s="315">
        <v>0</v>
      </c>
      <c r="CQ7" s="315">
        <v>0</v>
      </c>
      <c r="CR7" s="315">
        <v>0</v>
      </c>
      <c r="CS7" s="315">
        <v>0</v>
      </c>
      <c r="CT7" s="315">
        <v>0</v>
      </c>
      <c r="CU7" s="312">
        <v>0</v>
      </c>
      <c r="CV7" s="317">
        <v>0</v>
      </c>
      <c r="CW7" s="311">
        <v>0</v>
      </c>
      <c r="CX7" s="315">
        <v>0</v>
      </c>
      <c r="CY7" s="312">
        <v>0</v>
      </c>
      <c r="CZ7" s="314">
        <v>0</v>
      </c>
      <c r="DA7" s="315">
        <v>0</v>
      </c>
      <c r="DB7" s="315">
        <v>0</v>
      </c>
      <c r="DC7" s="315">
        <v>0</v>
      </c>
      <c r="DD7" s="315">
        <v>0</v>
      </c>
      <c r="DE7" s="315">
        <v>0</v>
      </c>
      <c r="DF7" s="312">
        <v>0</v>
      </c>
      <c r="DG7" s="317">
        <v>0</v>
      </c>
    </row>
    <row r="8" spans="1:111" ht="18.75" customHeight="1" x14ac:dyDescent="0.2">
      <c r="A8" s="296" t="s">
        <v>6</v>
      </c>
      <c r="B8" s="311">
        <v>0</v>
      </c>
      <c r="C8" s="315">
        <v>0</v>
      </c>
      <c r="D8" s="437">
        <v>0</v>
      </c>
      <c r="E8" s="314">
        <v>0</v>
      </c>
      <c r="F8" s="315">
        <v>35549</v>
      </c>
      <c r="G8" s="315">
        <v>45588</v>
      </c>
      <c r="H8" s="315">
        <v>49112</v>
      </c>
      <c r="I8" s="315">
        <v>63481</v>
      </c>
      <c r="J8" s="315">
        <v>64635</v>
      </c>
      <c r="K8" s="316">
        <v>258365</v>
      </c>
      <c r="L8" s="317">
        <v>258365</v>
      </c>
      <c r="M8" s="311">
        <v>0</v>
      </c>
      <c r="N8" s="315">
        <v>33</v>
      </c>
      <c r="O8" s="312">
        <v>33</v>
      </c>
      <c r="P8" s="314">
        <v>0</v>
      </c>
      <c r="Q8" s="315">
        <v>72</v>
      </c>
      <c r="R8" s="315">
        <v>239</v>
      </c>
      <c r="S8" s="315">
        <v>447</v>
      </c>
      <c r="T8" s="315">
        <v>1229</v>
      </c>
      <c r="U8" s="315">
        <v>2369</v>
      </c>
      <c r="V8" s="312">
        <v>4356</v>
      </c>
      <c r="W8" s="317">
        <v>4389</v>
      </c>
      <c r="X8" s="311">
        <v>2061</v>
      </c>
      <c r="Y8" s="315">
        <v>6138</v>
      </c>
      <c r="Z8" s="312">
        <v>8199</v>
      </c>
      <c r="AA8" s="314">
        <v>0</v>
      </c>
      <c r="AB8" s="315">
        <v>18537</v>
      </c>
      <c r="AC8" s="315">
        <v>19758</v>
      </c>
      <c r="AD8" s="315">
        <v>12984</v>
      </c>
      <c r="AE8" s="315">
        <v>13597</v>
      </c>
      <c r="AF8" s="315">
        <v>10972</v>
      </c>
      <c r="AG8" s="312">
        <v>75848</v>
      </c>
      <c r="AH8" s="317">
        <v>84047</v>
      </c>
      <c r="AI8" s="311">
        <v>137</v>
      </c>
      <c r="AJ8" s="315">
        <v>647</v>
      </c>
      <c r="AK8" s="312">
        <v>784</v>
      </c>
      <c r="AL8" s="314">
        <v>0</v>
      </c>
      <c r="AM8" s="315">
        <v>1502</v>
      </c>
      <c r="AN8" s="315">
        <v>2118</v>
      </c>
      <c r="AO8" s="315">
        <v>1494</v>
      </c>
      <c r="AP8" s="315">
        <v>1447</v>
      </c>
      <c r="AQ8" s="315">
        <v>873</v>
      </c>
      <c r="AR8" s="312">
        <v>7434</v>
      </c>
      <c r="AS8" s="317">
        <v>8218</v>
      </c>
      <c r="AT8" s="311">
        <v>0</v>
      </c>
      <c r="AU8" s="315">
        <v>0</v>
      </c>
      <c r="AV8" s="312">
        <v>0</v>
      </c>
      <c r="AW8" s="314">
        <v>0</v>
      </c>
      <c r="AX8" s="315">
        <v>27930</v>
      </c>
      <c r="AY8" s="315">
        <v>21640</v>
      </c>
      <c r="AZ8" s="315">
        <v>14026</v>
      </c>
      <c r="BA8" s="315">
        <v>9217</v>
      </c>
      <c r="BB8" s="315">
        <v>4349</v>
      </c>
      <c r="BC8" s="316">
        <v>77162</v>
      </c>
      <c r="BD8" s="317">
        <v>77162</v>
      </c>
      <c r="BE8" s="311">
        <v>0</v>
      </c>
      <c r="BF8" s="315">
        <v>0</v>
      </c>
      <c r="BG8" s="312">
        <v>0</v>
      </c>
      <c r="BH8" s="314">
        <v>0</v>
      </c>
      <c r="BI8" s="315">
        <v>3610</v>
      </c>
      <c r="BJ8" s="315">
        <v>4606</v>
      </c>
      <c r="BK8" s="315">
        <v>3213</v>
      </c>
      <c r="BL8" s="315">
        <v>2210</v>
      </c>
      <c r="BM8" s="315">
        <v>679</v>
      </c>
      <c r="BN8" s="312">
        <v>14318</v>
      </c>
      <c r="BO8" s="317">
        <v>14318</v>
      </c>
      <c r="BP8" s="311">
        <v>18</v>
      </c>
      <c r="BQ8" s="315">
        <v>185</v>
      </c>
      <c r="BR8" s="312">
        <v>203</v>
      </c>
      <c r="BS8" s="314">
        <v>0</v>
      </c>
      <c r="BT8" s="315">
        <v>2224</v>
      </c>
      <c r="BU8" s="315">
        <v>3571</v>
      </c>
      <c r="BV8" s="315">
        <v>5606</v>
      </c>
      <c r="BW8" s="315">
        <v>4321</v>
      </c>
      <c r="BX8" s="315">
        <v>2362</v>
      </c>
      <c r="BY8" s="312">
        <v>18084</v>
      </c>
      <c r="BZ8" s="317">
        <v>18287</v>
      </c>
      <c r="CA8" s="311">
        <v>0</v>
      </c>
      <c r="CB8" s="315">
        <v>0</v>
      </c>
      <c r="CC8" s="312">
        <v>0</v>
      </c>
      <c r="CD8" s="314">
        <v>0</v>
      </c>
      <c r="CE8" s="315">
        <v>164</v>
      </c>
      <c r="CF8" s="315">
        <v>363</v>
      </c>
      <c r="CG8" s="315">
        <v>436</v>
      </c>
      <c r="CH8" s="315">
        <v>569</v>
      </c>
      <c r="CI8" s="315">
        <v>294</v>
      </c>
      <c r="CJ8" s="312">
        <v>1826</v>
      </c>
      <c r="CK8" s="317">
        <v>1826</v>
      </c>
      <c r="CL8" s="311">
        <v>0</v>
      </c>
      <c r="CM8" s="315">
        <v>0</v>
      </c>
      <c r="CN8" s="312">
        <v>0</v>
      </c>
      <c r="CO8" s="314">
        <v>0</v>
      </c>
      <c r="CP8" s="315">
        <v>0</v>
      </c>
      <c r="CQ8" s="315">
        <v>0</v>
      </c>
      <c r="CR8" s="315">
        <v>0</v>
      </c>
      <c r="CS8" s="315">
        <v>0</v>
      </c>
      <c r="CT8" s="315">
        <v>0</v>
      </c>
      <c r="CU8" s="312">
        <v>0</v>
      </c>
      <c r="CV8" s="317">
        <v>0</v>
      </c>
      <c r="CW8" s="311">
        <v>0</v>
      </c>
      <c r="CX8" s="315">
        <v>0</v>
      </c>
      <c r="CY8" s="312">
        <v>0</v>
      </c>
      <c r="CZ8" s="314">
        <v>0</v>
      </c>
      <c r="DA8" s="315">
        <v>0</v>
      </c>
      <c r="DB8" s="315">
        <v>0</v>
      </c>
      <c r="DC8" s="315">
        <v>0</v>
      </c>
      <c r="DD8" s="315">
        <v>0</v>
      </c>
      <c r="DE8" s="315">
        <v>0</v>
      </c>
      <c r="DF8" s="312">
        <v>0</v>
      </c>
      <c r="DG8" s="317">
        <v>0</v>
      </c>
    </row>
    <row r="9" spans="1:111" ht="18.75" customHeight="1" x14ac:dyDescent="0.2">
      <c r="A9" s="296" t="s">
        <v>14</v>
      </c>
      <c r="B9" s="311">
        <v>0</v>
      </c>
      <c r="C9" s="315">
        <v>0</v>
      </c>
      <c r="D9" s="437">
        <v>0</v>
      </c>
      <c r="E9" s="314">
        <v>0</v>
      </c>
      <c r="F9" s="315">
        <v>13632</v>
      </c>
      <c r="G9" s="315">
        <v>21737</v>
      </c>
      <c r="H9" s="315">
        <v>23521</v>
      </c>
      <c r="I9" s="315">
        <v>25501</v>
      </c>
      <c r="J9" s="315">
        <v>21429</v>
      </c>
      <c r="K9" s="316">
        <v>105820</v>
      </c>
      <c r="L9" s="317">
        <v>105820</v>
      </c>
      <c r="M9" s="311">
        <v>0</v>
      </c>
      <c r="N9" s="315">
        <v>7</v>
      </c>
      <c r="O9" s="312">
        <v>7</v>
      </c>
      <c r="P9" s="314">
        <v>0</v>
      </c>
      <c r="Q9" s="315">
        <v>7</v>
      </c>
      <c r="R9" s="315">
        <v>94</v>
      </c>
      <c r="S9" s="315">
        <v>226</v>
      </c>
      <c r="T9" s="315">
        <v>624</v>
      </c>
      <c r="U9" s="315">
        <v>1114</v>
      </c>
      <c r="V9" s="312">
        <v>2065</v>
      </c>
      <c r="W9" s="317">
        <v>2072</v>
      </c>
      <c r="X9" s="311">
        <v>596</v>
      </c>
      <c r="Y9" s="315">
        <v>2799</v>
      </c>
      <c r="Z9" s="312">
        <v>3395</v>
      </c>
      <c r="AA9" s="314">
        <v>0</v>
      </c>
      <c r="AB9" s="315">
        <v>4501</v>
      </c>
      <c r="AC9" s="315">
        <v>8863</v>
      </c>
      <c r="AD9" s="315">
        <v>6197</v>
      </c>
      <c r="AE9" s="315">
        <v>6715</v>
      </c>
      <c r="AF9" s="315">
        <v>4679</v>
      </c>
      <c r="AG9" s="312">
        <v>30955</v>
      </c>
      <c r="AH9" s="317">
        <v>34350</v>
      </c>
      <c r="AI9" s="311">
        <v>44</v>
      </c>
      <c r="AJ9" s="315">
        <v>413</v>
      </c>
      <c r="AK9" s="312">
        <v>457</v>
      </c>
      <c r="AL9" s="314">
        <v>0</v>
      </c>
      <c r="AM9" s="315">
        <v>244</v>
      </c>
      <c r="AN9" s="315">
        <v>660</v>
      </c>
      <c r="AO9" s="315">
        <v>784</v>
      </c>
      <c r="AP9" s="315">
        <v>475</v>
      </c>
      <c r="AQ9" s="315">
        <v>336</v>
      </c>
      <c r="AR9" s="312">
        <v>2499</v>
      </c>
      <c r="AS9" s="317">
        <v>2956</v>
      </c>
      <c r="AT9" s="311">
        <v>0</v>
      </c>
      <c r="AU9" s="315">
        <v>0</v>
      </c>
      <c r="AV9" s="312">
        <v>0</v>
      </c>
      <c r="AW9" s="314">
        <v>0</v>
      </c>
      <c r="AX9" s="315">
        <v>12375</v>
      </c>
      <c r="AY9" s="315">
        <v>13204</v>
      </c>
      <c r="AZ9" s="315">
        <v>10310</v>
      </c>
      <c r="BA9" s="315">
        <v>6134</v>
      </c>
      <c r="BB9" s="315">
        <v>3020</v>
      </c>
      <c r="BC9" s="316">
        <v>45043</v>
      </c>
      <c r="BD9" s="317">
        <v>45043</v>
      </c>
      <c r="BE9" s="311">
        <v>0</v>
      </c>
      <c r="BF9" s="315">
        <v>0</v>
      </c>
      <c r="BG9" s="312">
        <v>0</v>
      </c>
      <c r="BH9" s="314">
        <v>0</v>
      </c>
      <c r="BI9" s="315">
        <v>880</v>
      </c>
      <c r="BJ9" s="315">
        <v>2448</v>
      </c>
      <c r="BK9" s="315">
        <v>1579</v>
      </c>
      <c r="BL9" s="315">
        <v>1323</v>
      </c>
      <c r="BM9" s="315">
        <v>307</v>
      </c>
      <c r="BN9" s="312">
        <v>6537</v>
      </c>
      <c r="BO9" s="317">
        <v>6537</v>
      </c>
      <c r="BP9" s="311">
        <v>4</v>
      </c>
      <c r="BQ9" s="315">
        <v>123</v>
      </c>
      <c r="BR9" s="312">
        <v>127</v>
      </c>
      <c r="BS9" s="314">
        <v>0</v>
      </c>
      <c r="BT9" s="315">
        <v>1137</v>
      </c>
      <c r="BU9" s="315">
        <v>2407</v>
      </c>
      <c r="BV9" s="315">
        <v>4757</v>
      </c>
      <c r="BW9" s="315">
        <v>4221</v>
      </c>
      <c r="BX9" s="315">
        <v>1729</v>
      </c>
      <c r="BY9" s="312">
        <v>14251</v>
      </c>
      <c r="BZ9" s="317">
        <v>14378</v>
      </c>
      <c r="CA9" s="311">
        <v>0</v>
      </c>
      <c r="CB9" s="315">
        <v>0</v>
      </c>
      <c r="CC9" s="312">
        <v>0</v>
      </c>
      <c r="CD9" s="314">
        <v>0</v>
      </c>
      <c r="CE9" s="315">
        <v>62</v>
      </c>
      <c r="CF9" s="315">
        <v>73</v>
      </c>
      <c r="CG9" s="315">
        <v>72</v>
      </c>
      <c r="CH9" s="315">
        <v>98</v>
      </c>
      <c r="CI9" s="315">
        <v>71</v>
      </c>
      <c r="CJ9" s="312">
        <v>376</v>
      </c>
      <c r="CK9" s="317">
        <v>376</v>
      </c>
      <c r="CL9" s="311">
        <v>0</v>
      </c>
      <c r="CM9" s="315">
        <v>0</v>
      </c>
      <c r="CN9" s="312">
        <v>0</v>
      </c>
      <c r="CO9" s="314">
        <v>0</v>
      </c>
      <c r="CP9" s="315">
        <v>0</v>
      </c>
      <c r="CQ9" s="315">
        <v>0</v>
      </c>
      <c r="CR9" s="315">
        <v>0</v>
      </c>
      <c r="CS9" s="315">
        <v>0</v>
      </c>
      <c r="CT9" s="315">
        <v>0</v>
      </c>
      <c r="CU9" s="312">
        <v>0</v>
      </c>
      <c r="CV9" s="317">
        <v>0</v>
      </c>
      <c r="CW9" s="311">
        <v>0</v>
      </c>
      <c r="CX9" s="315">
        <v>0</v>
      </c>
      <c r="CY9" s="312">
        <v>0</v>
      </c>
      <c r="CZ9" s="314">
        <v>0</v>
      </c>
      <c r="DA9" s="315">
        <v>0</v>
      </c>
      <c r="DB9" s="315">
        <v>0</v>
      </c>
      <c r="DC9" s="315">
        <v>0</v>
      </c>
      <c r="DD9" s="315">
        <v>0</v>
      </c>
      <c r="DE9" s="315">
        <v>0</v>
      </c>
      <c r="DF9" s="312">
        <v>0</v>
      </c>
      <c r="DG9" s="317">
        <v>0</v>
      </c>
    </row>
    <row r="10" spans="1:111" ht="18.75" customHeight="1" x14ac:dyDescent="0.2">
      <c r="A10" s="296" t="s">
        <v>7</v>
      </c>
      <c r="B10" s="311">
        <v>0</v>
      </c>
      <c r="C10" s="315">
        <v>0</v>
      </c>
      <c r="D10" s="437">
        <v>0</v>
      </c>
      <c r="E10" s="314">
        <v>0</v>
      </c>
      <c r="F10" s="315">
        <v>15271</v>
      </c>
      <c r="G10" s="315">
        <v>17484</v>
      </c>
      <c r="H10" s="315">
        <v>19547</v>
      </c>
      <c r="I10" s="315">
        <v>26428</v>
      </c>
      <c r="J10" s="315">
        <v>21477</v>
      </c>
      <c r="K10" s="316">
        <v>100207</v>
      </c>
      <c r="L10" s="317">
        <v>100207</v>
      </c>
      <c r="M10" s="311">
        <v>0</v>
      </c>
      <c r="N10" s="315">
        <v>0</v>
      </c>
      <c r="O10" s="312">
        <v>0</v>
      </c>
      <c r="P10" s="314">
        <v>0</v>
      </c>
      <c r="Q10" s="315">
        <v>64</v>
      </c>
      <c r="R10" s="315">
        <v>165</v>
      </c>
      <c r="S10" s="315">
        <v>242</v>
      </c>
      <c r="T10" s="315">
        <v>513</v>
      </c>
      <c r="U10" s="315">
        <v>944</v>
      </c>
      <c r="V10" s="312">
        <v>1928</v>
      </c>
      <c r="W10" s="317">
        <v>1928</v>
      </c>
      <c r="X10" s="311">
        <v>52</v>
      </c>
      <c r="Y10" s="315">
        <v>152</v>
      </c>
      <c r="Z10" s="312">
        <v>204</v>
      </c>
      <c r="AA10" s="314">
        <v>0</v>
      </c>
      <c r="AB10" s="315">
        <v>3324</v>
      </c>
      <c r="AC10" s="315">
        <v>3967</v>
      </c>
      <c r="AD10" s="315">
        <v>2847</v>
      </c>
      <c r="AE10" s="315">
        <v>2819</v>
      </c>
      <c r="AF10" s="315">
        <v>2546</v>
      </c>
      <c r="AG10" s="312">
        <v>15503</v>
      </c>
      <c r="AH10" s="317">
        <v>15707</v>
      </c>
      <c r="AI10" s="311">
        <v>30</v>
      </c>
      <c r="AJ10" s="315">
        <v>53</v>
      </c>
      <c r="AK10" s="312">
        <v>83</v>
      </c>
      <c r="AL10" s="314">
        <v>0</v>
      </c>
      <c r="AM10" s="315">
        <v>509</v>
      </c>
      <c r="AN10" s="315">
        <v>789</v>
      </c>
      <c r="AO10" s="315">
        <v>320</v>
      </c>
      <c r="AP10" s="315">
        <v>479</v>
      </c>
      <c r="AQ10" s="315">
        <v>337</v>
      </c>
      <c r="AR10" s="312">
        <v>2434</v>
      </c>
      <c r="AS10" s="317">
        <v>2517</v>
      </c>
      <c r="AT10" s="311">
        <v>0</v>
      </c>
      <c r="AU10" s="315">
        <v>0</v>
      </c>
      <c r="AV10" s="312">
        <v>0</v>
      </c>
      <c r="AW10" s="314">
        <v>0</v>
      </c>
      <c r="AX10" s="315">
        <v>11517</v>
      </c>
      <c r="AY10" s="315">
        <v>8674</v>
      </c>
      <c r="AZ10" s="315">
        <v>4786</v>
      </c>
      <c r="BA10" s="315">
        <v>2950</v>
      </c>
      <c r="BB10" s="315">
        <v>1253</v>
      </c>
      <c r="BC10" s="316">
        <v>29180</v>
      </c>
      <c r="BD10" s="317">
        <v>29180</v>
      </c>
      <c r="BE10" s="311">
        <v>0</v>
      </c>
      <c r="BF10" s="315">
        <v>0</v>
      </c>
      <c r="BG10" s="312">
        <v>0</v>
      </c>
      <c r="BH10" s="314">
        <v>0</v>
      </c>
      <c r="BI10" s="315">
        <v>1764</v>
      </c>
      <c r="BJ10" s="315">
        <v>1606</v>
      </c>
      <c r="BK10" s="315">
        <v>1094</v>
      </c>
      <c r="BL10" s="315">
        <v>505</v>
      </c>
      <c r="BM10" s="315">
        <v>153</v>
      </c>
      <c r="BN10" s="312">
        <v>5122</v>
      </c>
      <c r="BO10" s="317">
        <v>5122</v>
      </c>
      <c r="BP10" s="311">
        <v>35</v>
      </c>
      <c r="BQ10" s="315">
        <v>7</v>
      </c>
      <c r="BR10" s="312">
        <v>42</v>
      </c>
      <c r="BS10" s="314">
        <v>0</v>
      </c>
      <c r="BT10" s="315">
        <v>1681</v>
      </c>
      <c r="BU10" s="315">
        <v>2480</v>
      </c>
      <c r="BV10" s="315">
        <v>2739</v>
      </c>
      <c r="BW10" s="315">
        <v>1989</v>
      </c>
      <c r="BX10" s="315">
        <v>1026</v>
      </c>
      <c r="BY10" s="312">
        <v>9915</v>
      </c>
      <c r="BZ10" s="317">
        <v>9957</v>
      </c>
      <c r="CA10" s="311">
        <v>0</v>
      </c>
      <c r="CB10" s="315">
        <v>0</v>
      </c>
      <c r="CC10" s="312">
        <v>0</v>
      </c>
      <c r="CD10" s="314">
        <v>0</v>
      </c>
      <c r="CE10" s="315">
        <v>59</v>
      </c>
      <c r="CF10" s="315">
        <v>153</v>
      </c>
      <c r="CG10" s="315">
        <v>195</v>
      </c>
      <c r="CH10" s="315">
        <v>91</v>
      </c>
      <c r="CI10" s="315">
        <v>44</v>
      </c>
      <c r="CJ10" s="312">
        <v>542</v>
      </c>
      <c r="CK10" s="317">
        <v>542</v>
      </c>
      <c r="CL10" s="311">
        <v>0</v>
      </c>
      <c r="CM10" s="315">
        <v>0</v>
      </c>
      <c r="CN10" s="312">
        <v>0</v>
      </c>
      <c r="CO10" s="314">
        <v>0</v>
      </c>
      <c r="CP10" s="315">
        <v>0</v>
      </c>
      <c r="CQ10" s="315">
        <v>0</v>
      </c>
      <c r="CR10" s="315">
        <v>0</v>
      </c>
      <c r="CS10" s="315">
        <v>0</v>
      </c>
      <c r="CT10" s="315">
        <v>0</v>
      </c>
      <c r="CU10" s="312">
        <v>0</v>
      </c>
      <c r="CV10" s="317">
        <v>0</v>
      </c>
      <c r="CW10" s="311">
        <v>0</v>
      </c>
      <c r="CX10" s="315">
        <v>0</v>
      </c>
      <c r="CY10" s="312">
        <v>0</v>
      </c>
      <c r="CZ10" s="314">
        <v>0</v>
      </c>
      <c r="DA10" s="315">
        <v>0</v>
      </c>
      <c r="DB10" s="315">
        <v>0</v>
      </c>
      <c r="DC10" s="315">
        <v>0</v>
      </c>
      <c r="DD10" s="315">
        <v>0</v>
      </c>
      <c r="DE10" s="315">
        <v>0</v>
      </c>
      <c r="DF10" s="312">
        <v>0</v>
      </c>
      <c r="DG10" s="317">
        <v>0</v>
      </c>
    </row>
    <row r="11" spans="1:111" ht="18.75" customHeight="1" x14ac:dyDescent="0.2">
      <c r="A11" s="296" t="s">
        <v>8</v>
      </c>
      <c r="B11" s="311">
        <v>0</v>
      </c>
      <c r="C11" s="315">
        <v>0</v>
      </c>
      <c r="D11" s="437">
        <v>0</v>
      </c>
      <c r="E11" s="314">
        <v>0</v>
      </c>
      <c r="F11" s="315">
        <v>5939</v>
      </c>
      <c r="G11" s="315">
        <v>10105</v>
      </c>
      <c r="H11" s="315">
        <v>12164</v>
      </c>
      <c r="I11" s="315">
        <v>13407</v>
      </c>
      <c r="J11" s="315">
        <v>12524</v>
      </c>
      <c r="K11" s="316">
        <v>54139</v>
      </c>
      <c r="L11" s="317">
        <v>54139</v>
      </c>
      <c r="M11" s="311">
        <v>0</v>
      </c>
      <c r="N11" s="315">
        <v>0</v>
      </c>
      <c r="O11" s="312">
        <v>0</v>
      </c>
      <c r="P11" s="314">
        <v>0</v>
      </c>
      <c r="Q11" s="315">
        <v>14</v>
      </c>
      <c r="R11" s="315">
        <v>62</v>
      </c>
      <c r="S11" s="315">
        <v>126</v>
      </c>
      <c r="T11" s="315">
        <v>229</v>
      </c>
      <c r="U11" s="315">
        <v>419</v>
      </c>
      <c r="V11" s="312">
        <v>850</v>
      </c>
      <c r="W11" s="317">
        <v>850</v>
      </c>
      <c r="X11" s="311">
        <v>169</v>
      </c>
      <c r="Y11" s="315">
        <v>359</v>
      </c>
      <c r="Z11" s="312">
        <v>528</v>
      </c>
      <c r="AA11" s="314">
        <v>0</v>
      </c>
      <c r="AB11" s="315">
        <v>1379</v>
      </c>
      <c r="AC11" s="315">
        <v>2120</v>
      </c>
      <c r="AD11" s="315">
        <v>1419</v>
      </c>
      <c r="AE11" s="315">
        <v>1346</v>
      </c>
      <c r="AF11" s="315">
        <v>1571</v>
      </c>
      <c r="AG11" s="312">
        <v>7835</v>
      </c>
      <c r="AH11" s="317">
        <v>8363</v>
      </c>
      <c r="AI11" s="311">
        <v>39</v>
      </c>
      <c r="AJ11" s="315">
        <v>148</v>
      </c>
      <c r="AK11" s="312">
        <v>187</v>
      </c>
      <c r="AL11" s="314">
        <v>0</v>
      </c>
      <c r="AM11" s="315">
        <v>515</v>
      </c>
      <c r="AN11" s="315">
        <v>933</v>
      </c>
      <c r="AO11" s="315">
        <v>627</v>
      </c>
      <c r="AP11" s="315">
        <v>345</v>
      </c>
      <c r="AQ11" s="315">
        <v>226</v>
      </c>
      <c r="AR11" s="312">
        <v>2646</v>
      </c>
      <c r="AS11" s="317">
        <v>2833</v>
      </c>
      <c r="AT11" s="311">
        <v>0</v>
      </c>
      <c r="AU11" s="315">
        <v>0</v>
      </c>
      <c r="AV11" s="312">
        <v>0</v>
      </c>
      <c r="AW11" s="314">
        <v>0</v>
      </c>
      <c r="AX11" s="315">
        <v>5052</v>
      </c>
      <c r="AY11" s="315">
        <v>5315</v>
      </c>
      <c r="AZ11" s="315">
        <v>3823</v>
      </c>
      <c r="BA11" s="315">
        <v>2184</v>
      </c>
      <c r="BB11" s="315">
        <v>1702</v>
      </c>
      <c r="BC11" s="316">
        <v>18076</v>
      </c>
      <c r="BD11" s="317">
        <v>18076</v>
      </c>
      <c r="BE11" s="311">
        <v>0</v>
      </c>
      <c r="BF11" s="315">
        <v>0</v>
      </c>
      <c r="BG11" s="312">
        <v>0</v>
      </c>
      <c r="BH11" s="314">
        <v>0</v>
      </c>
      <c r="BI11" s="315">
        <v>698</v>
      </c>
      <c r="BJ11" s="315">
        <v>1034</v>
      </c>
      <c r="BK11" s="315">
        <v>497</v>
      </c>
      <c r="BL11" s="315">
        <v>410</v>
      </c>
      <c r="BM11" s="315">
        <v>96</v>
      </c>
      <c r="BN11" s="312">
        <v>2735</v>
      </c>
      <c r="BO11" s="317">
        <v>2735</v>
      </c>
      <c r="BP11" s="311">
        <v>16</v>
      </c>
      <c r="BQ11" s="315">
        <v>42</v>
      </c>
      <c r="BR11" s="312">
        <v>58</v>
      </c>
      <c r="BS11" s="314">
        <v>0</v>
      </c>
      <c r="BT11" s="315">
        <v>455</v>
      </c>
      <c r="BU11" s="315">
        <v>1349</v>
      </c>
      <c r="BV11" s="315">
        <v>2489</v>
      </c>
      <c r="BW11" s="315">
        <v>1596</v>
      </c>
      <c r="BX11" s="315">
        <v>897</v>
      </c>
      <c r="BY11" s="312">
        <v>6786</v>
      </c>
      <c r="BZ11" s="317">
        <v>6844</v>
      </c>
      <c r="CA11" s="311">
        <v>0</v>
      </c>
      <c r="CB11" s="315">
        <v>0</v>
      </c>
      <c r="CC11" s="312">
        <v>0</v>
      </c>
      <c r="CD11" s="314">
        <v>0</v>
      </c>
      <c r="CE11" s="315">
        <v>20</v>
      </c>
      <c r="CF11" s="315">
        <v>74</v>
      </c>
      <c r="CG11" s="315">
        <v>96</v>
      </c>
      <c r="CH11" s="315">
        <v>36</v>
      </c>
      <c r="CI11" s="315">
        <v>7</v>
      </c>
      <c r="CJ11" s="312">
        <v>233</v>
      </c>
      <c r="CK11" s="317">
        <v>233</v>
      </c>
      <c r="CL11" s="311">
        <v>0</v>
      </c>
      <c r="CM11" s="315">
        <v>0</v>
      </c>
      <c r="CN11" s="312">
        <v>0</v>
      </c>
      <c r="CO11" s="314">
        <v>0</v>
      </c>
      <c r="CP11" s="315">
        <v>0</v>
      </c>
      <c r="CQ11" s="315">
        <v>0</v>
      </c>
      <c r="CR11" s="315">
        <v>0</v>
      </c>
      <c r="CS11" s="315">
        <v>0</v>
      </c>
      <c r="CT11" s="315">
        <v>0</v>
      </c>
      <c r="CU11" s="312">
        <v>0</v>
      </c>
      <c r="CV11" s="317">
        <v>0</v>
      </c>
      <c r="CW11" s="311">
        <v>0</v>
      </c>
      <c r="CX11" s="315">
        <v>0</v>
      </c>
      <c r="CY11" s="312">
        <v>0</v>
      </c>
      <c r="CZ11" s="314">
        <v>0</v>
      </c>
      <c r="DA11" s="315">
        <v>0</v>
      </c>
      <c r="DB11" s="315">
        <v>0</v>
      </c>
      <c r="DC11" s="315">
        <v>0</v>
      </c>
      <c r="DD11" s="315">
        <v>0</v>
      </c>
      <c r="DE11" s="315">
        <v>0</v>
      </c>
      <c r="DF11" s="312">
        <v>0</v>
      </c>
      <c r="DG11" s="317">
        <v>0</v>
      </c>
    </row>
    <row r="12" spans="1:111" ht="18.75" customHeight="1" x14ac:dyDescent="0.2">
      <c r="A12" s="296" t="s">
        <v>9</v>
      </c>
      <c r="B12" s="311">
        <v>0</v>
      </c>
      <c r="C12" s="315">
        <v>0</v>
      </c>
      <c r="D12" s="437">
        <v>0</v>
      </c>
      <c r="E12" s="314">
        <v>0</v>
      </c>
      <c r="F12" s="315">
        <v>5672</v>
      </c>
      <c r="G12" s="315">
        <v>7941</v>
      </c>
      <c r="H12" s="315">
        <v>10683</v>
      </c>
      <c r="I12" s="315">
        <v>16306</v>
      </c>
      <c r="J12" s="315">
        <v>14128</v>
      </c>
      <c r="K12" s="316">
        <v>54730</v>
      </c>
      <c r="L12" s="317">
        <v>54730</v>
      </c>
      <c r="M12" s="311">
        <v>0</v>
      </c>
      <c r="N12" s="315">
        <v>0</v>
      </c>
      <c r="O12" s="312">
        <v>0</v>
      </c>
      <c r="P12" s="314">
        <v>0</v>
      </c>
      <c r="Q12" s="315">
        <v>34</v>
      </c>
      <c r="R12" s="315">
        <v>75</v>
      </c>
      <c r="S12" s="315">
        <v>63</v>
      </c>
      <c r="T12" s="315">
        <v>292</v>
      </c>
      <c r="U12" s="315">
        <v>521</v>
      </c>
      <c r="V12" s="312">
        <v>985</v>
      </c>
      <c r="W12" s="317">
        <v>985</v>
      </c>
      <c r="X12" s="311">
        <v>158</v>
      </c>
      <c r="Y12" s="315">
        <v>422</v>
      </c>
      <c r="Z12" s="312">
        <v>580</v>
      </c>
      <c r="AA12" s="314">
        <v>0</v>
      </c>
      <c r="AB12" s="315">
        <v>2772</v>
      </c>
      <c r="AC12" s="315">
        <v>2862</v>
      </c>
      <c r="AD12" s="315">
        <v>2243</v>
      </c>
      <c r="AE12" s="315">
        <v>2256</v>
      </c>
      <c r="AF12" s="315">
        <v>1805</v>
      </c>
      <c r="AG12" s="312">
        <v>11938</v>
      </c>
      <c r="AH12" s="317">
        <v>12518</v>
      </c>
      <c r="AI12" s="311">
        <v>50</v>
      </c>
      <c r="AJ12" s="315">
        <v>110</v>
      </c>
      <c r="AK12" s="312">
        <v>160</v>
      </c>
      <c r="AL12" s="314">
        <v>0</v>
      </c>
      <c r="AM12" s="315">
        <v>560</v>
      </c>
      <c r="AN12" s="315">
        <v>571</v>
      </c>
      <c r="AO12" s="315">
        <v>532</v>
      </c>
      <c r="AP12" s="315">
        <v>559</v>
      </c>
      <c r="AQ12" s="315">
        <v>502</v>
      </c>
      <c r="AR12" s="312">
        <v>2724</v>
      </c>
      <c r="AS12" s="317">
        <v>2884</v>
      </c>
      <c r="AT12" s="311">
        <v>0</v>
      </c>
      <c r="AU12" s="315">
        <v>0</v>
      </c>
      <c r="AV12" s="312">
        <v>0</v>
      </c>
      <c r="AW12" s="314">
        <v>0</v>
      </c>
      <c r="AX12" s="315">
        <v>3752</v>
      </c>
      <c r="AY12" s="315">
        <v>3068</v>
      </c>
      <c r="AZ12" s="315">
        <v>2165</v>
      </c>
      <c r="BA12" s="315">
        <v>1370</v>
      </c>
      <c r="BB12" s="315">
        <v>533</v>
      </c>
      <c r="BC12" s="316">
        <v>10888</v>
      </c>
      <c r="BD12" s="317">
        <v>10888</v>
      </c>
      <c r="BE12" s="311">
        <v>0</v>
      </c>
      <c r="BF12" s="315">
        <v>0</v>
      </c>
      <c r="BG12" s="312">
        <v>0</v>
      </c>
      <c r="BH12" s="314">
        <v>0</v>
      </c>
      <c r="BI12" s="315">
        <v>550</v>
      </c>
      <c r="BJ12" s="315">
        <v>655</v>
      </c>
      <c r="BK12" s="315">
        <v>405</v>
      </c>
      <c r="BL12" s="315">
        <v>501</v>
      </c>
      <c r="BM12" s="315">
        <v>108</v>
      </c>
      <c r="BN12" s="312">
        <v>2219</v>
      </c>
      <c r="BO12" s="317">
        <v>2219</v>
      </c>
      <c r="BP12" s="311">
        <v>10</v>
      </c>
      <c r="BQ12" s="315">
        <v>6</v>
      </c>
      <c r="BR12" s="312">
        <v>16</v>
      </c>
      <c r="BS12" s="314">
        <v>0</v>
      </c>
      <c r="BT12" s="315">
        <v>353</v>
      </c>
      <c r="BU12" s="315">
        <v>695</v>
      </c>
      <c r="BV12" s="315">
        <v>1537</v>
      </c>
      <c r="BW12" s="315">
        <v>1401</v>
      </c>
      <c r="BX12" s="315">
        <v>738</v>
      </c>
      <c r="BY12" s="312">
        <v>4724</v>
      </c>
      <c r="BZ12" s="317">
        <v>4740</v>
      </c>
      <c r="CA12" s="311">
        <v>0</v>
      </c>
      <c r="CB12" s="315">
        <v>0</v>
      </c>
      <c r="CC12" s="312">
        <v>0</v>
      </c>
      <c r="CD12" s="314">
        <v>0</v>
      </c>
      <c r="CE12" s="315">
        <v>29</v>
      </c>
      <c r="CF12" s="315">
        <v>166</v>
      </c>
      <c r="CG12" s="315">
        <v>156</v>
      </c>
      <c r="CH12" s="315">
        <v>159</v>
      </c>
      <c r="CI12" s="315">
        <v>64</v>
      </c>
      <c r="CJ12" s="312">
        <v>574</v>
      </c>
      <c r="CK12" s="317">
        <v>574</v>
      </c>
      <c r="CL12" s="311">
        <v>0</v>
      </c>
      <c r="CM12" s="315">
        <v>0</v>
      </c>
      <c r="CN12" s="312">
        <v>0</v>
      </c>
      <c r="CO12" s="314">
        <v>0</v>
      </c>
      <c r="CP12" s="315">
        <v>0</v>
      </c>
      <c r="CQ12" s="315">
        <v>0</v>
      </c>
      <c r="CR12" s="315">
        <v>0</v>
      </c>
      <c r="CS12" s="315">
        <v>0</v>
      </c>
      <c r="CT12" s="315">
        <v>0</v>
      </c>
      <c r="CU12" s="312">
        <v>0</v>
      </c>
      <c r="CV12" s="317">
        <v>0</v>
      </c>
      <c r="CW12" s="311">
        <v>0</v>
      </c>
      <c r="CX12" s="315">
        <v>0</v>
      </c>
      <c r="CY12" s="312">
        <v>0</v>
      </c>
      <c r="CZ12" s="314">
        <v>0</v>
      </c>
      <c r="DA12" s="315">
        <v>0</v>
      </c>
      <c r="DB12" s="315">
        <v>0</v>
      </c>
      <c r="DC12" s="315">
        <v>0</v>
      </c>
      <c r="DD12" s="315">
        <v>0</v>
      </c>
      <c r="DE12" s="315">
        <v>0</v>
      </c>
      <c r="DF12" s="312">
        <v>0</v>
      </c>
      <c r="DG12" s="317">
        <v>0</v>
      </c>
    </row>
    <row r="13" spans="1:111" ht="18.75" customHeight="1" x14ac:dyDescent="0.2">
      <c r="A13" s="296" t="s">
        <v>10</v>
      </c>
      <c r="B13" s="311">
        <v>0</v>
      </c>
      <c r="C13" s="315">
        <v>0</v>
      </c>
      <c r="D13" s="437">
        <v>0</v>
      </c>
      <c r="E13" s="314">
        <v>0</v>
      </c>
      <c r="F13" s="315">
        <v>15648</v>
      </c>
      <c r="G13" s="315">
        <v>14456</v>
      </c>
      <c r="H13" s="315">
        <v>17804</v>
      </c>
      <c r="I13" s="315">
        <v>22376</v>
      </c>
      <c r="J13" s="315">
        <v>20846</v>
      </c>
      <c r="K13" s="316">
        <v>91130</v>
      </c>
      <c r="L13" s="317">
        <v>91130</v>
      </c>
      <c r="M13" s="311">
        <v>0</v>
      </c>
      <c r="N13" s="315">
        <v>0</v>
      </c>
      <c r="O13" s="312">
        <v>0</v>
      </c>
      <c r="P13" s="314">
        <v>0</v>
      </c>
      <c r="Q13" s="315">
        <v>57</v>
      </c>
      <c r="R13" s="315">
        <v>91</v>
      </c>
      <c r="S13" s="315">
        <v>121</v>
      </c>
      <c r="T13" s="315">
        <v>417</v>
      </c>
      <c r="U13" s="315">
        <v>738</v>
      </c>
      <c r="V13" s="312">
        <v>1424</v>
      </c>
      <c r="W13" s="317">
        <v>1424</v>
      </c>
      <c r="X13" s="311">
        <v>713</v>
      </c>
      <c r="Y13" s="315">
        <v>2235</v>
      </c>
      <c r="Z13" s="312">
        <v>2948</v>
      </c>
      <c r="AA13" s="314">
        <v>0</v>
      </c>
      <c r="AB13" s="315">
        <v>6591</v>
      </c>
      <c r="AC13" s="315">
        <v>4536</v>
      </c>
      <c r="AD13" s="315">
        <v>3022</v>
      </c>
      <c r="AE13" s="315">
        <v>2922</v>
      </c>
      <c r="AF13" s="315">
        <v>2806</v>
      </c>
      <c r="AG13" s="312">
        <v>19877</v>
      </c>
      <c r="AH13" s="317">
        <v>22825</v>
      </c>
      <c r="AI13" s="311">
        <v>149</v>
      </c>
      <c r="AJ13" s="315">
        <v>416</v>
      </c>
      <c r="AK13" s="312">
        <v>565</v>
      </c>
      <c r="AL13" s="314">
        <v>0</v>
      </c>
      <c r="AM13" s="315">
        <v>1094</v>
      </c>
      <c r="AN13" s="315">
        <v>1001</v>
      </c>
      <c r="AO13" s="315">
        <v>633</v>
      </c>
      <c r="AP13" s="315">
        <v>641</v>
      </c>
      <c r="AQ13" s="315">
        <v>726</v>
      </c>
      <c r="AR13" s="312">
        <v>4095</v>
      </c>
      <c r="AS13" s="317">
        <v>4660</v>
      </c>
      <c r="AT13" s="311">
        <v>0</v>
      </c>
      <c r="AU13" s="315">
        <v>0</v>
      </c>
      <c r="AV13" s="312">
        <v>0</v>
      </c>
      <c r="AW13" s="314">
        <v>0</v>
      </c>
      <c r="AX13" s="315">
        <v>12023</v>
      </c>
      <c r="AY13" s="315">
        <v>7512</v>
      </c>
      <c r="AZ13" s="315">
        <v>4534</v>
      </c>
      <c r="BA13" s="315">
        <v>2492</v>
      </c>
      <c r="BB13" s="315">
        <v>1187</v>
      </c>
      <c r="BC13" s="316">
        <v>27748</v>
      </c>
      <c r="BD13" s="317">
        <v>27748</v>
      </c>
      <c r="BE13" s="311">
        <v>0</v>
      </c>
      <c r="BF13" s="315">
        <v>0</v>
      </c>
      <c r="BG13" s="312">
        <v>0</v>
      </c>
      <c r="BH13" s="314">
        <v>0</v>
      </c>
      <c r="BI13" s="315">
        <v>1596</v>
      </c>
      <c r="BJ13" s="315">
        <v>1086</v>
      </c>
      <c r="BK13" s="315">
        <v>591</v>
      </c>
      <c r="BL13" s="315">
        <v>425</v>
      </c>
      <c r="BM13" s="315">
        <v>120</v>
      </c>
      <c r="BN13" s="312">
        <v>3818</v>
      </c>
      <c r="BO13" s="317">
        <v>3818</v>
      </c>
      <c r="BP13" s="311">
        <v>33</v>
      </c>
      <c r="BQ13" s="315">
        <v>147</v>
      </c>
      <c r="BR13" s="312">
        <v>180</v>
      </c>
      <c r="BS13" s="314">
        <v>0</v>
      </c>
      <c r="BT13" s="315">
        <v>1294</v>
      </c>
      <c r="BU13" s="315">
        <v>1444</v>
      </c>
      <c r="BV13" s="315">
        <v>2983</v>
      </c>
      <c r="BW13" s="315">
        <v>1711</v>
      </c>
      <c r="BX13" s="315">
        <v>1104</v>
      </c>
      <c r="BY13" s="312">
        <v>8536</v>
      </c>
      <c r="BZ13" s="317">
        <v>8716</v>
      </c>
      <c r="CA13" s="311">
        <v>0</v>
      </c>
      <c r="CB13" s="315">
        <v>8</v>
      </c>
      <c r="CC13" s="312">
        <v>8</v>
      </c>
      <c r="CD13" s="314">
        <v>0</v>
      </c>
      <c r="CE13" s="315">
        <v>31</v>
      </c>
      <c r="CF13" s="315">
        <v>129</v>
      </c>
      <c r="CG13" s="315">
        <v>178</v>
      </c>
      <c r="CH13" s="315">
        <v>37</v>
      </c>
      <c r="CI13" s="315">
        <v>42</v>
      </c>
      <c r="CJ13" s="312">
        <v>417</v>
      </c>
      <c r="CK13" s="317">
        <v>425</v>
      </c>
      <c r="CL13" s="311">
        <v>0</v>
      </c>
      <c r="CM13" s="315">
        <v>0</v>
      </c>
      <c r="CN13" s="312">
        <v>0</v>
      </c>
      <c r="CO13" s="314">
        <v>0</v>
      </c>
      <c r="CP13" s="315">
        <v>0</v>
      </c>
      <c r="CQ13" s="315">
        <v>0</v>
      </c>
      <c r="CR13" s="315">
        <v>0</v>
      </c>
      <c r="CS13" s="315">
        <v>0</v>
      </c>
      <c r="CT13" s="315">
        <v>0</v>
      </c>
      <c r="CU13" s="312">
        <v>0</v>
      </c>
      <c r="CV13" s="317">
        <v>0</v>
      </c>
      <c r="CW13" s="311">
        <v>0</v>
      </c>
      <c r="CX13" s="315">
        <v>0</v>
      </c>
      <c r="CY13" s="312">
        <v>0</v>
      </c>
      <c r="CZ13" s="314">
        <v>0</v>
      </c>
      <c r="DA13" s="315">
        <v>0</v>
      </c>
      <c r="DB13" s="315">
        <v>0</v>
      </c>
      <c r="DC13" s="315">
        <v>0</v>
      </c>
      <c r="DD13" s="315">
        <v>0</v>
      </c>
      <c r="DE13" s="315">
        <v>0</v>
      </c>
      <c r="DF13" s="312">
        <v>0</v>
      </c>
      <c r="DG13" s="317">
        <v>0</v>
      </c>
    </row>
    <row r="14" spans="1:111" ht="18.75" customHeight="1" x14ac:dyDescent="0.2">
      <c r="A14" s="296" t="s">
        <v>11</v>
      </c>
      <c r="B14" s="311">
        <v>1</v>
      </c>
      <c r="C14" s="315">
        <v>0</v>
      </c>
      <c r="D14" s="437">
        <v>1</v>
      </c>
      <c r="E14" s="314">
        <v>0</v>
      </c>
      <c r="F14" s="315">
        <v>5900</v>
      </c>
      <c r="G14" s="315">
        <v>6790</v>
      </c>
      <c r="H14" s="315">
        <v>8187</v>
      </c>
      <c r="I14" s="315">
        <v>9281</v>
      </c>
      <c r="J14" s="315">
        <v>8526</v>
      </c>
      <c r="K14" s="316">
        <v>38684</v>
      </c>
      <c r="L14" s="317">
        <v>38685</v>
      </c>
      <c r="M14" s="311">
        <v>0</v>
      </c>
      <c r="N14" s="315">
        <v>4</v>
      </c>
      <c r="O14" s="312">
        <v>4</v>
      </c>
      <c r="P14" s="314">
        <v>0</v>
      </c>
      <c r="Q14" s="315">
        <v>15</v>
      </c>
      <c r="R14" s="315">
        <v>48</v>
      </c>
      <c r="S14" s="315">
        <v>105</v>
      </c>
      <c r="T14" s="315">
        <v>202</v>
      </c>
      <c r="U14" s="315">
        <v>307</v>
      </c>
      <c r="V14" s="312">
        <v>677</v>
      </c>
      <c r="W14" s="317">
        <v>681</v>
      </c>
      <c r="X14" s="311">
        <v>217</v>
      </c>
      <c r="Y14" s="315">
        <v>392</v>
      </c>
      <c r="Z14" s="312">
        <v>609</v>
      </c>
      <c r="AA14" s="314">
        <v>0</v>
      </c>
      <c r="AB14" s="315">
        <v>2267</v>
      </c>
      <c r="AC14" s="315">
        <v>1584</v>
      </c>
      <c r="AD14" s="315">
        <v>1604</v>
      </c>
      <c r="AE14" s="315">
        <v>1419</v>
      </c>
      <c r="AF14" s="315">
        <v>1678</v>
      </c>
      <c r="AG14" s="312">
        <v>8552</v>
      </c>
      <c r="AH14" s="317">
        <v>9161</v>
      </c>
      <c r="AI14" s="311">
        <v>53</v>
      </c>
      <c r="AJ14" s="315">
        <v>95</v>
      </c>
      <c r="AK14" s="312">
        <v>148</v>
      </c>
      <c r="AL14" s="314">
        <v>0</v>
      </c>
      <c r="AM14" s="315">
        <v>388</v>
      </c>
      <c r="AN14" s="315">
        <v>273</v>
      </c>
      <c r="AO14" s="315">
        <v>253</v>
      </c>
      <c r="AP14" s="315">
        <v>287</v>
      </c>
      <c r="AQ14" s="315">
        <v>52</v>
      </c>
      <c r="AR14" s="312">
        <v>1253</v>
      </c>
      <c r="AS14" s="317">
        <v>1401</v>
      </c>
      <c r="AT14" s="311">
        <v>0</v>
      </c>
      <c r="AU14" s="315">
        <v>0</v>
      </c>
      <c r="AV14" s="312">
        <v>0</v>
      </c>
      <c r="AW14" s="314">
        <v>0</v>
      </c>
      <c r="AX14" s="315">
        <v>6231</v>
      </c>
      <c r="AY14" s="315">
        <v>3729</v>
      </c>
      <c r="AZ14" s="315">
        <v>2632</v>
      </c>
      <c r="BA14" s="315">
        <v>1524</v>
      </c>
      <c r="BB14" s="315">
        <v>916</v>
      </c>
      <c r="BC14" s="316">
        <v>15032</v>
      </c>
      <c r="BD14" s="317">
        <v>15032</v>
      </c>
      <c r="BE14" s="311">
        <v>0</v>
      </c>
      <c r="BF14" s="315">
        <v>0</v>
      </c>
      <c r="BG14" s="312">
        <v>0</v>
      </c>
      <c r="BH14" s="314">
        <v>0</v>
      </c>
      <c r="BI14" s="315">
        <v>1282</v>
      </c>
      <c r="BJ14" s="315">
        <v>752</v>
      </c>
      <c r="BK14" s="315">
        <v>545</v>
      </c>
      <c r="BL14" s="315">
        <v>402</v>
      </c>
      <c r="BM14" s="315">
        <v>126</v>
      </c>
      <c r="BN14" s="312">
        <v>3107</v>
      </c>
      <c r="BO14" s="317">
        <v>3107</v>
      </c>
      <c r="BP14" s="311">
        <v>12</v>
      </c>
      <c r="BQ14" s="315">
        <v>33</v>
      </c>
      <c r="BR14" s="312">
        <v>45</v>
      </c>
      <c r="BS14" s="314">
        <v>0</v>
      </c>
      <c r="BT14" s="315">
        <v>608</v>
      </c>
      <c r="BU14" s="315">
        <v>750</v>
      </c>
      <c r="BV14" s="315">
        <v>1157</v>
      </c>
      <c r="BW14" s="315">
        <v>917</v>
      </c>
      <c r="BX14" s="315">
        <v>324</v>
      </c>
      <c r="BY14" s="312">
        <v>3756</v>
      </c>
      <c r="BZ14" s="317">
        <v>3801</v>
      </c>
      <c r="CA14" s="311">
        <v>7</v>
      </c>
      <c r="CB14" s="315">
        <v>0</v>
      </c>
      <c r="CC14" s="312">
        <v>7</v>
      </c>
      <c r="CD14" s="314">
        <v>0</v>
      </c>
      <c r="CE14" s="315">
        <v>68</v>
      </c>
      <c r="CF14" s="315">
        <v>50</v>
      </c>
      <c r="CG14" s="315">
        <v>106</v>
      </c>
      <c r="CH14" s="315">
        <v>110</v>
      </c>
      <c r="CI14" s="315">
        <v>42</v>
      </c>
      <c r="CJ14" s="312">
        <v>376</v>
      </c>
      <c r="CK14" s="317">
        <v>383</v>
      </c>
      <c r="CL14" s="311">
        <v>0</v>
      </c>
      <c r="CM14" s="315">
        <v>0</v>
      </c>
      <c r="CN14" s="312">
        <v>0</v>
      </c>
      <c r="CO14" s="314">
        <v>0</v>
      </c>
      <c r="CP14" s="315">
        <v>0</v>
      </c>
      <c r="CQ14" s="315">
        <v>0</v>
      </c>
      <c r="CR14" s="315">
        <v>0</v>
      </c>
      <c r="CS14" s="315">
        <v>0</v>
      </c>
      <c r="CT14" s="315">
        <v>0</v>
      </c>
      <c r="CU14" s="312">
        <v>0</v>
      </c>
      <c r="CV14" s="317">
        <v>0</v>
      </c>
      <c r="CW14" s="311">
        <v>0</v>
      </c>
      <c r="CX14" s="315">
        <v>0</v>
      </c>
      <c r="CY14" s="312">
        <v>0</v>
      </c>
      <c r="CZ14" s="314">
        <v>0</v>
      </c>
      <c r="DA14" s="315">
        <v>0</v>
      </c>
      <c r="DB14" s="315">
        <v>0</v>
      </c>
      <c r="DC14" s="315">
        <v>0</v>
      </c>
      <c r="DD14" s="315">
        <v>0</v>
      </c>
      <c r="DE14" s="315">
        <v>0</v>
      </c>
      <c r="DF14" s="312">
        <v>0</v>
      </c>
      <c r="DG14" s="317">
        <v>0</v>
      </c>
    </row>
    <row r="15" spans="1:111" ht="18.75" customHeight="1" x14ac:dyDescent="0.2">
      <c r="A15" s="296" t="s">
        <v>12</v>
      </c>
      <c r="B15" s="311">
        <v>0</v>
      </c>
      <c r="C15" s="315">
        <v>0</v>
      </c>
      <c r="D15" s="437">
        <v>0</v>
      </c>
      <c r="E15" s="314">
        <v>0</v>
      </c>
      <c r="F15" s="315">
        <v>5828</v>
      </c>
      <c r="G15" s="315">
        <v>7723</v>
      </c>
      <c r="H15" s="315">
        <v>8368</v>
      </c>
      <c r="I15" s="315">
        <v>11531</v>
      </c>
      <c r="J15" s="315">
        <v>11561</v>
      </c>
      <c r="K15" s="316">
        <v>45011</v>
      </c>
      <c r="L15" s="317">
        <v>45011</v>
      </c>
      <c r="M15" s="311">
        <v>0</v>
      </c>
      <c r="N15" s="315">
        <v>17</v>
      </c>
      <c r="O15" s="312">
        <v>17</v>
      </c>
      <c r="P15" s="314">
        <v>0</v>
      </c>
      <c r="Q15" s="315">
        <v>5</v>
      </c>
      <c r="R15" s="315">
        <v>97</v>
      </c>
      <c r="S15" s="315">
        <v>105</v>
      </c>
      <c r="T15" s="315">
        <v>253</v>
      </c>
      <c r="U15" s="315">
        <v>407</v>
      </c>
      <c r="V15" s="312">
        <v>867</v>
      </c>
      <c r="W15" s="317">
        <v>884</v>
      </c>
      <c r="X15" s="311">
        <v>391</v>
      </c>
      <c r="Y15" s="315">
        <v>1036</v>
      </c>
      <c r="Z15" s="312">
        <v>1427</v>
      </c>
      <c r="AA15" s="314">
        <v>0</v>
      </c>
      <c r="AB15" s="315">
        <v>1586</v>
      </c>
      <c r="AC15" s="315">
        <v>1857</v>
      </c>
      <c r="AD15" s="315">
        <v>1482</v>
      </c>
      <c r="AE15" s="315">
        <v>1510</v>
      </c>
      <c r="AF15" s="315">
        <v>1443</v>
      </c>
      <c r="AG15" s="312">
        <v>7878</v>
      </c>
      <c r="AH15" s="317">
        <v>9305</v>
      </c>
      <c r="AI15" s="311">
        <v>18</v>
      </c>
      <c r="AJ15" s="315">
        <v>196</v>
      </c>
      <c r="AK15" s="312">
        <v>214</v>
      </c>
      <c r="AL15" s="314">
        <v>0</v>
      </c>
      <c r="AM15" s="315">
        <v>103</v>
      </c>
      <c r="AN15" s="315">
        <v>371</v>
      </c>
      <c r="AO15" s="315">
        <v>243</v>
      </c>
      <c r="AP15" s="315">
        <v>237</v>
      </c>
      <c r="AQ15" s="315">
        <v>182</v>
      </c>
      <c r="AR15" s="312">
        <v>1136</v>
      </c>
      <c r="AS15" s="317">
        <v>1350</v>
      </c>
      <c r="AT15" s="311">
        <v>0</v>
      </c>
      <c r="AU15" s="315">
        <v>0</v>
      </c>
      <c r="AV15" s="312">
        <v>0</v>
      </c>
      <c r="AW15" s="314">
        <v>0</v>
      </c>
      <c r="AX15" s="315">
        <v>5037</v>
      </c>
      <c r="AY15" s="315">
        <v>3516</v>
      </c>
      <c r="AZ15" s="315">
        <v>3090</v>
      </c>
      <c r="BA15" s="315">
        <v>2003</v>
      </c>
      <c r="BB15" s="315">
        <v>898</v>
      </c>
      <c r="BC15" s="316">
        <v>14544</v>
      </c>
      <c r="BD15" s="317">
        <v>14544</v>
      </c>
      <c r="BE15" s="311">
        <v>0</v>
      </c>
      <c r="BF15" s="315">
        <v>0</v>
      </c>
      <c r="BG15" s="312">
        <v>0</v>
      </c>
      <c r="BH15" s="314">
        <v>0</v>
      </c>
      <c r="BI15" s="315">
        <v>697</v>
      </c>
      <c r="BJ15" s="315">
        <v>997</v>
      </c>
      <c r="BK15" s="315">
        <v>747</v>
      </c>
      <c r="BL15" s="315">
        <v>519</v>
      </c>
      <c r="BM15" s="315">
        <v>229</v>
      </c>
      <c r="BN15" s="312">
        <v>3189</v>
      </c>
      <c r="BO15" s="317">
        <v>3189</v>
      </c>
      <c r="BP15" s="311">
        <v>2</v>
      </c>
      <c r="BQ15" s="315">
        <v>63</v>
      </c>
      <c r="BR15" s="312">
        <v>65</v>
      </c>
      <c r="BS15" s="314">
        <v>0</v>
      </c>
      <c r="BT15" s="315">
        <v>559</v>
      </c>
      <c r="BU15" s="315">
        <v>665</v>
      </c>
      <c r="BV15" s="315">
        <v>1448</v>
      </c>
      <c r="BW15" s="315">
        <v>1111</v>
      </c>
      <c r="BX15" s="315">
        <v>582</v>
      </c>
      <c r="BY15" s="312">
        <v>4365</v>
      </c>
      <c r="BZ15" s="317">
        <v>4430</v>
      </c>
      <c r="CA15" s="311">
        <v>0</v>
      </c>
      <c r="CB15" s="315">
        <v>0</v>
      </c>
      <c r="CC15" s="312">
        <v>0</v>
      </c>
      <c r="CD15" s="314">
        <v>0</v>
      </c>
      <c r="CE15" s="315">
        <v>11</v>
      </c>
      <c r="CF15" s="315">
        <v>31</v>
      </c>
      <c r="CG15" s="315">
        <v>13</v>
      </c>
      <c r="CH15" s="315">
        <v>27</v>
      </c>
      <c r="CI15" s="315">
        <v>21</v>
      </c>
      <c r="CJ15" s="312">
        <v>103</v>
      </c>
      <c r="CK15" s="317">
        <v>103</v>
      </c>
      <c r="CL15" s="311">
        <v>0</v>
      </c>
      <c r="CM15" s="315">
        <v>0</v>
      </c>
      <c r="CN15" s="312">
        <v>0</v>
      </c>
      <c r="CO15" s="314">
        <v>0</v>
      </c>
      <c r="CP15" s="315">
        <v>0</v>
      </c>
      <c r="CQ15" s="315">
        <v>0</v>
      </c>
      <c r="CR15" s="315">
        <v>0</v>
      </c>
      <c r="CS15" s="315">
        <v>0</v>
      </c>
      <c r="CT15" s="315">
        <v>0</v>
      </c>
      <c r="CU15" s="312">
        <v>0</v>
      </c>
      <c r="CV15" s="317">
        <v>0</v>
      </c>
      <c r="CW15" s="311">
        <v>0</v>
      </c>
      <c r="CX15" s="315">
        <v>0</v>
      </c>
      <c r="CY15" s="312">
        <v>0</v>
      </c>
      <c r="CZ15" s="314">
        <v>0</v>
      </c>
      <c r="DA15" s="315">
        <v>0</v>
      </c>
      <c r="DB15" s="315">
        <v>0</v>
      </c>
      <c r="DC15" s="315">
        <v>0</v>
      </c>
      <c r="DD15" s="315">
        <v>0</v>
      </c>
      <c r="DE15" s="315">
        <v>0</v>
      </c>
      <c r="DF15" s="312">
        <v>0</v>
      </c>
      <c r="DG15" s="317">
        <v>0</v>
      </c>
    </row>
    <row r="16" spans="1:111" ht="18.75" customHeight="1" x14ac:dyDescent="0.2">
      <c r="A16" s="296" t="s">
        <v>13</v>
      </c>
      <c r="B16" s="311">
        <v>0</v>
      </c>
      <c r="C16" s="315">
        <v>0</v>
      </c>
      <c r="D16" s="437">
        <v>0</v>
      </c>
      <c r="E16" s="314">
        <v>0</v>
      </c>
      <c r="F16" s="315">
        <v>1999</v>
      </c>
      <c r="G16" s="315">
        <v>3468</v>
      </c>
      <c r="H16" s="315">
        <v>4013</v>
      </c>
      <c r="I16" s="315">
        <v>4175</v>
      </c>
      <c r="J16" s="315">
        <v>5955</v>
      </c>
      <c r="K16" s="316">
        <v>19610</v>
      </c>
      <c r="L16" s="317">
        <v>19610</v>
      </c>
      <c r="M16" s="311">
        <v>3</v>
      </c>
      <c r="N16" s="315">
        <v>0</v>
      </c>
      <c r="O16" s="312">
        <v>3</v>
      </c>
      <c r="P16" s="314">
        <v>0</v>
      </c>
      <c r="Q16" s="315">
        <v>0</v>
      </c>
      <c r="R16" s="315">
        <v>14</v>
      </c>
      <c r="S16" s="315">
        <v>31</v>
      </c>
      <c r="T16" s="315">
        <v>78</v>
      </c>
      <c r="U16" s="315">
        <v>144</v>
      </c>
      <c r="V16" s="312">
        <v>267</v>
      </c>
      <c r="W16" s="317">
        <v>270</v>
      </c>
      <c r="X16" s="311">
        <v>36</v>
      </c>
      <c r="Y16" s="315">
        <v>153</v>
      </c>
      <c r="Z16" s="312">
        <v>189</v>
      </c>
      <c r="AA16" s="314">
        <v>0</v>
      </c>
      <c r="AB16" s="315">
        <v>550</v>
      </c>
      <c r="AC16" s="315">
        <v>1132</v>
      </c>
      <c r="AD16" s="315">
        <v>818</v>
      </c>
      <c r="AE16" s="315">
        <v>761</v>
      </c>
      <c r="AF16" s="315">
        <v>768</v>
      </c>
      <c r="AG16" s="312">
        <v>4029</v>
      </c>
      <c r="AH16" s="317">
        <v>4218</v>
      </c>
      <c r="AI16" s="311">
        <v>43</v>
      </c>
      <c r="AJ16" s="315">
        <v>34</v>
      </c>
      <c r="AK16" s="312">
        <v>77</v>
      </c>
      <c r="AL16" s="314">
        <v>0</v>
      </c>
      <c r="AM16" s="315">
        <v>198</v>
      </c>
      <c r="AN16" s="315">
        <v>248</v>
      </c>
      <c r="AO16" s="315">
        <v>104</v>
      </c>
      <c r="AP16" s="315">
        <v>141</v>
      </c>
      <c r="AQ16" s="315">
        <v>52</v>
      </c>
      <c r="AR16" s="312">
        <v>743</v>
      </c>
      <c r="AS16" s="317">
        <v>820</v>
      </c>
      <c r="AT16" s="311">
        <v>0</v>
      </c>
      <c r="AU16" s="315">
        <v>0</v>
      </c>
      <c r="AV16" s="312">
        <v>0</v>
      </c>
      <c r="AW16" s="314">
        <v>0</v>
      </c>
      <c r="AX16" s="315">
        <v>1329</v>
      </c>
      <c r="AY16" s="315">
        <v>1408</v>
      </c>
      <c r="AZ16" s="315">
        <v>913</v>
      </c>
      <c r="BA16" s="315">
        <v>557</v>
      </c>
      <c r="BB16" s="315">
        <v>220</v>
      </c>
      <c r="BC16" s="316">
        <v>4427</v>
      </c>
      <c r="BD16" s="317">
        <v>4427</v>
      </c>
      <c r="BE16" s="311">
        <v>0</v>
      </c>
      <c r="BF16" s="315">
        <v>0</v>
      </c>
      <c r="BG16" s="312">
        <v>0</v>
      </c>
      <c r="BH16" s="314">
        <v>0</v>
      </c>
      <c r="BI16" s="315">
        <v>142</v>
      </c>
      <c r="BJ16" s="315">
        <v>231</v>
      </c>
      <c r="BK16" s="315">
        <v>138</v>
      </c>
      <c r="BL16" s="315">
        <v>183</v>
      </c>
      <c r="BM16" s="315">
        <v>66</v>
      </c>
      <c r="BN16" s="312">
        <v>760</v>
      </c>
      <c r="BO16" s="317">
        <v>760</v>
      </c>
      <c r="BP16" s="311">
        <v>0</v>
      </c>
      <c r="BQ16" s="315">
        <v>0</v>
      </c>
      <c r="BR16" s="312">
        <v>0</v>
      </c>
      <c r="BS16" s="314">
        <v>0</v>
      </c>
      <c r="BT16" s="315">
        <v>91</v>
      </c>
      <c r="BU16" s="315">
        <v>216</v>
      </c>
      <c r="BV16" s="315">
        <v>640</v>
      </c>
      <c r="BW16" s="315">
        <v>707</v>
      </c>
      <c r="BX16" s="315">
        <v>348</v>
      </c>
      <c r="BY16" s="312">
        <v>2002</v>
      </c>
      <c r="BZ16" s="317">
        <v>2002</v>
      </c>
      <c r="CA16" s="311">
        <v>0</v>
      </c>
      <c r="CB16" s="315">
        <v>0</v>
      </c>
      <c r="CC16" s="312">
        <v>0</v>
      </c>
      <c r="CD16" s="314">
        <v>0</v>
      </c>
      <c r="CE16" s="315">
        <v>27</v>
      </c>
      <c r="CF16" s="315">
        <v>26</v>
      </c>
      <c r="CG16" s="315">
        <v>104</v>
      </c>
      <c r="CH16" s="315">
        <v>40</v>
      </c>
      <c r="CI16" s="315">
        <v>0</v>
      </c>
      <c r="CJ16" s="312">
        <v>197</v>
      </c>
      <c r="CK16" s="317">
        <v>197</v>
      </c>
      <c r="CL16" s="311">
        <v>0</v>
      </c>
      <c r="CM16" s="315">
        <v>0</v>
      </c>
      <c r="CN16" s="312">
        <v>0</v>
      </c>
      <c r="CO16" s="314">
        <v>0</v>
      </c>
      <c r="CP16" s="315">
        <v>0</v>
      </c>
      <c r="CQ16" s="315">
        <v>0</v>
      </c>
      <c r="CR16" s="315">
        <v>0</v>
      </c>
      <c r="CS16" s="315">
        <v>0</v>
      </c>
      <c r="CT16" s="315">
        <v>0</v>
      </c>
      <c r="CU16" s="312">
        <v>0</v>
      </c>
      <c r="CV16" s="317">
        <v>0</v>
      </c>
      <c r="CW16" s="311">
        <v>0</v>
      </c>
      <c r="CX16" s="315">
        <v>0</v>
      </c>
      <c r="CY16" s="312">
        <v>0</v>
      </c>
      <c r="CZ16" s="314">
        <v>0</v>
      </c>
      <c r="DA16" s="315">
        <v>0</v>
      </c>
      <c r="DB16" s="315">
        <v>0</v>
      </c>
      <c r="DC16" s="315">
        <v>0</v>
      </c>
      <c r="DD16" s="315">
        <v>0</v>
      </c>
      <c r="DE16" s="315">
        <v>0</v>
      </c>
      <c r="DF16" s="312">
        <v>0</v>
      </c>
      <c r="DG16" s="317">
        <v>0</v>
      </c>
    </row>
    <row r="17" spans="1:111" ht="18.75" customHeight="1" x14ac:dyDescent="0.2">
      <c r="A17" s="296" t="s">
        <v>15</v>
      </c>
      <c r="B17" s="311">
        <v>0</v>
      </c>
      <c r="C17" s="315">
        <v>0</v>
      </c>
      <c r="D17" s="437">
        <v>0</v>
      </c>
      <c r="E17" s="314">
        <v>0</v>
      </c>
      <c r="F17" s="315">
        <v>1177</v>
      </c>
      <c r="G17" s="315">
        <v>1964</v>
      </c>
      <c r="H17" s="315">
        <v>1585</v>
      </c>
      <c r="I17" s="315">
        <v>1149</v>
      </c>
      <c r="J17" s="315">
        <v>1903</v>
      </c>
      <c r="K17" s="316">
        <v>7778</v>
      </c>
      <c r="L17" s="317">
        <v>7778</v>
      </c>
      <c r="M17" s="311">
        <v>0</v>
      </c>
      <c r="N17" s="315">
        <v>0</v>
      </c>
      <c r="O17" s="312">
        <v>0</v>
      </c>
      <c r="P17" s="314">
        <v>0</v>
      </c>
      <c r="Q17" s="315">
        <v>5</v>
      </c>
      <c r="R17" s="315">
        <v>24</v>
      </c>
      <c r="S17" s="315">
        <v>24</v>
      </c>
      <c r="T17" s="315">
        <v>60</v>
      </c>
      <c r="U17" s="315">
        <v>172</v>
      </c>
      <c r="V17" s="312">
        <v>285</v>
      </c>
      <c r="W17" s="317">
        <v>285</v>
      </c>
      <c r="X17" s="311">
        <v>10</v>
      </c>
      <c r="Y17" s="315">
        <v>61</v>
      </c>
      <c r="Z17" s="312">
        <v>71</v>
      </c>
      <c r="AA17" s="314">
        <v>0</v>
      </c>
      <c r="AB17" s="315">
        <v>255</v>
      </c>
      <c r="AC17" s="315">
        <v>438</v>
      </c>
      <c r="AD17" s="315">
        <v>254</v>
      </c>
      <c r="AE17" s="315">
        <v>237</v>
      </c>
      <c r="AF17" s="315">
        <v>304</v>
      </c>
      <c r="AG17" s="312">
        <v>1488</v>
      </c>
      <c r="AH17" s="317">
        <v>1559</v>
      </c>
      <c r="AI17" s="311">
        <v>9</v>
      </c>
      <c r="AJ17" s="315">
        <v>4</v>
      </c>
      <c r="AK17" s="312">
        <v>13</v>
      </c>
      <c r="AL17" s="314">
        <v>0</v>
      </c>
      <c r="AM17" s="315">
        <v>49</v>
      </c>
      <c r="AN17" s="315">
        <v>94</v>
      </c>
      <c r="AO17" s="315">
        <v>47</v>
      </c>
      <c r="AP17" s="315">
        <v>46</v>
      </c>
      <c r="AQ17" s="315">
        <v>106</v>
      </c>
      <c r="AR17" s="312">
        <v>342</v>
      </c>
      <c r="AS17" s="317">
        <v>355</v>
      </c>
      <c r="AT17" s="311">
        <v>0</v>
      </c>
      <c r="AU17" s="315">
        <v>0</v>
      </c>
      <c r="AV17" s="312">
        <v>0</v>
      </c>
      <c r="AW17" s="314">
        <v>0</v>
      </c>
      <c r="AX17" s="315">
        <v>730</v>
      </c>
      <c r="AY17" s="315">
        <v>1182</v>
      </c>
      <c r="AZ17" s="315">
        <v>581</v>
      </c>
      <c r="BA17" s="315">
        <v>165</v>
      </c>
      <c r="BB17" s="315">
        <v>95</v>
      </c>
      <c r="BC17" s="316">
        <v>2753</v>
      </c>
      <c r="BD17" s="317">
        <v>2753</v>
      </c>
      <c r="BE17" s="311">
        <v>0</v>
      </c>
      <c r="BF17" s="315">
        <v>0</v>
      </c>
      <c r="BG17" s="312">
        <v>0</v>
      </c>
      <c r="BH17" s="314">
        <v>0</v>
      </c>
      <c r="BI17" s="315">
        <v>241</v>
      </c>
      <c r="BJ17" s="315">
        <v>264</v>
      </c>
      <c r="BK17" s="315">
        <v>130</v>
      </c>
      <c r="BL17" s="315">
        <v>76</v>
      </c>
      <c r="BM17" s="315">
        <v>11</v>
      </c>
      <c r="BN17" s="312">
        <v>722</v>
      </c>
      <c r="BO17" s="317">
        <v>722</v>
      </c>
      <c r="BP17" s="311">
        <v>0</v>
      </c>
      <c r="BQ17" s="315">
        <v>0</v>
      </c>
      <c r="BR17" s="312">
        <v>0</v>
      </c>
      <c r="BS17" s="314">
        <v>0</v>
      </c>
      <c r="BT17" s="315">
        <v>229</v>
      </c>
      <c r="BU17" s="315">
        <v>278</v>
      </c>
      <c r="BV17" s="315">
        <v>823</v>
      </c>
      <c r="BW17" s="315">
        <v>463</v>
      </c>
      <c r="BX17" s="315">
        <v>262</v>
      </c>
      <c r="BY17" s="312">
        <v>2055</v>
      </c>
      <c r="BZ17" s="317">
        <v>2055</v>
      </c>
      <c r="CA17" s="311">
        <v>0</v>
      </c>
      <c r="CB17" s="315">
        <v>0</v>
      </c>
      <c r="CC17" s="312">
        <v>0</v>
      </c>
      <c r="CD17" s="314">
        <v>0</v>
      </c>
      <c r="CE17" s="315">
        <v>39</v>
      </c>
      <c r="CF17" s="315">
        <v>4</v>
      </c>
      <c r="CG17" s="315">
        <v>41</v>
      </c>
      <c r="CH17" s="315">
        <v>38</v>
      </c>
      <c r="CI17" s="315">
        <v>8</v>
      </c>
      <c r="CJ17" s="312">
        <v>130</v>
      </c>
      <c r="CK17" s="317">
        <v>130</v>
      </c>
      <c r="CL17" s="311">
        <v>0</v>
      </c>
      <c r="CM17" s="315">
        <v>0</v>
      </c>
      <c r="CN17" s="312">
        <v>0</v>
      </c>
      <c r="CO17" s="314">
        <v>0</v>
      </c>
      <c r="CP17" s="315">
        <v>0</v>
      </c>
      <c r="CQ17" s="315">
        <v>0</v>
      </c>
      <c r="CR17" s="315">
        <v>0</v>
      </c>
      <c r="CS17" s="315">
        <v>0</v>
      </c>
      <c r="CT17" s="315">
        <v>0</v>
      </c>
      <c r="CU17" s="312">
        <v>0</v>
      </c>
      <c r="CV17" s="317">
        <v>0</v>
      </c>
      <c r="CW17" s="311">
        <v>0</v>
      </c>
      <c r="CX17" s="315">
        <v>0</v>
      </c>
      <c r="CY17" s="312">
        <v>0</v>
      </c>
      <c r="CZ17" s="314">
        <v>0</v>
      </c>
      <c r="DA17" s="315">
        <v>0</v>
      </c>
      <c r="DB17" s="315">
        <v>0</v>
      </c>
      <c r="DC17" s="315">
        <v>0</v>
      </c>
      <c r="DD17" s="315">
        <v>0</v>
      </c>
      <c r="DE17" s="315">
        <v>0</v>
      </c>
      <c r="DF17" s="312">
        <v>0</v>
      </c>
      <c r="DG17" s="317">
        <v>0</v>
      </c>
    </row>
    <row r="18" spans="1:111" ht="18.75" customHeight="1" x14ac:dyDescent="0.2">
      <c r="A18" s="296" t="s">
        <v>16</v>
      </c>
      <c r="B18" s="311">
        <v>0</v>
      </c>
      <c r="C18" s="315">
        <v>0</v>
      </c>
      <c r="D18" s="437">
        <v>0</v>
      </c>
      <c r="E18" s="314">
        <v>0</v>
      </c>
      <c r="F18" s="315">
        <v>2064</v>
      </c>
      <c r="G18" s="315">
        <v>3603</v>
      </c>
      <c r="H18" s="315">
        <v>4419</v>
      </c>
      <c r="I18" s="315">
        <v>4143</v>
      </c>
      <c r="J18" s="315">
        <v>3653</v>
      </c>
      <c r="K18" s="316">
        <v>17882</v>
      </c>
      <c r="L18" s="317">
        <v>17882</v>
      </c>
      <c r="M18" s="311">
        <v>0</v>
      </c>
      <c r="N18" s="315">
        <v>0</v>
      </c>
      <c r="O18" s="312">
        <v>0</v>
      </c>
      <c r="P18" s="314">
        <v>0</v>
      </c>
      <c r="Q18" s="315">
        <v>12</v>
      </c>
      <c r="R18" s="315">
        <v>41</v>
      </c>
      <c r="S18" s="315">
        <v>42</v>
      </c>
      <c r="T18" s="315">
        <v>116</v>
      </c>
      <c r="U18" s="315">
        <v>223</v>
      </c>
      <c r="V18" s="312">
        <v>434</v>
      </c>
      <c r="W18" s="317">
        <v>434</v>
      </c>
      <c r="X18" s="311">
        <v>89</v>
      </c>
      <c r="Y18" s="315">
        <v>359</v>
      </c>
      <c r="Z18" s="312">
        <v>448</v>
      </c>
      <c r="AA18" s="314">
        <v>0</v>
      </c>
      <c r="AB18" s="315">
        <v>1134</v>
      </c>
      <c r="AC18" s="315">
        <v>2088</v>
      </c>
      <c r="AD18" s="315">
        <v>1389</v>
      </c>
      <c r="AE18" s="315">
        <v>1276</v>
      </c>
      <c r="AF18" s="315">
        <v>1031</v>
      </c>
      <c r="AG18" s="312">
        <v>6918</v>
      </c>
      <c r="AH18" s="317">
        <v>7366</v>
      </c>
      <c r="AI18" s="311">
        <v>0</v>
      </c>
      <c r="AJ18" s="315">
        <v>57</v>
      </c>
      <c r="AK18" s="312">
        <v>57</v>
      </c>
      <c r="AL18" s="314">
        <v>0</v>
      </c>
      <c r="AM18" s="315">
        <v>76</v>
      </c>
      <c r="AN18" s="315">
        <v>237</v>
      </c>
      <c r="AO18" s="315">
        <v>207</v>
      </c>
      <c r="AP18" s="315">
        <v>112</v>
      </c>
      <c r="AQ18" s="315">
        <v>72</v>
      </c>
      <c r="AR18" s="312">
        <v>704</v>
      </c>
      <c r="AS18" s="317">
        <v>761</v>
      </c>
      <c r="AT18" s="311">
        <v>0</v>
      </c>
      <c r="AU18" s="315">
        <v>0</v>
      </c>
      <c r="AV18" s="312">
        <v>0</v>
      </c>
      <c r="AW18" s="314">
        <v>0</v>
      </c>
      <c r="AX18" s="315">
        <v>2606</v>
      </c>
      <c r="AY18" s="315">
        <v>3656</v>
      </c>
      <c r="AZ18" s="315">
        <v>3046</v>
      </c>
      <c r="BA18" s="315">
        <v>1542</v>
      </c>
      <c r="BB18" s="315">
        <v>1107</v>
      </c>
      <c r="BC18" s="316">
        <v>11957</v>
      </c>
      <c r="BD18" s="317">
        <v>11957</v>
      </c>
      <c r="BE18" s="311">
        <v>0</v>
      </c>
      <c r="BF18" s="315">
        <v>0</v>
      </c>
      <c r="BG18" s="312">
        <v>0</v>
      </c>
      <c r="BH18" s="314">
        <v>0</v>
      </c>
      <c r="BI18" s="315">
        <v>1263</v>
      </c>
      <c r="BJ18" s="315">
        <v>1962</v>
      </c>
      <c r="BK18" s="315">
        <v>855</v>
      </c>
      <c r="BL18" s="315">
        <v>524</v>
      </c>
      <c r="BM18" s="315">
        <v>206</v>
      </c>
      <c r="BN18" s="312">
        <v>4810</v>
      </c>
      <c r="BO18" s="317">
        <v>4810</v>
      </c>
      <c r="BP18" s="311">
        <v>0</v>
      </c>
      <c r="BQ18" s="315">
        <v>12</v>
      </c>
      <c r="BR18" s="312">
        <v>12</v>
      </c>
      <c r="BS18" s="314">
        <v>0</v>
      </c>
      <c r="BT18" s="315">
        <v>263</v>
      </c>
      <c r="BU18" s="315">
        <v>516</v>
      </c>
      <c r="BV18" s="315">
        <v>1119</v>
      </c>
      <c r="BW18" s="315">
        <v>628</v>
      </c>
      <c r="BX18" s="315">
        <v>294</v>
      </c>
      <c r="BY18" s="312">
        <v>2820</v>
      </c>
      <c r="BZ18" s="317">
        <v>2832</v>
      </c>
      <c r="CA18" s="311">
        <v>0</v>
      </c>
      <c r="CB18" s="315">
        <v>0</v>
      </c>
      <c r="CC18" s="312">
        <v>0</v>
      </c>
      <c r="CD18" s="314">
        <v>0</v>
      </c>
      <c r="CE18" s="315">
        <v>4</v>
      </c>
      <c r="CF18" s="315">
        <v>70</v>
      </c>
      <c r="CG18" s="315">
        <v>50</v>
      </c>
      <c r="CH18" s="315">
        <v>41</v>
      </c>
      <c r="CI18" s="315">
        <v>22</v>
      </c>
      <c r="CJ18" s="312">
        <v>187</v>
      </c>
      <c r="CK18" s="317">
        <v>187</v>
      </c>
      <c r="CL18" s="311">
        <v>0</v>
      </c>
      <c r="CM18" s="315">
        <v>0</v>
      </c>
      <c r="CN18" s="312">
        <v>0</v>
      </c>
      <c r="CO18" s="314">
        <v>0</v>
      </c>
      <c r="CP18" s="315">
        <v>0</v>
      </c>
      <c r="CQ18" s="315">
        <v>0</v>
      </c>
      <c r="CR18" s="315">
        <v>0</v>
      </c>
      <c r="CS18" s="315">
        <v>0</v>
      </c>
      <c r="CT18" s="315">
        <v>0</v>
      </c>
      <c r="CU18" s="312">
        <v>0</v>
      </c>
      <c r="CV18" s="317">
        <v>0</v>
      </c>
      <c r="CW18" s="311">
        <v>0</v>
      </c>
      <c r="CX18" s="315">
        <v>0</v>
      </c>
      <c r="CY18" s="312">
        <v>0</v>
      </c>
      <c r="CZ18" s="314">
        <v>0</v>
      </c>
      <c r="DA18" s="315">
        <v>0</v>
      </c>
      <c r="DB18" s="315">
        <v>0</v>
      </c>
      <c r="DC18" s="315">
        <v>0</v>
      </c>
      <c r="DD18" s="315">
        <v>0</v>
      </c>
      <c r="DE18" s="315">
        <v>0</v>
      </c>
      <c r="DF18" s="312">
        <v>0</v>
      </c>
      <c r="DG18" s="317">
        <v>0</v>
      </c>
    </row>
    <row r="19" spans="1:111" ht="18.75" customHeight="1" x14ac:dyDescent="0.2">
      <c r="A19" s="296" t="s">
        <v>17</v>
      </c>
      <c r="B19" s="311">
        <v>0</v>
      </c>
      <c r="C19" s="315">
        <v>0</v>
      </c>
      <c r="D19" s="437">
        <v>0</v>
      </c>
      <c r="E19" s="314">
        <v>0</v>
      </c>
      <c r="F19" s="315">
        <v>2363</v>
      </c>
      <c r="G19" s="315">
        <v>6880</v>
      </c>
      <c r="H19" s="315">
        <v>7515</v>
      </c>
      <c r="I19" s="315">
        <v>9365</v>
      </c>
      <c r="J19" s="315">
        <v>10940</v>
      </c>
      <c r="K19" s="316">
        <v>37063</v>
      </c>
      <c r="L19" s="317">
        <v>37063</v>
      </c>
      <c r="M19" s="311">
        <v>0</v>
      </c>
      <c r="N19" s="315">
        <v>7</v>
      </c>
      <c r="O19" s="312">
        <v>7</v>
      </c>
      <c r="P19" s="314">
        <v>0</v>
      </c>
      <c r="Q19" s="315">
        <v>0</v>
      </c>
      <c r="R19" s="315">
        <v>58</v>
      </c>
      <c r="S19" s="315">
        <v>109</v>
      </c>
      <c r="T19" s="315">
        <v>173</v>
      </c>
      <c r="U19" s="315">
        <v>391</v>
      </c>
      <c r="V19" s="312">
        <v>731</v>
      </c>
      <c r="W19" s="317">
        <v>738</v>
      </c>
      <c r="X19" s="311">
        <v>169</v>
      </c>
      <c r="Y19" s="315">
        <v>599</v>
      </c>
      <c r="Z19" s="312">
        <v>768</v>
      </c>
      <c r="AA19" s="314">
        <v>0</v>
      </c>
      <c r="AB19" s="315">
        <v>955</v>
      </c>
      <c r="AC19" s="315">
        <v>2258</v>
      </c>
      <c r="AD19" s="315">
        <v>1425</v>
      </c>
      <c r="AE19" s="315">
        <v>1450</v>
      </c>
      <c r="AF19" s="315">
        <v>1307</v>
      </c>
      <c r="AG19" s="312">
        <v>7395</v>
      </c>
      <c r="AH19" s="317">
        <v>8163</v>
      </c>
      <c r="AI19" s="311">
        <v>29</v>
      </c>
      <c r="AJ19" s="315">
        <v>52</v>
      </c>
      <c r="AK19" s="312">
        <v>81</v>
      </c>
      <c r="AL19" s="314">
        <v>0</v>
      </c>
      <c r="AM19" s="315">
        <v>64</v>
      </c>
      <c r="AN19" s="315">
        <v>251</v>
      </c>
      <c r="AO19" s="315">
        <v>202</v>
      </c>
      <c r="AP19" s="315">
        <v>100</v>
      </c>
      <c r="AQ19" s="315">
        <v>73</v>
      </c>
      <c r="AR19" s="312">
        <v>690</v>
      </c>
      <c r="AS19" s="317">
        <v>771</v>
      </c>
      <c r="AT19" s="311">
        <v>0</v>
      </c>
      <c r="AU19" s="315">
        <v>0</v>
      </c>
      <c r="AV19" s="312">
        <v>0</v>
      </c>
      <c r="AW19" s="314">
        <v>0</v>
      </c>
      <c r="AX19" s="315">
        <v>3038</v>
      </c>
      <c r="AY19" s="315">
        <v>4869</v>
      </c>
      <c r="AZ19" s="315">
        <v>3506</v>
      </c>
      <c r="BA19" s="315">
        <v>2190</v>
      </c>
      <c r="BB19" s="315">
        <v>820</v>
      </c>
      <c r="BC19" s="316">
        <v>14423</v>
      </c>
      <c r="BD19" s="317">
        <v>14423</v>
      </c>
      <c r="BE19" s="311">
        <v>0</v>
      </c>
      <c r="BF19" s="315">
        <v>0</v>
      </c>
      <c r="BG19" s="312">
        <v>0</v>
      </c>
      <c r="BH19" s="314">
        <v>0</v>
      </c>
      <c r="BI19" s="315">
        <v>500</v>
      </c>
      <c r="BJ19" s="315">
        <v>1155</v>
      </c>
      <c r="BK19" s="315">
        <v>590</v>
      </c>
      <c r="BL19" s="315">
        <v>342</v>
      </c>
      <c r="BM19" s="315">
        <v>121</v>
      </c>
      <c r="BN19" s="312">
        <v>2708</v>
      </c>
      <c r="BO19" s="317">
        <v>2708</v>
      </c>
      <c r="BP19" s="311">
        <v>0</v>
      </c>
      <c r="BQ19" s="315">
        <v>27</v>
      </c>
      <c r="BR19" s="312">
        <v>27</v>
      </c>
      <c r="BS19" s="314">
        <v>0</v>
      </c>
      <c r="BT19" s="315">
        <v>273</v>
      </c>
      <c r="BU19" s="315">
        <v>874</v>
      </c>
      <c r="BV19" s="315">
        <v>1069</v>
      </c>
      <c r="BW19" s="315">
        <v>1382</v>
      </c>
      <c r="BX19" s="315">
        <v>450</v>
      </c>
      <c r="BY19" s="312">
        <v>4048</v>
      </c>
      <c r="BZ19" s="317">
        <v>4075</v>
      </c>
      <c r="CA19" s="311">
        <v>0</v>
      </c>
      <c r="CB19" s="315">
        <v>0</v>
      </c>
      <c r="CC19" s="312">
        <v>0</v>
      </c>
      <c r="CD19" s="314">
        <v>0</v>
      </c>
      <c r="CE19" s="315">
        <v>18</v>
      </c>
      <c r="CF19" s="315">
        <v>91</v>
      </c>
      <c r="CG19" s="315">
        <v>75</v>
      </c>
      <c r="CH19" s="315">
        <v>32</v>
      </c>
      <c r="CI19" s="315">
        <v>106</v>
      </c>
      <c r="CJ19" s="312">
        <v>322</v>
      </c>
      <c r="CK19" s="317">
        <v>322</v>
      </c>
      <c r="CL19" s="311">
        <v>0</v>
      </c>
      <c r="CM19" s="315">
        <v>0</v>
      </c>
      <c r="CN19" s="312">
        <v>0</v>
      </c>
      <c r="CO19" s="314">
        <v>0</v>
      </c>
      <c r="CP19" s="315">
        <v>0</v>
      </c>
      <c r="CQ19" s="315">
        <v>0</v>
      </c>
      <c r="CR19" s="315">
        <v>0</v>
      </c>
      <c r="CS19" s="315">
        <v>0</v>
      </c>
      <c r="CT19" s="315">
        <v>0</v>
      </c>
      <c r="CU19" s="312">
        <v>0</v>
      </c>
      <c r="CV19" s="317">
        <v>0</v>
      </c>
      <c r="CW19" s="311">
        <v>0</v>
      </c>
      <c r="CX19" s="315">
        <v>0</v>
      </c>
      <c r="CY19" s="312">
        <v>0</v>
      </c>
      <c r="CZ19" s="314">
        <v>0</v>
      </c>
      <c r="DA19" s="315">
        <v>0</v>
      </c>
      <c r="DB19" s="315">
        <v>0</v>
      </c>
      <c r="DC19" s="315">
        <v>0</v>
      </c>
      <c r="DD19" s="315">
        <v>0</v>
      </c>
      <c r="DE19" s="315">
        <v>0</v>
      </c>
      <c r="DF19" s="312">
        <v>0</v>
      </c>
      <c r="DG19" s="317">
        <v>0</v>
      </c>
    </row>
    <row r="20" spans="1:111" ht="18.75" customHeight="1" x14ac:dyDescent="0.2">
      <c r="A20" s="296" t="s">
        <v>18</v>
      </c>
      <c r="B20" s="311">
        <v>2</v>
      </c>
      <c r="C20" s="315">
        <v>0</v>
      </c>
      <c r="D20" s="437">
        <v>2</v>
      </c>
      <c r="E20" s="314">
        <v>0</v>
      </c>
      <c r="F20" s="315">
        <v>5025</v>
      </c>
      <c r="G20" s="315">
        <v>7227</v>
      </c>
      <c r="H20" s="315">
        <v>8146</v>
      </c>
      <c r="I20" s="315">
        <v>12738</v>
      </c>
      <c r="J20" s="315">
        <v>8769</v>
      </c>
      <c r="K20" s="316">
        <v>41905</v>
      </c>
      <c r="L20" s="317">
        <v>41907</v>
      </c>
      <c r="M20" s="311">
        <v>0</v>
      </c>
      <c r="N20" s="315">
        <v>4</v>
      </c>
      <c r="O20" s="312">
        <v>4</v>
      </c>
      <c r="P20" s="314">
        <v>0</v>
      </c>
      <c r="Q20" s="315">
        <v>12</v>
      </c>
      <c r="R20" s="315">
        <v>56</v>
      </c>
      <c r="S20" s="315">
        <v>72</v>
      </c>
      <c r="T20" s="315">
        <v>175</v>
      </c>
      <c r="U20" s="315">
        <v>390</v>
      </c>
      <c r="V20" s="312">
        <v>705</v>
      </c>
      <c r="W20" s="317">
        <v>709</v>
      </c>
      <c r="X20" s="311">
        <v>249</v>
      </c>
      <c r="Y20" s="315">
        <v>663</v>
      </c>
      <c r="Z20" s="312">
        <v>912</v>
      </c>
      <c r="AA20" s="314">
        <v>0</v>
      </c>
      <c r="AB20" s="315">
        <v>2277</v>
      </c>
      <c r="AC20" s="315">
        <v>2475</v>
      </c>
      <c r="AD20" s="315">
        <v>1881</v>
      </c>
      <c r="AE20" s="315">
        <v>1698</v>
      </c>
      <c r="AF20" s="315">
        <v>1423</v>
      </c>
      <c r="AG20" s="312">
        <v>9754</v>
      </c>
      <c r="AH20" s="317">
        <v>10666</v>
      </c>
      <c r="AI20" s="311">
        <v>50</v>
      </c>
      <c r="AJ20" s="315">
        <v>90</v>
      </c>
      <c r="AK20" s="312">
        <v>140</v>
      </c>
      <c r="AL20" s="314">
        <v>0</v>
      </c>
      <c r="AM20" s="315">
        <v>487</v>
      </c>
      <c r="AN20" s="315">
        <v>529</v>
      </c>
      <c r="AO20" s="315">
        <v>526</v>
      </c>
      <c r="AP20" s="315">
        <v>221</v>
      </c>
      <c r="AQ20" s="315">
        <v>172</v>
      </c>
      <c r="AR20" s="312">
        <v>1935</v>
      </c>
      <c r="AS20" s="317">
        <v>2075</v>
      </c>
      <c r="AT20" s="311">
        <v>0</v>
      </c>
      <c r="AU20" s="315">
        <v>0</v>
      </c>
      <c r="AV20" s="312">
        <v>0</v>
      </c>
      <c r="AW20" s="314">
        <v>0</v>
      </c>
      <c r="AX20" s="315">
        <v>4758</v>
      </c>
      <c r="AY20" s="315">
        <v>5056</v>
      </c>
      <c r="AZ20" s="315">
        <v>3567</v>
      </c>
      <c r="BA20" s="315">
        <v>2082</v>
      </c>
      <c r="BB20" s="315">
        <v>679</v>
      </c>
      <c r="BC20" s="316">
        <v>16142</v>
      </c>
      <c r="BD20" s="317">
        <v>16142</v>
      </c>
      <c r="BE20" s="311">
        <v>0</v>
      </c>
      <c r="BF20" s="315">
        <v>0</v>
      </c>
      <c r="BG20" s="312">
        <v>0</v>
      </c>
      <c r="BH20" s="314">
        <v>0</v>
      </c>
      <c r="BI20" s="315">
        <v>1194</v>
      </c>
      <c r="BJ20" s="315">
        <v>1120</v>
      </c>
      <c r="BK20" s="315">
        <v>727</v>
      </c>
      <c r="BL20" s="315">
        <v>410</v>
      </c>
      <c r="BM20" s="315">
        <v>116</v>
      </c>
      <c r="BN20" s="312">
        <v>3567</v>
      </c>
      <c r="BO20" s="317">
        <v>3567</v>
      </c>
      <c r="BP20" s="311">
        <v>0</v>
      </c>
      <c r="BQ20" s="315">
        <v>16</v>
      </c>
      <c r="BR20" s="312">
        <v>16</v>
      </c>
      <c r="BS20" s="314">
        <v>0</v>
      </c>
      <c r="BT20" s="315">
        <v>390</v>
      </c>
      <c r="BU20" s="315">
        <v>918</v>
      </c>
      <c r="BV20" s="315">
        <v>1964</v>
      </c>
      <c r="BW20" s="315">
        <v>1440</v>
      </c>
      <c r="BX20" s="315">
        <v>842</v>
      </c>
      <c r="BY20" s="312">
        <v>5554</v>
      </c>
      <c r="BZ20" s="317">
        <v>5570</v>
      </c>
      <c r="CA20" s="311">
        <v>0</v>
      </c>
      <c r="CB20" s="315">
        <v>0</v>
      </c>
      <c r="CC20" s="312">
        <v>0</v>
      </c>
      <c r="CD20" s="314">
        <v>0</v>
      </c>
      <c r="CE20" s="315">
        <v>6</v>
      </c>
      <c r="CF20" s="315">
        <v>18</v>
      </c>
      <c r="CG20" s="315">
        <v>4</v>
      </c>
      <c r="CH20" s="315">
        <v>31</v>
      </c>
      <c r="CI20" s="315">
        <v>10</v>
      </c>
      <c r="CJ20" s="312">
        <v>69</v>
      </c>
      <c r="CK20" s="317">
        <v>69</v>
      </c>
      <c r="CL20" s="311">
        <v>0</v>
      </c>
      <c r="CM20" s="315">
        <v>0</v>
      </c>
      <c r="CN20" s="312">
        <v>0</v>
      </c>
      <c r="CO20" s="314">
        <v>0</v>
      </c>
      <c r="CP20" s="315">
        <v>0</v>
      </c>
      <c r="CQ20" s="315">
        <v>0</v>
      </c>
      <c r="CR20" s="315">
        <v>0</v>
      </c>
      <c r="CS20" s="315">
        <v>0</v>
      </c>
      <c r="CT20" s="315">
        <v>0</v>
      </c>
      <c r="CU20" s="312">
        <v>0</v>
      </c>
      <c r="CV20" s="317">
        <v>0</v>
      </c>
      <c r="CW20" s="311">
        <v>0</v>
      </c>
      <c r="CX20" s="315">
        <v>0</v>
      </c>
      <c r="CY20" s="312">
        <v>0</v>
      </c>
      <c r="CZ20" s="314">
        <v>0</v>
      </c>
      <c r="DA20" s="315">
        <v>0</v>
      </c>
      <c r="DB20" s="315">
        <v>0</v>
      </c>
      <c r="DC20" s="315">
        <v>0</v>
      </c>
      <c r="DD20" s="315">
        <v>0</v>
      </c>
      <c r="DE20" s="315">
        <v>0</v>
      </c>
      <c r="DF20" s="312">
        <v>0</v>
      </c>
      <c r="DG20" s="317">
        <v>0</v>
      </c>
    </row>
    <row r="21" spans="1:111" ht="18.75" customHeight="1" x14ac:dyDescent="0.2">
      <c r="A21" s="296" t="s">
        <v>19</v>
      </c>
      <c r="B21" s="311">
        <v>0</v>
      </c>
      <c r="C21" s="315">
        <v>0</v>
      </c>
      <c r="D21" s="437">
        <v>0</v>
      </c>
      <c r="E21" s="314">
        <v>0</v>
      </c>
      <c r="F21" s="315">
        <v>2027</v>
      </c>
      <c r="G21" s="315">
        <v>2714</v>
      </c>
      <c r="H21" s="315">
        <v>2878</v>
      </c>
      <c r="I21" s="315">
        <v>3862</v>
      </c>
      <c r="J21" s="315">
        <v>2056</v>
      </c>
      <c r="K21" s="316">
        <v>13537</v>
      </c>
      <c r="L21" s="317">
        <v>13537</v>
      </c>
      <c r="M21" s="311">
        <v>0</v>
      </c>
      <c r="N21" s="315">
        <v>5</v>
      </c>
      <c r="O21" s="312">
        <v>5</v>
      </c>
      <c r="P21" s="314">
        <v>0</v>
      </c>
      <c r="Q21" s="315">
        <v>15</v>
      </c>
      <c r="R21" s="315">
        <v>16</v>
      </c>
      <c r="S21" s="315">
        <v>52</v>
      </c>
      <c r="T21" s="315">
        <v>98</v>
      </c>
      <c r="U21" s="315">
        <v>155</v>
      </c>
      <c r="V21" s="312">
        <v>336</v>
      </c>
      <c r="W21" s="317">
        <v>341</v>
      </c>
      <c r="X21" s="311">
        <v>155</v>
      </c>
      <c r="Y21" s="315">
        <v>310</v>
      </c>
      <c r="Z21" s="312">
        <v>465</v>
      </c>
      <c r="AA21" s="314">
        <v>0</v>
      </c>
      <c r="AB21" s="315">
        <v>1139</v>
      </c>
      <c r="AC21" s="315">
        <v>1072</v>
      </c>
      <c r="AD21" s="315">
        <v>724</v>
      </c>
      <c r="AE21" s="315">
        <v>762</v>
      </c>
      <c r="AF21" s="315">
        <v>640</v>
      </c>
      <c r="AG21" s="312">
        <v>4337</v>
      </c>
      <c r="AH21" s="317">
        <v>4802</v>
      </c>
      <c r="AI21" s="311">
        <v>28</v>
      </c>
      <c r="AJ21" s="315">
        <v>54</v>
      </c>
      <c r="AK21" s="312">
        <v>82</v>
      </c>
      <c r="AL21" s="314">
        <v>0</v>
      </c>
      <c r="AM21" s="315">
        <v>213</v>
      </c>
      <c r="AN21" s="315">
        <v>169</v>
      </c>
      <c r="AO21" s="315">
        <v>115</v>
      </c>
      <c r="AP21" s="315">
        <v>92</v>
      </c>
      <c r="AQ21" s="315">
        <v>21</v>
      </c>
      <c r="AR21" s="312">
        <v>610</v>
      </c>
      <c r="AS21" s="317">
        <v>692</v>
      </c>
      <c r="AT21" s="311">
        <v>0</v>
      </c>
      <c r="AU21" s="315">
        <v>0</v>
      </c>
      <c r="AV21" s="312">
        <v>0</v>
      </c>
      <c r="AW21" s="314">
        <v>0</v>
      </c>
      <c r="AX21" s="315">
        <v>1993</v>
      </c>
      <c r="AY21" s="315">
        <v>2298</v>
      </c>
      <c r="AZ21" s="315">
        <v>1289</v>
      </c>
      <c r="BA21" s="315">
        <v>491</v>
      </c>
      <c r="BB21" s="315">
        <v>363</v>
      </c>
      <c r="BC21" s="316">
        <v>6434</v>
      </c>
      <c r="BD21" s="317">
        <v>6434</v>
      </c>
      <c r="BE21" s="311">
        <v>0</v>
      </c>
      <c r="BF21" s="315">
        <v>0</v>
      </c>
      <c r="BG21" s="312">
        <v>0</v>
      </c>
      <c r="BH21" s="314">
        <v>0</v>
      </c>
      <c r="BI21" s="315">
        <v>576</v>
      </c>
      <c r="BJ21" s="315">
        <v>565</v>
      </c>
      <c r="BK21" s="315">
        <v>308</v>
      </c>
      <c r="BL21" s="315">
        <v>234</v>
      </c>
      <c r="BM21" s="315">
        <v>76</v>
      </c>
      <c r="BN21" s="312">
        <v>1759</v>
      </c>
      <c r="BO21" s="317">
        <v>1759</v>
      </c>
      <c r="BP21" s="311">
        <v>0</v>
      </c>
      <c r="BQ21" s="315">
        <v>9</v>
      </c>
      <c r="BR21" s="312">
        <v>9</v>
      </c>
      <c r="BS21" s="314">
        <v>0</v>
      </c>
      <c r="BT21" s="315">
        <v>154</v>
      </c>
      <c r="BU21" s="315">
        <v>394</v>
      </c>
      <c r="BV21" s="315">
        <v>668</v>
      </c>
      <c r="BW21" s="315">
        <v>218</v>
      </c>
      <c r="BX21" s="315">
        <v>190</v>
      </c>
      <c r="BY21" s="312">
        <v>1624</v>
      </c>
      <c r="BZ21" s="317">
        <v>1633</v>
      </c>
      <c r="CA21" s="311">
        <v>0</v>
      </c>
      <c r="CB21" s="315">
        <v>0</v>
      </c>
      <c r="CC21" s="312">
        <v>0</v>
      </c>
      <c r="CD21" s="314">
        <v>0</v>
      </c>
      <c r="CE21" s="315">
        <v>21</v>
      </c>
      <c r="CF21" s="315">
        <v>62</v>
      </c>
      <c r="CG21" s="315">
        <v>60</v>
      </c>
      <c r="CH21" s="315">
        <v>87</v>
      </c>
      <c r="CI21" s="315">
        <v>33</v>
      </c>
      <c r="CJ21" s="312">
        <v>263</v>
      </c>
      <c r="CK21" s="317">
        <v>263</v>
      </c>
      <c r="CL21" s="311">
        <v>0</v>
      </c>
      <c r="CM21" s="315">
        <v>0</v>
      </c>
      <c r="CN21" s="312">
        <v>0</v>
      </c>
      <c r="CO21" s="314">
        <v>0</v>
      </c>
      <c r="CP21" s="315">
        <v>0</v>
      </c>
      <c r="CQ21" s="315">
        <v>0</v>
      </c>
      <c r="CR21" s="315">
        <v>0</v>
      </c>
      <c r="CS21" s="315">
        <v>0</v>
      </c>
      <c r="CT21" s="315">
        <v>0</v>
      </c>
      <c r="CU21" s="312">
        <v>0</v>
      </c>
      <c r="CV21" s="317">
        <v>0</v>
      </c>
      <c r="CW21" s="311">
        <v>0</v>
      </c>
      <c r="CX21" s="315">
        <v>0</v>
      </c>
      <c r="CY21" s="312">
        <v>0</v>
      </c>
      <c r="CZ21" s="314">
        <v>0</v>
      </c>
      <c r="DA21" s="315">
        <v>0</v>
      </c>
      <c r="DB21" s="315">
        <v>0</v>
      </c>
      <c r="DC21" s="315">
        <v>0</v>
      </c>
      <c r="DD21" s="315">
        <v>0</v>
      </c>
      <c r="DE21" s="315">
        <v>0</v>
      </c>
      <c r="DF21" s="312">
        <v>0</v>
      </c>
      <c r="DG21" s="317">
        <v>0</v>
      </c>
    </row>
    <row r="22" spans="1:111" ht="18.75" customHeight="1" x14ac:dyDescent="0.2">
      <c r="A22" s="296" t="s">
        <v>20</v>
      </c>
      <c r="B22" s="311">
        <v>0</v>
      </c>
      <c r="C22" s="315">
        <v>0</v>
      </c>
      <c r="D22" s="437">
        <v>0</v>
      </c>
      <c r="E22" s="314">
        <v>0</v>
      </c>
      <c r="F22" s="315">
        <v>2896</v>
      </c>
      <c r="G22" s="315">
        <v>3593</v>
      </c>
      <c r="H22" s="315">
        <v>3519</v>
      </c>
      <c r="I22" s="315">
        <v>3638</v>
      </c>
      <c r="J22" s="315">
        <v>3467</v>
      </c>
      <c r="K22" s="316">
        <v>17113</v>
      </c>
      <c r="L22" s="317">
        <v>17113</v>
      </c>
      <c r="M22" s="311">
        <v>0</v>
      </c>
      <c r="N22" s="315">
        <v>5</v>
      </c>
      <c r="O22" s="312">
        <v>5</v>
      </c>
      <c r="P22" s="314">
        <v>0</v>
      </c>
      <c r="Q22" s="315">
        <v>4</v>
      </c>
      <c r="R22" s="315">
        <v>39</v>
      </c>
      <c r="S22" s="315">
        <v>44</v>
      </c>
      <c r="T22" s="315">
        <v>98</v>
      </c>
      <c r="U22" s="315">
        <v>202</v>
      </c>
      <c r="V22" s="312">
        <v>387</v>
      </c>
      <c r="W22" s="317">
        <v>392</v>
      </c>
      <c r="X22" s="311">
        <v>112</v>
      </c>
      <c r="Y22" s="315">
        <v>555</v>
      </c>
      <c r="Z22" s="312">
        <v>667</v>
      </c>
      <c r="AA22" s="314">
        <v>0</v>
      </c>
      <c r="AB22" s="315">
        <v>1879</v>
      </c>
      <c r="AC22" s="315">
        <v>1300</v>
      </c>
      <c r="AD22" s="315">
        <v>952</v>
      </c>
      <c r="AE22" s="315">
        <v>712</v>
      </c>
      <c r="AF22" s="315">
        <v>517</v>
      </c>
      <c r="AG22" s="312">
        <v>5360</v>
      </c>
      <c r="AH22" s="317">
        <v>6027</v>
      </c>
      <c r="AI22" s="311">
        <v>98</v>
      </c>
      <c r="AJ22" s="315">
        <v>274</v>
      </c>
      <c r="AK22" s="312">
        <v>372</v>
      </c>
      <c r="AL22" s="314">
        <v>0</v>
      </c>
      <c r="AM22" s="315">
        <v>515</v>
      </c>
      <c r="AN22" s="315">
        <v>498</v>
      </c>
      <c r="AO22" s="315">
        <v>321</v>
      </c>
      <c r="AP22" s="315">
        <v>365</v>
      </c>
      <c r="AQ22" s="315">
        <v>143</v>
      </c>
      <c r="AR22" s="312">
        <v>1842</v>
      </c>
      <c r="AS22" s="317">
        <v>2214</v>
      </c>
      <c r="AT22" s="311">
        <v>0</v>
      </c>
      <c r="AU22" s="315">
        <v>0</v>
      </c>
      <c r="AV22" s="312">
        <v>0</v>
      </c>
      <c r="AW22" s="314">
        <v>0</v>
      </c>
      <c r="AX22" s="315">
        <v>2451</v>
      </c>
      <c r="AY22" s="315">
        <v>1397</v>
      </c>
      <c r="AZ22" s="315">
        <v>1509</v>
      </c>
      <c r="BA22" s="315">
        <v>695</v>
      </c>
      <c r="BB22" s="315">
        <v>350</v>
      </c>
      <c r="BC22" s="316">
        <v>6402</v>
      </c>
      <c r="BD22" s="317">
        <v>6402</v>
      </c>
      <c r="BE22" s="311">
        <v>0</v>
      </c>
      <c r="BF22" s="315">
        <v>0</v>
      </c>
      <c r="BG22" s="312">
        <v>0</v>
      </c>
      <c r="BH22" s="314">
        <v>0</v>
      </c>
      <c r="BI22" s="315">
        <v>1176</v>
      </c>
      <c r="BJ22" s="315">
        <v>744</v>
      </c>
      <c r="BK22" s="315">
        <v>439</v>
      </c>
      <c r="BL22" s="315">
        <v>315</v>
      </c>
      <c r="BM22" s="315">
        <v>65</v>
      </c>
      <c r="BN22" s="312">
        <v>2739</v>
      </c>
      <c r="BO22" s="317">
        <v>2739</v>
      </c>
      <c r="BP22" s="311">
        <v>10</v>
      </c>
      <c r="BQ22" s="315">
        <v>30</v>
      </c>
      <c r="BR22" s="312">
        <v>40</v>
      </c>
      <c r="BS22" s="314">
        <v>0</v>
      </c>
      <c r="BT22" s="315">
        <v>332</v>
      </c>
      <c r="BU22" s="315">
        <v>396</v>
      </c>
      <c r="BV22" s="315">
        <v>1197</v>
      </c>
      <c r="BW22" s="315">
        <v>583</v>
      </c>
      <c r="BX22" s="315">
        <v>340</v>
      </c>
      <c r="BY22" s="312">
        <v>2848</v>
      </c>
      <c r="BZ22" s="317">
        <v>2888</v>
      </c>
      <c r="CA22" s="311">
        <v>0</v>
      </c>
      <c r="CB22" s="315">
        <v>0</v>
      </c>
      <c r="CC22" s="312">
        <v>0</v>
      </c>
      <c r="CD22" s="314">
        <v>0</v>
      </c>
      <c r="CE22" s="315">
        <v>6</v>
      </c>
      <c r="CF22" s="315">
        <v>36</v>
      </c>
      <c r="CG22" s="315">
        <v>92</v>
      </c>
      <c r="CH22" s="315">
        <v>52</v>
      </c>
      <c r="CI22" s="315">
        <v>27</v>
      </c>
      <c r="CJ22" s="312">
        <v>213</v>
      </c>
      <c r="CK22" s="317">
        <v>213</v>
      </c>
      <c r="CL22" s="311">
        <v>0</v>
      </c>
      <c r="CM22" s="315">
        <v>0</v>
      </c>
      <c r="CN22" s="312">
        <v>0</v>
      </c>
      <c r="CO22" s="314">
        <v>0</v>
      </c>
      <c r="CP22" s="315">
        <v>0</v>
      </c>
      <c r="CQ22" s="315">
        <v>0</v>
      </c>
      <c r="CR22" s="315">
        <v>0</v>
      </c>
      <c r="CS22" s="315">
        <v>0</v>
      </c>
      <c r="CT22" s="315">
        <v>0</v>
      </c>
      <c r="CU22" s="312">
        <v>0</v>
      </c>
      <c r="CV22" s="317">
        <v>0</v>
      </c>
      <c r="CW22" s="311">
        <v>0</v>
      </c>
      <c r="CX22" s="315">
        <v>0</v>
      </c>
      <c r="CY22" s="312">
        <v>0</v>
      </c>
      <c r="CZ22" s="314">
        <v>0</v>
      </c>
      <c r="DA22" s="315">
        <v>0</v>
      </c>
      <c r="DB22" s="315">
        <v>0</v>
      </c>
      <c r="DC22" s="315">
        <v>0</v>
      </c>
      <c r="DD22" s="315">
        <v>0</v>
      </c>
      <c r="DE22" s="315">
        <v>0</v>
      </c>
      <c r="DF22" s="312">
        <v>0</v>
      </c>
      <c r="DG22" s="317">
        <v>0</v>
      </c>
    </row>
    <row r="23" spans="1:111" ht="18.75" customHeight="1" x14ac:dyDescent="0.2">
      <c r="A23" s="296" t="s">
        <v>21</v>
      </c>
      <c r="B23" s="311">
        <v>0</v>
      </c>
      <c r="C23" s="315">
        <v>0</v>
      </c>
      <c r="D23" s="437">
        <v>0</v>
      </c>
      <c r="E23" s="314">
        <v>0</v>
      </c>
      <c r="F23" s="315">
        <v>3077</v>
      </c>
      <c r="G23" s="315">
        <v>5535</v>
      </c>
      <c r="H23" s="315">
        <v>6217</v>
      </c>
      <c r="I23" s="315">
        <v>6236</v>
      </c>
      <c r="J23" s="315">
        <v>4638</v>
      </c>
      <c r="K23" s="316">
        <v>25703</v>
      </c>
      <c r="L23" s="317">
        <v>25703</v>
      </c>
      <c r="M23" s="311">
        <v>0</v>
      </c>
      <c r="N23" s="315">
        <v>0</v>
      </c>
      <c r="O23" s="312">
        <v>0</v>
      </c>
      <c r="P23" s="314">
        <v>0</v>
      </c>
      <c r="Q23" s="315">
        <v>0</v>
      </c>
      <c r="R23" s="315">
        <v>12</v>
      </c>
      <c r="S23" s="315">
        <v>65</v>
      </c>
      <c r="T23" s="315">
        <v>125</v>
      </c>
      <c r="U23" s="315">
        <v>243</v>
      </c>
      <c r="V23" s="312">
        <v>445</v>
      </c>
      <c r="W23" s="317">
        <v>445</v>
      </c>
      <c r="X23" s="311">
        <v>313</v>
      </c>
      <c r="Y23" s="315">
        <v>575</v>
      </c>
      <c r="Z23" s="312">
        <v>888</v>
      </c>
      <c r="AA23" s="314">
        <v>0</v>
      </c>
      <c r="AB23" s="315">
        <v>1418</v>
      </c>
      <c r="AC23" s="315">
        <v>2423</v>
      </c>
      <c r="AD23" s="315">
        <v>1420</v>
      </c>
      <c r="AE23" s="315">
        <v>1130</v>
      </c>
      <c r="AF23" s="315">
        <v>694</v>
      </c>
      <c r="AG23" s="312">
        <v>7085</v>
      </c>
      <c r="AH23" s="317">
        <v>7973</v>
      </c>
      <c r="AI23" s="311">
        <v>124</v>
      </c>
      <c r="AJ23" s="315">
        <v>273</v>
      </c>
      <c r="AK23" s="312">
        <v>397</v>
      </c>
      <c r="AL23" s="314">
        <v>0</v>
      </c>
      <c r="AM23" s="315">
        <v>242</v>
      </c>
      <c r="AN23" s="315">
        <v>371</v>
      </c>
      <c r="AO23" s="315">
        <v>177</v>
      </c>
      <c r="AP23" s="315">
        <v>200</v>
      </c>
      <c r="AQ23" s="315">
        <v>54</v>
      </c>
      <c r="AR23" s="312">
        <v>1044</v>
      </c>
      <c r="AS23" s="317">
        <v>1441</v>
      </c>
      <c r="AT23" s="311">
        <v>0</v>
      </c>
      <c r="AU23" s="315">
        <v>0</v>
      </c>
      <c r="AV23" s="312">
        <v>0</v>
      </c>
      <c r="AW23" s="314">
        <v>0</v>
      </c>
      <c r="AX23" s="315">
        <v>2136</v>
      </c>
      <c r="AY23" s="315">
        <v>2946</v>
      </c>
      <c r="AZ23" s="315">
        <v>1850</v>
      </c>
      <c r="BA23" s="315">
        <v>995</v>
      </c>
      <c r="BB23" s="315">
        <v>349</v>
      </c>
      <c r="BC23" s="316">
        <v>8276</v>
      </c>
      <c r="BD23" s="317">
        <v>8276</v>
      </c>
      <c r="BE23" s="311">
        <v>0</v>
      </c>
      <c r="BF23" s="315">
        <v>0</v>
      </c>
      <c r="BG23" s="312">
        <v>0</v>
      </c>
      <c r="BH23" s="314">
        <v>0</v>
      </c>
      <c r="BI23" s="315">
        <v>325</v>
      </c>
      <c r="BJ23" s="315">
        <v>416</v>
      </c>
      <c r="BK23" s="315">
        <v>345</v>
      </c>
      <c r="BL23" s="315">
        <v>87</v>
      </c>
      <c r="BM23" s="315">
        <v>116</v>
      </c>
      <c r="BN23" s="312">
        <v>1289</v>
      </c>
      <c r="BO23" s="317">
        <v>1289</v>
      </c>
      <c r="BP23" s="311">
        <v>11</v>
      </c>
      <c r="BQ23" s="315">
        <v>37</v>
      </c>
      <c r="BR23" s="312">
        <v>48</v>
      </c>
      <c r="BS23" s="314">
        <v>0</v>
      </c>
      <c r="BT23" s="315">
        <v>124</v>
      </c>
      <c r="BU23" s="315">
        <v>509</v>
      </c>
      <c r="BV23" s="315">
        <v>794</v>
      </c>
      <c r="BW23" s="315">
        <v>1096</v>
      </c>
      <c r="BX23" s="315">
        <v>426</v>
      </c>
      <c r="BY23" s="312">
        <v>2949</v>
      </c>
      <c r="BZ23" s="317">
        <v>2997</v>
      </c>
      <c r="CA23" s="311">
        <v>0</v>
      </c>
      <c r="CB23" s="315">
        <v>0</v>
      </c>
      <c r="CC23" s="312">
        <v>0</v>
      </c>
      <c r="CD23" s="314">
        <v>0</v>
      </c>
      <c r="CE23" s="315">
        <v>0</v>
      </c>
      <c r="CF23" s="315">
        <v>59</v>
      </c>
      <c r="CG23" s="315">
        <v>16</v>
      </c>
      <c r="CH23" s="315">
        <v>9</v>
      </c>
      <c r="CI23" s="315">
        <v>30</v>
      </c>
      <c r="CJ23" s="312">
        <v>114</v>
      </c>
      <c r="CK23" s="317">
        <v>114</v>
      </c>
      <c r="CL23" s="311">
        <v>0</v>
      </c>
      <c r="CM23" s="315">
        <v>0</v>
      </c>
      <c r="CN23" s="312">
        <v>0</v>
      </c>
      <c r="CO23" s="314">
        <v>0</v>
      </c>
      <c r="CP23" s="315">
        <v>0</v>
      </c>
      <c r="CQ23" s="315">
        <v>0</v>
      </c>
      <c r="CR23" s="315">
        <v>0</v>
      </c>
      <c r="CS23" s="315">
        <v>0</v>
      </c>
      <c r="CT23" s="315">
        <v>0</v>
      </c>
      <c r="CU23" s="312">
        <v>0</v>
      </c>
      <c r="CV23" s="317">
        <v>0</v>
      </c>
      <c r="CW23" s="311">
        <v>0</v>
      </c>
      <c r="CX23" s="315">
        <v>0</v>
      </c>
      <c r="CY23" s="312">
        <v>0</v>
      </c>
      <c r="CZ23" s="314">
        <v>0</v>
      </c>
      <c r="DA23" s="315">
        <v>0</v>
      </c>
      <c r="DB23" s="315">
        <v>0</v>
      </c>
      <c r="DC23" s="315">
        <v>0</v>
      </c>
      <c r="DD23" s="315">
        <v>0</v>
      </c>
      <c r="DE23" s="315">
        <v>0</v>
      </c>
      <c r="DF23" s="312">
        <v>0</v>
      </c>
      <c r="DG23" s="317">
        <v>0</v>
      </c>
    </row>
    <row r="24" spans="1:111" ht="18.75" customHeight="1" x14ac:dyDescent="0.2">
      <c r="A24" s="296" t="s">
        <v>22</v>
      </c>
      <c r="B24" s="311">
        <v>0</v>
      </c>
      <c r="C24" s="315">
        <v>0</v>
      </c>
      <c r="D24" s="437">
        <v>0</v>
      </c>
      <c r="E24" s="314">
        <v>0</v>
      </c>
      <c r="F24" s="315">
        <v>689</v>
      </c>
      <c r="G24" s="315">
        <v>1130</v>
      </c>
      <c r="H24" s="315">
        <v>589</v>
      </c>
      <c r="I24" s="315">
        <v>1528</v>
      </c>
      <c r="J24" s="315">
        <v>1277</v>
      </c>
      <c r="K24" s="316">
        <v>5213</v>
      </c>
      <c r="L24" s="317">
        <v>5213</v>
      </c>
      <c r="M24" s="311">
        <v>0</v>
      </c>
      <c r="N24" s="315">
        <v>0</v>
      </c>
      <c r="O24" s="312">
        <v>0</v>
      </c>
      <c r="P24" s="314">
        <v>0</v>
      </c>
      <c r="Q24" s="315">
        <v>0</v>
      </c>
      <c r="R24" s="315">
        <v>6</v>
      </c>
      <c r="S24" s="315">
        <v>25</v>
      </c>
      <c r="T24" s="315">
        <v>44</v>
      </c>
      <c r="U24" s="315">
        <v>123</v>
      </c>
      <c r="V24" s="312">
        <v>198</v>
      </c>
      <c r="W24" s="317">
        <v>198</v>
      </c>
      <c r="X24" s="311">
        <v>12</v>
      </c>
      <c r="Y24" s="315">
        <v>82</v>
      </c>
      <c r="Z24" s="312">
        <v>94</v>
      </c>
      <c r="AA24" s="314">
        <v>0</v>
      </c>
      <c r="AB24" s="315">
        <v>238</v>
      </c>
      <c r="AC24" s="315">
        <v>594</v>
      </c>
      <c r="AD24" s="315">
        <v>144</v>
      </c>
      <c r="AE24" s="315">
        <v>263</v>
      </c>
      <c r="AF24" s="315">
        <v>378</v>
      </c>
      <c r="AG24" s="312">
        <v>1617</v>
      </c>
      <c r="AH24" s="317">
        <v>1711</v>
      </c>
      <c r="AI24" s="311">
        <v>18</v>
      </c>
      <c r="AJ24" s="315">
        <v>17</v>
      </c>
      <c r="AK24" s="312">
        <v>35</v>
      </c>
      <c r="AL24" s="314">
        <v>0</v>
      </c>
      <c r="AM24" s="315">
        <v>87</v>
      </c>
      <c r="AN24" s="315">
        <v>117</v>
      </c>
      <c r="AO24" s="315">
        <v>70</v>
      </c>
      <c r="AP24" s="315">
        <v>35</v>
      </c>
      <c r="AQ24" s="315">
        <v>31</v>
      </c>
      <c r="AR24" s="312">
        <v>340</v>
      </c>
      <c r="AS24" s="317">
        <v>375</v>
      </c>
      <c r="AT24" s="311">
        <v>0</v>
      </c>
      <c r="AU24" s="315">
        <v>0</v>
      </c>
      <c r="AV24" s="312">
        <v>0</v>
      </c>
      <c r="AW24" s="314">
        <v>0</v>
      </c>
      <c r="AX24" s="315">
        <v>1150</v>
      </c>
      <c r="AY24" s="315">
        <v>1033</v>
      </c>
      <c r="AZ24" s="315">
        <v>357</v>
      </c>
      <c r="BA24" s="315">
        <v>376</v>
      </c>
      <c r="BB24" s="315">
        <v>133</v>
      </c>
      <c r="BC24" s="316">
        <v>3049</v>
      </c>
      <c r="BD24" s="317">
        <v>3049</v>
      </c>
      <c r="BE24" s="311">
        <v>0</v>
      </c>
      <c r="BF24" s="315">
        <v>0</v>
      </c>
      <c r="BG24" s="312">
        <v>0</v>
      </c>
      <c r="BH24" s="314">
        <v>0</v>
      </c>
      <c r="BI24" s="315">
        <v>133</v>
      </c>
      <c r="BJ24" s="315">
        <v>129</v>
      </c>
      <c r="BK24" s="315">
        <v>109</v>
      </c>
      <c r="BL24" s="315">
        <v>83</v>
      </c>
      <c r="BM24" s="315">
        <v>39</v>
      </c>
      <c r="BN24" s="312">
        <v>493</v>
      </c>
      <c r="BO24" s="317">
        <v>493</v>
      </c>
      <c r="BP24" s="311">
        <v>2</v>
      </c>
      <c r="BQ24" s="315">
        <v>36</v>
      </c>
      <c r="BR24" s="312">
        <v>38</v>
      </c>
      <c r="BS24" s="314">
        <v>0</v>
      </c>
      <c r="BT24" s="315">
        <v>87</v>
      </c>
      <c r="BU24" s="315">
        <v>172</v>
      </c>
      <c r="BV24" s="315">
        <v>465</v>
      </c>
      <c r="BW24" s="315">
        <v>175</v>
      </c>
      <c r="BX24" s="315">
        <v>130</v>
      </c>
      <c r="BY24" s="312">
        <v>1029</v>
      </c>
      <c r="BZ24" s="317">
        <v>1067</v>
      </c>
      <c r="CA24" s="311">
        <v>0</v>
      </c>
      <c r="CB24" s="315">
        <v>0</v>
      </c>
      <c r="CC24" s="312">
        <v>0</v>
      </c>
      <c r="CD24" s="314">
        <v>0</v>
      </c>
      <c r="CE24" s="315">
        <v>3</v>
      </c>
      <c r="CF24" s="315">
        <v>5</v>
      </c>
      <c r="CG24" s="315">
        <v>28</v>
      </c>
      <c r="CH24" s="315">
        <v>8</v>
      </c>
      <c r="CI24" s="315">
        <v>17</v>
      </c>
      <c r="CJ24" s="312">
        <v>61</v>
      </c>
      <c r="CK24" s="317">
        <v>61</v>
      </c>
      <c r="CL24" s="311">
        <v>0</v>
      </c>
      <c r="CM24" s="315">
        <v>0</v>
      </c>
      <c r="CN24" s="312">
        <v>0</v>
      </c>
      <c r="CO24" s="314">
        <v>0</v>
      </c>
      <c r="CP24" s="315">
        <v>0</v>
      </c>
      <c r="CQ24" s="315">
        <v>0</v>
      </c>
      <c r="CR24" s="315">
        <v>0</v>
      </c>
      <c r="CS24" s="315">
        <v>0</v>
      </c>
      <c r="CT24" s="315">
        <v>0</v>
      </c>
      <c r="CU24" s="312">
        <v>0</v>
      </c>
      <c r="CV24" s="317">
        <v>0</v>
      </c>
      <c r="CW24" s="311">
        <v>0</v>
      </c>
      <c r="CX24" s="315">
        <v>0</v>
      </c>
      <c r="CY24" s="312">
        <v>0</v>
      </c>
      <c r="CZ24" s="314">
        <v>0</v>
      </c>
      <c r="DA24" s="315">
        <v>0</v>
      </c>
      <c r="DB24" s="315">
        <v>0</v>
      </c>
      <c r="DC24" s="315">
        <v>0</v>
      </c>
      <c r="DD24" s="315">
        <v>0</v>
      </c>
      <c r="DE24" s="315">
        <v>0</v>
      </c>
      <c r="DF24" s="312">
        <v>0</v>
      </c>
      <c r="DG24" s="317">
        <v>0</v>
      </c>
    </row>
    <row r="25" spans="1:111" ht="18.75" customHeight="1" x14ac:dyDescent="0.2">
      <c r="A25" s="296" t="s">
        <v>23</v>
      </c>
      <c r="B25" s="311">
        <v>0</v>
      </c>
      <c r="C25" s="315">
        <v>0</v>
      </c>
      <c r="D25" s="437">
        <v>0</v>
      </c>
      <c r="E25" s="314">
        <v>0</v>
      </c>
      <c r="F25" s="315">
        <v>1781</v>
      </c>
      <c r="G25" s="315">
        <v>2370</v>
      </c>
      <c r="H25" s="315">
        <v>2735</v>
      </c>
      <c r="I25" s="315">
        <v>3108</v>
      </c>
      <c r="J25" s="315">
        <v>2308</v>
      </c>
      <c r="K25" s="316">
        <v>12302</v>
      </c>
      <c r="L25" s="317">
        <v>12302</v>
      </c>
      <c r="M25" s="311">
        <v>0</v>
      </c>
      <c r="N25" s="315">
        <v>0</v>
      </c>
      <c r="O25" s="312">
        <v>0</v>
      </c>
      <c r="P25" s="314">
        <v>0</v>
      </c>
      <c r="Q25" s="315">
        <v>5</v>
      </c>
      <c r="R25" s="315">
        <v>4</v>
      </c>
      <c r="S25" s="315">
        <v>31</v>
      </c>
      <c r="T25" s="315">
        <v>53</v>
      </c>
      <c r="U25" s="315">
        <v>61</v>
      </c>
      <c r="V25" s="312">
        <v>154</v>
      </c>
      <c r="W25" s="317">
        <v>154</v>
      </c>
      <c r="X25" s="311">
        <v>113</v>
      </c>
      <c r="Y25" s="315">
        <v>138</v>
      </c>
      <c r="Z25" s="312">
        <v>251</v>
      </c>
      <c r="AA25" s="314">
        <v>0</v>
      </c>
      <c r="AB25" s="315">
        <v>518</v>
      </c>
      <c r="AC25" s="315">
        <v>727</v>
      </c>
      <c r="AD25" s="315">
        <v>218</v>
      </c>
      <c r="AE25" s="315">
        <v>322</v>
      </c>
      <c r="AF25" s="315">
        <v>276</v>
      </c>
      <c r="AG25" s="312">
        <v>2061</v>
      </c>
      <c r="AH25" s="317">
        <v>2312</v>
      </c>
      <c r="AI25" s="311">
        <v>0</v>
      </c>
      <c r="AJ25" s="315">
        <v>103</v>
      </c>
      <c r="AK25" s="312">
        <v>103</v>
      </c>
      <c r="AL25" s="314">
        <v>0</v>
      </c>
      <c r="AM25" s="315">
        <v>103</v>
      </c>
      <c r="AN25" s="315">
        <v>198</v>
      </c>
      <c r="AO25" s="315">
        <v>119</v>
      </c>
      <c r="AP25" s="315">
        <v>66</v>
      </c>
      <c r="AQ25" s="315">
        <v>49</v>
      </c>
      <c r="AR25" s="312">
        <v>535</v>
      </c>
      <c r="AS25" s="317">
        <v>638</v>
      </c>
      <c r="AT25" s="311">
        <v>0</v>
      </c>
      <c r="AU25" s="315">
        <v>0</v>
      </c>
      <c r="AV25" s="312">
        <v>0</v>
      </c>
      <c r="AW25" s="314">
        <v>0</v>
      </c>
      <c r="AX25" s="315">
        <v>2491</v>
      </c>
      <c r="AY25" s="315">
        <v>2215</v>
      </c>
      <c r="AZ25" s="315">
        <v>1092</v>
      </c>
      <c r="BA25" s="315">
        <v>786</v>
      </c>
      <c r="BB25" s="315">
        <v>405</v>
      </c>
      <c r="BC25" s="316">
        <v>6989</v>
      </c>
      <c r="BD25" s="317">
        <v>6989</v>
      </c>
      <c r="BE25" s="311">
        <v>0</v>
      </c>
      <c r="BF25" s="315">
        <v>0</v>
      </c>
      <c r="BG25" s="312">
        <v>0</v>
      </c>
      <c r="BH25" s="314">
        <v>0</v>
      </c>
      <c r="BI25" s="315">
        <v>286</v>
      </c>
      <c r="BJ25" s="315">
        <v>454</v>
      </c>
      <c r="BK25" s="315">
        <v>235</v>
      </c>
      <c r="BL25" s="315">
        <v>181</v>
      </c>
      <c r="BM25" s="315">
        <v>47</v>
      </c>
      <c r="BN25" s="312">
        <v>1203</v>
      </c>
      <c r="BO25" s="317">
        <v>1203</v>
      </c>
      <c r="BP25" s="311">
        <v>13</v>
      </c>
      <c r="BQ25" s="315">
        <v>16</v>
      </c>
      <c r="BR25" s="312">
        <v>29</v>
      </c>
      <c r="BS25" s="314">
        <v>0</v>
      </c>
      <c r="BT25" s="315">
        <v>210</v>
      </c>
      <c r="BU25" s="315">
        <v>355</v>
      </c>
      <c r="BV25" s="315">
        <v>510</v>
      </c>
      <c r="BW25" s="315">
        <v>510</v>
      </c>
      <c r="BX25" s="315">
        <v>183</v>
      </c>
      <c r="BY25" s="312">
        <v>1768</v>
      </c>
      <c r="BZ25" s="317">
        <v>1797</v>
      </c>
      <c r="CA25" s="311">
        <v>0</v>
      </c>
      <c r="CB25" s="315">
        <v>0</v>
      </c>
      <c r="CC25" s="312">
        <v>0</v>
      </c>
      <c r="CD25" s="314">
        <v>0</v>
      </c>
      <c r="CE25" s="315">
        <v>2</v>
      </c>
      <c r="CF25" s="315">
        <v>24</v>
      </c>
      <c r="CG25" s="315">
        <v>7</v>
      </c>
      <c r="CH25" s="315">
        <v>19</v>
      </c>
      <c r="CI25" s="315">
        <v>47</v>
      </c>
      <c r="CJ25" s="312">
        <v>99</v>
      </c>
      <c r="CK25" s="317">
        <v>99</v>
      </c>
      <c r="CL25" s="311">
        <v>0</v>
      </c>
      <c r="CM25" s="315">
        <v>0</v>
      </c>
      <c r="CN25" s="312">
        <v>0</v>
      </c>
      <c r="CO25" s="314">
        <v>0</v>
      </c>
      <c r="CP25" s="315">
        <v>0</v>
      </c>
      <c r="CQ25" s="315">
        <v>0</v>
      </c>
      <c r="CR25" s="315">
        <v>0</v>
      </c>
      <c r="CS25" s="315">
        <v>0</v>
      </c>
      <c r="CT25" s="315">
        <v>0</v>
      </c>
      <c r="CU25" s="312">
        <v>0</v>
      </c>
      <c r="CV25" s="317">
        <v>0</v>
      </c>
      <c r="CW25" s="311">
        <v>0</v>
      </c>
      <c r="CX25" s="315">
        <v>0</v>
      </c>
      <c r="CY25" s="312">
        <v>0</v>
      </c>
      <c r="CZ25" s="314">
        <v>0</v>
      </c>
      <c r="DA25" s="315">
        <v>0</v>
      </c>
      <c r="DB25" s="315">
        <v>0</v>
      </c>
      <c r="DC25" s="315">
        <v>0</v>
      </c>
      <c r="DD25" s="315">
        <v>0</v>
      </c>
      <c r="DE25" s="315">
        <v>0</v>
      </c>
      <c r="DF25" s="312">
        <v>0</v>
      </c>
      <c r="DG25" s="317">
        <v>0</v>
      </c>
    </row>
    <row r="26" spans="1:111" ht="18.75" customHeight="1" x14ac:dyDescent="0.2">
      <c r="A26" s="296" t="s">
        <v>24</v>
      </c>
      <c r="B26" s="311">
        <v>0</v>
      </c>
      <c r="C26" s="315">
        <v>0</v>
      </c>
      <c r="D26" s="437">
        <v>0</v>
      </c>
      <c r="E26" s="314">
        <v>0</v>
      </c>
      <c r="F26" s="315">
        <v>721</v>
      </c>
      <c r="G26" s="315">
        <v>843</v>
      </c>
      <c r="H26" s="315">
        <v>973</v>
      </c>
      <c r="I26" s="315">
        <v>1405</v>
      </c>
      <c r="J26" s="315">
        <v>1988</v>
      </c>
      <c r="K26" s="316">
        <v>5930</v>
      </c>
      <c r="L26" s="317">
        <v>5930</v>
      </c>
      <c r="M26" s="311">
        <v>0</v>
      </c>
      <c r="N26" s="315">
        <v>0</v>
      </c>
      <c r="O26" s="312">
        <v>0</v>
      </c>
      <c r="P26" s="314">
        <v>0</v>
      </c>
      <c r="Q26" s="315">
        <v>3</v>
      </c>
      <c r="R26" s="315">
        <v>9</v>
      </c>
      <c r="S26" s="315">
        <v>10</v>
      </c>
      <c r="T26" s="315">
        <v>29</v>
      </c>
      <c r="U26" s="315">
        <v>80</v>
      </c>
      <c r="V26" s="312">
        <v>131</v>
      </c>
      <c r="W26" s="317">
        <v>131</v>
      </c>
      <c r="X26" s="311">
        <v>66</v>
      </c>
      <c r="Y26" s="315">
        <v>108</v>
      </c>
      <c r="Z26" s="312">
        <v>174</v>
      </c>
      <c r="AA26" s="314">
        <v>0</v>
      </c>
      <c r="AB26" s="315">
        <v>490</v>
      </c>
      <c r="AC26" s="315">
        <v>392</v>
      </c>
      <c r="AD26" s="315">
        <v>284</v>
      </c>
      <c r="AE26" s="315">
        <v>326</v>
      </c>
      <c r="AF26" s="315">
        <v>332</v>
      </c>
      <c r="AG26" s="312">
        <v>1824</v>
      </c>
      <c r="AH26" s="317">
        <v>1998</v>
      </c>
      <c r="AI26" s="311">
        <v>12</v>
      </c>
      <c r="AJ26" s="315">
        <v>46</v>
      </c>
      <c r="AK26" s="312">
        <v>58</v>
      </c>
      <c r="AL26" s="314">
        <v>0</v>
      </c>
      <c r="AM26" s="315">
        <v>42</v>
      </c>
      <c r="AN26" s="315">
        <v>40</v>
      </c>
      <c r="AO26" s="315">
        <v>8</v>
      </c>
      <c r="AP26" s="315">
        <v>31</v>
      </c>
      <c r="AQ26" s="315">
        <v>113</v>
      </c>
      <c r="AR26" s="312">
        <v>234</v>
      </c>
      <c r="AS26" s="317">
        <v>292</v>
      </c>
      <c r="AT26" s="311">
        <v>0</v>
      </c>
      <c r="AU26" s="315">
        <v>0</v>
      </c>
      <c r="AV26" s="312">
        <v>0</v>
      </c>
      <c r="AW26" s="314">
        <v>0</v>
      </c>
      <c r="AX26" s="315">
        <v>728</v>
      </c>
      <c r="AY26" s="315">
        <v>606</v>
      </c>
      <c r="AZ26" s="315">
        <v>344</v>
      </c>
      <c r="BA26" s="315">
        <v>133</v>
      </c>
      <c r="BB26" s="315">
        <v>38</v>
      </c>
      <c r="BC26" s="316">
        <v>1849</v>
      </c>
      <c r="BD26" s="317">
        <v>1849</v>
      </c>
      <c r="BE26" s="311">
        <v>0</v>
      </c>
      <c r="BF26" s="315">
        <v>0</v>
      </c>
      <c r="BG26" s="312">
        <v>0</v>
      </c>
      <c r="BH26" s="314">
        <v>0</v>
      </c>
      <c r="BI26" s="315">
        <v>330</v>
      </c>
      <c r="BJ26" s="315">
        <v>251</v>
      </c>
      <c r="BK26" s="315">
        <v>144</v>
      </c>
      <c r="BL26" s="315">
        <v>98</v>
      </c>
      <c r="BM26" s="315">
        <v>70</v>
      </c>
      <c r="BN26" s="312">
        <v>893</v>
      </c>
      <c r="BO26" s="317">
        <v>893</v>
      </c>
      <c r="BP26" s="311">
        <v>4</v>
      </c>
      <c r="BQ26" s="315">
        <v>10</v>
      </c>
      <c r="BR26" s="312">
        <v>14</v>
      </c>
      <c r="BS26" s="314">
        <v>0</v>
      </c>
      <c r="BT26" s="315">
        <v>148</v>
      </c>
      <c r="BU26" s="315">
        <v>198</v>
      </c>
      <c r="BV26" s="315">
        <v>229</v>
      </c>
      <c r="BW26" s="315">
        <v>170</v>
      </c>
      <c r="BX26" s="315">
        <v>156</v>
      </c>
      <c r="BY26" s="312">
        <v>901</v>
      </c>
      <c r="BZ26" s="317">
        <v>915</v>
      </c>
      <c r="CA26" s="311">
        <v>0</v>
      </c>
      <c r="CB26" s="315">
        <v>0</v>
      </c>
      <c r="CC26" s="312">
        <v>0</v>
      </c>
      <c r="CD26" s="314">
        <v>0</v>
      </c>
      <c r="CE26" s="315">
        <v>18</v>
      </c>
      <c r="CF26" s="315">
        <v>4</v>
      </c>
      <c r="CG26" s="315">
        <v>7</v>
      </c>
      <c r="CH26" s="315">
        <v>6</v>
      </c>
      <c r="CI26" s="315">
        <v>9</v>
      </c>
      <c r="CJ26" s="312">
        <v>44</v>
      </c>
      <c r="CK26" s="317">
        <v>44</v>
      </c>
      <c r="CL26" s="311">
        <v>0</v>
      </c>
      <c r="CM26" s="315">
        <v>0</v>
      </c>
      <c r="CN26" s="312">
        <v>0</v>
      </c>
      <c r="CO26" s="314">
        <v>0</v>
      </c>
      <c r="CP26" s="315">
        <v>0</v>
      </c>
      <c r="CQ26" s="315">
        <v>0</v>
      </c>
      <c r="CR26" s="315">
        <v>0</v>
      </c>
      <c r="CS26" s="315">
        <v>0</v>
      </c>
      <c r="CT26" s="315">
        <v>0</v>
      </c>
      <c r="CU26" s="312">
        <v>0</v>
      </c>
      <c r="CV26" s="317">
        <v>0</v>
      </c>
      <c r="CW26" s="311">
        <v>0</v>
      </c>
      <c r="CX26" s="315">
        <v>0</v>
      </c>
      <c r="CY26" s="312">
        <v>0</v>
      </c>
      <c r="CZ26" s="314">
        <v>0</v>
      </c>
      <c r="DA26" s="315">
        <v>0</v>
      </c>
      <c r="DB26" s="315">
        <v>0</v>
      </c>
      <c r="DC26" s="315">
        <v>0</v>
      </c>
      <c r="DD26" s="315">
        <v>0</v>
      </c>
      <c r="DE26" s="315">
        <v>0</v>
      </c>
      <c r="DF26" s="312">
        <v>0</v>
      </c>
      <c r="DG26" s="317">
        <v>0</v>
      </c>
    </row>
    <row r="27" spans="1:111" ht="18.75" customHeight="1" x14ac:dyDescent="0.2">
      <c r="A27" s="296" t="s">
        <v>25</v>
      </c>
      <c r="B27" s="311">
        <v>0</v>
      </c>
      <c r="C27" s="315">
        <v>0</v>
      </c>
      <c r="D27" s="437">
        <v>0</v>
      </c>
      <c r="E27" s="314">
        <v>0</v>
      </c>
      <c r="F27" s="315">
        <v>1154</v>
      </c>
      <c r="G27" s="315">
        <v>1154</v>
      </c>
      <c r="H27" s="315">
        <v>1197</v>
      </c>
      <c r="I27" s="315">
        <v>2122</v>
      </c>
      <c r="J27" s="315">
        <v>1941</v>
      </c>
      <c r="K27" s="316">
        <v>7568</v>
      </c>
      <c r="L27" s="317">
        <v>7568</v>
      </c>
      <c r="M27" s="311">
        <v>0</v>
      </c>
      <c r="N27" s="315">
        <v>0</v>
      </c>
      <c r="O27" s="312">
        <v>0</v>
      </c>
      <c r="P27" s="314">
        <v>0</v>
      </c>
      <c r="Q27" s="315">
        <v>11</v>
      </c>
      <c r="R27" s="315">
        <v>23</v>
      </c>
      <c r="S27" s="315">
        <v>15</v>
      </c>
      <c r="T27" s="315">
        <v>90</v>
      </c>
      <c r="U27" s="315">
        <v>114</v>
      </c>
      <c r="V27" s="312">
        <v>253</v>
      </c>
      <c r="W27" s="317">
        <v>253</v>
      </c>
      <c r="X27" s="311">
        <v>76</v>
      </c>
      <c r="Y27" s="315">
        <v>152</v>
      </c>
      <c r="Z27" s="312">
        <v>228</v>
      </c>
      <c r="AA27" s="314">
        <v>0</v>
      </c>
      <c r="AB27" s="315">
        <v>482</v>
      </c>
      <c r="AC27" s="315">
        <v>441</v>
      </c>
      <c r="AD27" s="315">
        <v>267</v>
      </c>
      <c r="AE27" s="315">
        <v>257</v>
      </c>
      <c r="AF27" s="315">
        <v>350</v>
      </c>
      <c r="AG27" s="312">
        <v>1797</v>
      </c>
      <c r="AH27" s="317">
        <v>2025</v>
      </c>
      <c r="AI27" s="311">
        <v>17</v>
      </c>
      <c r="AJ27" s="315">
        <v>26</v>
      </c>
      <c r="AK27" s="312">
        <v>43</v>
      </c>
      <c r="AL27" s="314">
        <v>0</v>
      </c>
      <c r="AM27" s="315">
        <v>26</v>
      </c>
      <c r="AN27" s="315">
        <v>59</v>
      </c>
      <c r="AO27" s="315">
        <v>83</v>
      </c>
      <c r="AP27" s="315">
        <v>38</v>
      </c>
      <c r="AQ27" s="315">
        <v>50</v>
      </c>
      <c r="AR27" s="312">
        <v>256</v>
      </c>
      <c r="AS27" s="317">
        <v>299</v>
      </c>
      <c r="AT27" s="311">
        <v>0</v>
      </c>
      <c r="AU27" s="315">
        <v>0</v>
      </c>
      <c r="AV27" s="312">
        <v>0</v>
      </c>
      <c r="AW27" s="314">
        <v>0</v>
      </c>
      <c r="AX27" s="315">
        <v>1106</v>
      </c>
      <c r="AY27" s="315">
        <v>671</v>
      </c>
      <c r="AZ27" s="315">
        <v>329</v>
      </c>
      <c r="BA27" s="315">
        <v>572</v>
      </c>
      <c r="BB27" s="315">
        <v>62</v>
      </c>
      <c r="BC27" s="316">
        <v>2740</v>
      </c>
      <c r="BD27" s="317">
        <v>2740</v>
      </c>
      <c r="BE27" s="311">
        <v>0</v>
      </c>
      <c r="BF27" s="315">
        <v>0</v>
      </c>
      <c r="BG27" s="312">
        <v>0</v>
      </c>
      <c r="BH27" s="314">
        <v>0</v>
      </c>
      <c r="BI27" s="315">
        <v>187</v>
      </c>
      <c r="BJ27" s="315">
        <v>341</v>
      </c>
      <c r="BK27" s="315">
        <v>124</v>
      </c>
      <c r="BL27" s="315">
        <v>100</v>
      </c>
      <c r="BM27" s="315">
        <v>49</v>
      </c>
      <c r="BN27" s="312">
        <v>801</v>
      </c>
      <c r="BO27" s="317">
        <v>801</v>
      </c>
      <c r="BP27" s="311">
        <v>0</v>
      </c>
      <c r="BQ27" s="315">
        <v>14</v>
      </c>
      <c r="BR27" s="312">
        <v>14</v>
      </c>
      <c r="BS27" s="314">
        <v>0</v>
      </c>
      <c r="BT27" s="315">
        <v>124</v>
      </c>
      <c r="BU27" s="315">
        <v>199</v>
      </c>
      <c r="BV27" s="315">
        <v>80</v>
      </c>
      <c r="BW27" s="315">
        <v>121</v>
      </c>
      <c r="BX27" s="315">
        <v>73</v>
      </c>
      <c r="BY27" s="312">
        <v>597</v>
      </c>
      <c r="BZ27" s="317">
        <v>611</v>
      </c>
      <c r="CA27" s="311">
        <v>0</v>
      </c>
      <c r="CB27" s="315">
        <v>0</v>
      </c>
      <c r="CC27" s="312">
        <v>0</v>
      </c>
      <c r="CD27" s="314">
        <v>0</v>
      </c>
      <c r="CE27" s="315">
        <v>7</v>
      </c>
      <c r="CF27" s="315">
        <v>33</v>
      </c>
      <c r="CG27" s="315">
        <v>3</v>
      </c>
      <c r="CH27" s="315">
        <v>30</v>
      </c>
      <c r="CI27" s="315">
        <v>14</v>
      </c>
      <c r="CJ27" s="312">
        <v>87</v>
      </c>
      <c r="CK27" s="317">
        <v>87</v>
      </c>
      <c r="CL27" s="311">
        <v>0</v>
      </c>
      <c r="CM27" s="315">
        <v>0</v>
      </c>
      <c r="CN27" s="312">
        <v>0</v>
      </c>
      <c r="CO27" s="314">
        <v>0</v>
      </c>
      <c r="CP27" s="315">
        <v>0</v>
      </c>
      <c r="CQ27" s="315">
        <v>0</v>
      </c>
      <c r="CR27" s="315">
        <v>0</v>
      </c>
      <c r="CS27" s="315">
        <v>0</v>
      </c>
      <c r="CT27" s="315">
        <v>0</v>
      </c>
      <c r="CU27" s="312">
        <v>0</v>
      </c>
      <c r="CV27" s="317">
        <v>0</v>
      </c>
      <c r="CW27" s="311">
        <v>0</v>
      </c>
      <c r="CX27" s="315">
        <v>0</v>
      </c>
      <c r="CY27" s="312">
        <v>0</v>
      </c>
      <c r="CZ27" s="314">
        <v>0</v>
      </c>
      <c r="DA27" s="315">
        <v>0</v>
      </c>
      <c r="DB27" s="315">
        <v>0</v>
      </c>
      <c r="DC27" s="315">
        <v>0</v>
      </c>
      <c r="DD27" s="315">
        <v>0</v>
      </c>
      <c r="DE27" s="315">
        <v>0</v>
      </c>
      <c r="DF27" s="312">
        <v>0</v>
      </c>
      <c r="DG27" s="317">
        <v>0</v>
      </c>
    </row>
    <row r="28" spans="1:111" ht="18.75" customHeight="1" x14ac:dyDescent="0.2">
      <c r="A28" s="296" t="s">
        <v>26</v>
      </c>
      <c r="B28" s="311">
        <v>0</v>
      </c>
      <c r="C28" s="315">
        <v>0</v>
      </c>
      <c r="D28" s="437">
        <v>0</v>
      </c>
      <c r="E28" s="314">
        <v>0</v>
      </c>
      <c r="F28" s="315">
        <v>836</v>
      </c>
      <c r="G28" s="315">
        <v>1459</v>
      </c>
      <c r="H28" s="315">
        <v>921</v>
      </c>
      <c r="I28" s="315">
        <v>1643</v>
      </c>
      <c r="J28" s="315">
        <v>1911</v>
      </c>
      <c r="K28" s="316">
        <v>6770</v>
      </c>
      <c r="L28" s="317">
        <v>6770</v>
      </c>
      <c r="M28" s="311">
        <v>0</v>
      </c>
      <c r="N28" s="315">
        <v>0</v>
      </c>
      <c r="O28" s="312">
        <v>0</v>
      </c>
      <c r="P28" s="314">
        <v>0</v>
      </c>
      <c r="Q28" s="315">
        <v>0</v>
      </c>
      <c r="R28" s="315">
        <v>11</v>
      </c>
      <c r="S28" s="315">
        <v>15</v>
      </c>
      <c r="T28" s="315">
        <v>42</v>
      </c>
      <c r="U28" s="315">
        <v>94</v>
      </c>
      <c r="V28" s="312">
        <v>162</v>
      </c>
      <c r="W28" s="317">
        <v>162</v>
      </c>
      <c r="X28" s="311">
        <v>52</v>
      </c>
      <c r="Y28" s="315">
        <v>112</v>
      </c>
      <c r="Z28" s="312">
        <v>164</v>
      </c>
      <c r="AA28" s="314">
        <v>0</v>
      </c>
      <c r="AB28" s="315">
        <v>392</v>
      </c>
      <c r="AC28" s="315">
        <v>376</v>
      </c>
      <c r="AD28" s="315">
        <v>272</v>
      </c>
      <c r="AE28" s="315">
        <v>211</v>
      </c>
      <c r="AF28" s="315">
        <v>421</v>
      </c>
      <c r="AG28" s="312">
        <v>1672</v>
      </c>
      <c r="AH28" s="317">
        <v>1836</v>
      </c>
      <c r="AI28" s="311">
        <v>16</v>
      </c>
      <c r="AJ28" s="315">
        <v>0</v>
      </c>
      <c r="AK28" s="312">
        <v>16</v>
      </c>
      <c r="AL28" s="314">
        <v>0</v>
      </c>
      <c r="AM28" s="315">
        <v>72</v>
      </c>
      <c r="AN28" s="315">
        <v>57</v>
      </c>
      <c r="AO28" s="315">
        <v>46</v>
      </c>
      <c r="AP28" s="315">
        <v>4</v>
      </c>
      <c r="AQ28" s="315">
        <v>33</v>
      </c>
      <c r="AR28" s="312">
        <v>212</v>
      </c>
      <c r="AS28" s="317">
        <v>228</v>
      </c>
      <c r="AT28" s="311">
        <v>0</v>
      </c>
      <c r="AU28" s="315">
        <v>0</v>
      </c>
      <c r="AV28" s="312">
        <v>0</v>
      </c>
      <c r="AW28" s="314">
        <v>0</v>
      </c>
      <c r="AX28" s="315">
        <v>971</v>
      </c>
      <c r="AY28" s="315">
        <v>693</v>
      </c>
      <c r="AZ28" s="315">
        <v>474</v>
      </c>
      <c r="BA28" s="315">
        <v>202</v>
      </c>
      <c r="BB28" s="315">
        <v>215</v>
      </c>
      <c r="BC28" s="316">
        <v>2555</v>
      </c>
      <c r="BD28" s="317">
        <v>2555</v>
      </c>
      <c r="BE28" s="311">
        <v>0</v>
      </c>
      <c r="BF28" s="315">
        <v>0</v>
      </c>
      <c r="BG28" s="312">
        <v>0</v>
      </c>
      <c r="BH28" s="314">
        <v>0</v>
      </c>
      <c r="BI28" s="315">
        <v>135</v>
      </c>
      <c r="BJ28" s="315">
        <v>160</v>
      </c>
      <c r="BK28" s="315">
        <v>79</v>
      </c>
      <c r="BL28" s="315">
        <v>47</v>
      </c>
      <c r="BM28" s="315">
        <v>33</v>
      </c>
      <c r="BN28" s="312">
        <v>454</v>
      </c>
      <c r="BO28" s="317">
        <v>454</v>
      </c>
      <c r="BP28" s="311">
        <v>0</v>
      </c>
      <c r="BQ28" s="315">
        <v>52</v>
      </c>
      <c r="BR28" s="312">
        <v>52</v>
      </c>
      <c r="BS28" s="314">
        <v>0</v>
      </c>
      <c r="BT28" s="315">
        <v>44</v>
      </c>
      <c r="BU28" s="315">
        <v>138</v>
      </c>
      <c r="BV28" s="315">
        <v>215</v>
      </c>
      <c r="BW28" s="315">
        <v>194</v>
      </c>
      <c r="BX28" s="315">
        <v>83</v>
      </c>
      <c r="BY28" s="312">
        <v>674</v>
      </c>
      <c r="BZ28" s="317">
        <v>726</v>
      </c>
      <c r="CA28" s="311">
        <v>0</v>
      </c>
      <c r="CB28" s="315">
        <v>0</v>
      </c>
      <c r="CC28" s="312">
        <v>0</v>
      </c>
      <c r="CD28" s="314">
        <v>0</v>
      </c>
      <c r="CE28" s="315">
        <v>17</v>
      </c>
      <c r="CF28" s="315">
        <v>0</v>
      </c>
      <c r="CG28" s="315">
        <v>62</v>
      </c>
      <c r="CH28" s="315">
        <v>23</v>
      </c>
      <c r="CI28" s="315">
        <v>14</v>
      </c>
      <c r="CJ28" s="312">
        <v>116</v>
      </c>
      <c r="CK28" s="317">
        <v>116</v>
      </c>
      <c r="CL28" s="311">
        <v>0</v>
      </c>
      <c r="CM28" s="315">
        <v>0</v>
      </c>
      <c r="CN28" s="312">
        <v>0</v>
      </c>
      <c r="CO28" s="314">
        <v>0</v>
      </c>
      <c r="CP28" s="315">
        <v>0</v>
      </c>
      <c r="CQ28" s="315">
        <v>0</v>
      </c>
      <c r="CR28" s="315">
        <v>0</v>
      </c>
      <c r="CS28" s="315">
        <v>0</v>
      </c>
      <c r="CT28" s="315">
        <v>0</v>
      </c>
      <c r="CU28" s="312">
        <v>0</v>
      </c>
      <c r="CV28" s="317">
        <v>0</v>
      </c>
      <c r="CW28" s="311">
        <v>0</v>
      </c>
      <c r="CX28" s="315">
        <v>0</v>
      </c>
      <c r="CY28" s="312">
        <v>0</v>
      </c>
      <c r="CZ28" s="314">
        <v>0</v>
      </c>
      <c r="DA28" s="315">
        <v>0</v>
      </c>
      <c r="DB28" s="315">
        <v>0</v>
      </c>
      <c r="DC28" s="315">
        <v>0</v>
      </c>
      <c r="DD28" s="315">
        <v>0</v>
      </c>
      <c r="DE28" s="315">
        <v>0</v>
      </c>
      <c r="DF28" s="312">
        <v>0</v>
      </c>
      <c r="DG28" s="317">
        <v>0</v>
      </c>
    </row>
    <row r="29" spans="1:111" ht="18.75" customHeight="1" x14ac:dyDescent="0.2">
      <c r="A29" s="296" t="s">
        <v>27</v>
      </c>
      <c r="B29" s="311">
        <v>0</v>
      </c>
      <c r="C29" s="315">
        <v>0</v>
      </c>
      <c r="D29" s="437">
        <v>0</v>
      </c>
      <c r="E29" s="314">
        <v>0</v>
      </c>
      <c r="F29" s="315">
        <v>834</v>
      </c>
      <c r="G29" s="315">
        <v>774</v>
      </c>
      <c r="H29" s="315">
        <v>1141</v>
      </c>
      <c r="I29" s="315">
        <v>1034</v>
      </c>
      <c r="J29" s="315">
        <v>1639</v>
      </c>
      <c r="K29" s="316">
        <v>5422</v>
      </c>
      <c r="L29" s="317">
        <v>5422</v>
      </c>
      <c r="M29" s="311">
        <v>0</v>
      </c>
      <c r="N29" s="315">
        <v>0</v>
      </c>
      <c r="O29" s="312">
        <v>0</v>
      </c>
      <c r="P29" s="314">
        <v>0</v>
      </c>
      <c r="Q29" s="315">
        <v>0</v>
      </c>
      <c r="R29" s="315">
        <v>12</v>
      </c>
      <c r="S29" s="315">
        <v>17</v>
      </c>
      <c r="T29" s="315">
        <v>59</v>
      </c>
      <c r="U29" s="315">
        <v>56</v>
      </c>
      <c r="V29" s="312">
        <v>144</v>
      </c>
      <c r="W29" s="317">
        <v>144</v>
      </c>
      <c r="X29" s="311">
        <v>122</v>
      </c>
      <c r="Y29" s="315">
        <v>243</v>
      </c>
      <c r="Z29" s="312">
        <v>365</v>
      </c>
      <c r="AA29" s="314">
        <v>0</v>
      </c>
      <c r="AB29" s="315">
        <v>219</v>
      </c>
      <c r="AC29" s="315">
        <v>312</v>
      </c>
      <c r="AD29" s="315">
        <v>302</v>
      </c>
      <c r="AE29" s="315">
        <v>359</v>
      </c>
      <c r="AF29" s="315">
        <v>413</v>
      </c>
      <c r="AG29" s="312">
        <v>1605</v>
      </c>
      <c r="AH29" s="317">
        <v>1970</v>
      </c>
      <c r="AI29" s="311">
        <v>0</v>
      </c>
      <c r="AJ29" s="315">
        <v>33</v>
      </c>
      <c r="AK29" s="312">
        <v>33</v>
      </c>
      <c r="AL29" s="314">
        <v>0</v>
      </c>
      <c r="AM29" s="315">
        <v>0</v>
      </c>
      <c r="AN29" s="315">
        <v>6</v>
      </c>
      <c r="AO29" s="315">
        <v>15</v>
      </c>
      <c r="AP29" s="315">
        <v>0</v>
      </c>
      <c r="AQ29" s="315">
        <v>9</v>
      </c>
      <c r="AR29" s="312">
        <v>30</v>
      </c>
      <c r="AS29" s="317">
        <v>63</v>
      </c>
      <c r="AT29" s="311">
        <v>0</v>
      </c>
      <c r="AU29" s="315">
        <v>0</v>
      </c>
      <c r="AV29" s="312">
        <v>0</v>
      </c>
      <c r="AW29" s="314">
        <v>0</v>
      </c>
      <c r="AX29" s="315">
        <v>797</v>
      </c>
      <c r="AY29" s="315">
        <v>668</v>
      </c>
      <c r="AZ29" s="315">
        <v>454</v>
      </c>
      <c r="BA29" s="315">
        <v>268</v>
      </c>
      <c r="BB29" s="315">
        <v>154</v>
      </c>
      <c r="BC29" s="316">
        <v>2341</v>
      </c>
      <c r="BD29" s="317">
        <v>2341</v>
      </c>
      <c r="BE29" s="311">
        <v>0</v>
      </c>
      <c r="BF29" s="315">
        <v>0</v>
      </c>
      <c r="BG29" s="312">
        <v>0</v>
      </c>
      <c r="BH29" s="314">
        <v>0</v>
      </c>
      <c r="BI29" s="315">
        <v>101</v>
      </c>
      <c r="BJ29" s="315">
        <v>161</v>
      </c>
      <c r="BK29" s="315">
        <v>90</v>
      </c>
      <c r="BL29" s="315">
        <v>60</v>
      </c>
      <c r="BM29" s="315">
        <v>24</v>
      </c>
      <c r="BN29" s="312">
        <v>436</v>
      </c>
      <c r="BO29" s="317">
        <v>436</v>
      </c>
      <c r="BP29" s="311">
        <v>0</v>
      </c>
      <c r="BQ29" s="315">
        <v>0</v>
      </c>
      <c r="BR29" s="312">
        <v>0</v>
      </c>
      <c r="BS29" s="314">
        <v>0</v>
      </c>
      <c r="BT29" s="315">
        <v>87</v>
      </c>
      <c r="BU29" s="315">
        <v>115</v>
      </c>
      <c r="BV29" s="315">
        <v>150</v>
      </c>
      <c r="BW29" s="315">
        <v>105</v>
      </c>
      <c r="BX29" s="315">
        <v>24</v>
      </c>
      <c r="BY29" s="312">
        <v>481</v>
      </c>
      <c r="BZ29" s="317">
        <v>481</v>
      </c>
      <c r="CA29" s="311">
        <v>0</v>
      </c>
      <c r="CB29" s="315">
        <v>0</v>
      </c>
      <c r="CC29" s="312">
        <v>0</v>
      </c>
      <c r="CD29" s="314">
        <v>0</v>
      </c>
      <c r="CE29" s="315">
        <v>9</v>
      </c>
      <c r="CF29" s="315">
        <v>10</v>
      </c>
      <c r="CG29" s="315">
        <v>47</v>
      </c>
      <c r="CH29" s="315">
        <v>16</v>
      </c>
      <c r="CI29" s="315">
        <v>13</v>
      </c>
      <c r="CJ29" s="312">
        <v>95</v>
      </c>
      <c r="CK29" s="317">
        <v>95</v>
      </c>
      <c r="CL29" s="311">
        <v>0</v>
      </c>
      <c r="CM29" s="315">
        <v>0</v>
      </c>
      <c r="CN29" s="312">
        <v>0</v>
      </c>
      <c r="CO29" s="314">
        <v>0</v>
      </c>
      <c r="CP29" s="315">
        <v>0</v>
      </c>
      <c r="CQ29" s="315">
        <v>0</v>
      </c>
      <c r="CR29" s="315">
        <v>0</v>
      </c>
      <c r="CS29" s="315">
        <v>0</v>
      </c>
      <c r="CT29" s="315">
        <v>0</v>
      </c>
      <c r="CU29" s="312">
        <v>0</v>
      </c>
      <c r="CV29" s="317">
        <v>0</v>
      </c>
      <c r="CW29" s="311">
        <v>0</v>
      </c>
      <c r="CX29" s="315">
        <v>0</v>
      </c>
      <c r="CY29" s="312">
        <v>0</v>
      </c>
      <c r="CZ29" s="314">
        <v>0</v>
      </c>
      <c r="DA29" s="315">
        <v>0</v>
      </c>
      <c r="DB29" s="315">
        <v>0</v>
      </c>
      <c r="DC29" s="315">
        <v>0</v>
      </c>
      <c r="DD29" s="315">
        <v>0</v>
      </c>
      <c r="DE29" s="315">
        <v>0</v>
      </c>
      <c r="DF29" s="312">
        <v>0</v>
      </c>
      <c r="DG29" s="317">
        <v>0</v>
      </c>
    </row>
    <row r="30" spans="1:111" ht="18.75" customHeight="1" x14ac:dyDescent="0.2">
      <c r="A30" s="296" t="s">
        <v>28</v>
      </c>
      <c r="B30" s="311">
        <v>0</v>
      </c>
      <c r="C30" s="315">
        <v>0</v>
      </c>
      <c r="D30" s="437">
        <v>0</v>
      </c>
      <c r="E30" s="314">
        <v>0</v>
      </c>
      <c r="F30" s="315">
        <v>158</v>
      </c>
      <c r="G30" s="315">
        <v>143</v>
      </c>
      <c r="H30" s="315">
        <v>118</v>
      </c>
      <c r="I30" s="315">
        <v>200</v>
      </c>
      <c r="J30" s="315">
        <v>467</v>
      </c>
      <c r="K30" s="316">
        <v>1086</v>
      </c>
      <c r="L30" s="317">
        <v>1086</v>
      </c>
      <c r="M30" s="311">
        <v>0</v>
      </c>
      <c r="N30" s="315">
        <v>0</v>
      </c>
      <c r="O30" s="312">
        <v>0</v>
      </c>
      <c r="P30" s="314">
        <v>0</v>
      </c>
      <c r="Q30" s="315">
        <v>0</v>
      </c>
      <c r="R30" s="315">
        <v>0</v>
      </c>
      <c r="S30" s="315">
        <v>4</v>
      </c>
      <c r="T30" s="315">
        <v>6</v>
      </c>
      <c r="U30" s="315">
        <v>30</v>
      </c>
      <c r="V30" s="312">
        <v>40</v>
      </c>
      <c r="W30" s="317">
        <v>40</v>
      </c>
      <c r="X30" s="311">
        <v>15</v>
      </c>
      <c r="Y30" s="315">
        <v>14</v>
      </c>
      <c r="Z30" s="312">
        <v>29</v>
      </c>
      <c r="AA30" s="314">
        <v>0</v>
      </c>
      <c r="AB30" s="315">
        <v>47</v>
      </c>
      <c r="AC30" s="315">
        <v>152</v>
      </c>
      <c r="AD30" s="315">
        <v>31</v>
      </c>
      <c r="AE30" s="315">
        <v>45</v>
      </c>
      <c r="AF30" s="315">
        <v>148</v>
      </c>
      <c r="AG30" s="312">
        <v>423</v>
      </c>
      <c r="AH30" s="317">
        <v>452</v>
      </c>
      <c r="AI30" s="311">
        <v>0</v>
      </c>
      <c r="AJ30" s="315">
        <v>0</v>
      </c>
      <c r="AK30" s="312">
        <v>0</v>
      </c>
      <c r="AL30" s="314">
        <v>0</v>
      </c>
      <c r="AM30" s="315">
        <v>44</v>
      </c>
      <c r="AN30" s="315">
        <v>0</v>
      </c>
      <c r="AO30" s="315">
        <v>0</v>
      </c>
      <c r="AP30" s="315">
        <v>12</v>
      </c>
      <c r="AQ30" s="315">
        <v>33</v>
      </c>
      <c r="AR30" s="312">
        <v>89</v>
      </c>
      <c r="AS30" s="317">
        <v>89</v>
      </c>
      <c r="AT30" s="311">
        <v>0</v>
      </c>
      <c r="AU30" s="315">
        <v>0</v>
      </c>
      <c r="AV30" s="312">
        <v>0</v>
      </c>
      <c r="AW30" s="314">
        <v>0</v>
      </c>
      <c r="AX30" s="315">
        <v>253</v>
      </c>
      <c r="AY30" s="315">
        <v>351</v>
      </c>
      <c r="AZ30" s="315">
        <v>154</v>
      </c>
      <c r="BA30" s="315">
        <v>122</v>
      </c>
      <c r="BB30" s="315">
        <v>88</v>
      </c>
      <c r="BC30" s="316">
        <v>968</v>
      </c>
      <c r="BD30" s="317">
        <v>968</v>
      </c>
      <c r="BE30" s="311">
        <v>0</v>
      </c>
      <c r="BF30" s="315">
        <v>0</v>
      </c>
      <c r="BG30" s="312">
        <v>0</v>
      </c>
      <c r="BH30" s="314">
        <v>0</v>
      </c>
      <c r="BI30" s="315">
        <v>19</v>
      </c>
      <c r="BJ30" s="315">
        <v>61</v>
      </c>
      <c r="BK30" s="315">
        <v>37</v>
      </c>
      <c r="BL30" s="315">
        <v>30</v>
      </c>
      <c r="BM30" s="315">
        <v>22</v>
      </c>
      <c r="BN30" s="312">
        <v>169</v>
      </c>
      <c r="BO30" s="317">
        <v>169</v>
      </c>
      <c r="BP30" s="311">
        <v>0</v>
      </c>
      <c r="BQ30" s="315">
        <v>0</v>
      </c>
      <c r="BR30" s="312">
        <v>0</v>
      </c>
      <c r="BS30" s="314">
        <v>0</v>
      </c>
      <c r="BT30" s="315">
        <v>12</v>
      </c>
      <c r="BU30" s="315">
        <v>58</v>
      </c>
      <c r="BV30" s="315">
        <v>70</v>
      </c>
      <c r="BW30" s="315">
        <v>39</v>
      </c>
      <c r="BX30" s="315">
        <v>17</v>
      </c>
      <c r="BY30" s="312">
        <v>196</v>
      </c>
      <c r="BZ30" s="317">
        <v>196</v>
      </c>
      <c r="CA30" s="311">
        <v>0</v>
      </c>
      <c r="CB30" s="315">
        <v>0</v>
      </c>
      <c r="CC30" s="312">
        <v>0</v>
      </c>
      <c r="CD30" s="314">
        <v>0</v>
      </c>
      <c r="CE30" s="315">
        <v>5</v>
      </c>
      <c r="CF30" s="315">
        <v>3</v>
      </c>
      <c r="CG30" s="315">
        <v>7</v>
      </c>
      <c r="CH30" s="315">
        <v>13</v>
      </c>
      <c r="CI30" s="315">
        <v>0</v>
      </c>
      <c r="CJ30" s="312">
        <v>28</v>
      </c>
      <c r="CK30" s="317">
        <v>28</v>
      </c>
      <c r="CL30" s="311">
        <v>0</v>
      </c>
      <c r="CM30" s="315">
        <v>0</v>
      </c>
      <c r="CN30" s="312">
        <v>0</v>
      </c>
      <c r="CO30" s="314">
        <v>0</v>
      </c>
      <c r="CP30" s="315">
        <v>0</v>
      </c>
      <c r="CQ30" s="315">
        <v>0</v>
      </c>
      <c r="CR30" s="315">
        <v>0</v>
      </c>
      <c r="CS30" s="315">
        <v>0</v>
      </c>
      <c r="CT30" s="315">
        <v>0</v>
      </c>
      <c r="CU30" s="312">
        <v>0</v>
      </c>
      <c r="CV30" s="317">
        <v>0</v>
      </c>
      <c r="CW30" s="311">
        <v>0</v>
      </c>
      <c r="CX30" s="315">
        <v>0</v>
      </c>
      <c r="CY30" s="312">
        <v>0</v>
      </c>
      <c r="CZ30" s="314">
        <v>0</v>
      </c>
      <c r="DA30" s="315">
        <v>0</v>
      </c>
      <c r="DB30" s="315">
        <v>0</v>
      </c>
      <c r="DC30" s="315">
        <v>0</v>
      </c>
      <c r="DD30" s="315">
        <v>0</v>
      </c>
      <c r="DE30" s="315">
        <v>0</v>
      </c>
      <c r="DF30" s="312">
        <v>0</v>
      </c>
      <c r="DG30" s="317">
        <v>0</v>
      </c>
    </row>
    <row r="31" spans="1:111" ht="18.75" customHeight="1" x14ac:dyDescent="0.2">
      <c r="A31" s="296" t="s">
        <v>29</v>
      </c>
      <c r="B31" s="311">
        <v>0</v>
      </c>
      <c r="C31" s="315">
        <v>0</v>
      </c>
      <c r="D31" s="437">
        <v>0</v>
      </c>
      <c r="E31" s="314">
        <v>0</v>
      </c>
      <c r="F31" s="315">
        <v>243</v>
      </c>
      <c r="G31" s="315">
        <v>418</v>
      </c>
      <c r="H31" s="315">
        <v>330</v>
      </c>
      <c r="I31" s="315">
        <v>662</v>
      </c>
      <c r="J31" s="315">
        <v>510</v>
      </c>
      <c r="K31" s="316">
        <v>2163</v>
      </c>
      <c r="L31" s="317">
        <v>2163</v>
      </c>
      <c r="M31" s="311">
        <v>0</v>
      </c>
      <c r="N31" s="315">
        <v>0</v>
      </c>
      <c r="O31" s="312">
        <v>0</v>
      </c>
      <c r="P31" s="314">
        <v>0</v>
      </c>
      <c r="Q31" s="315">
        <v>0</v>
      </c>
      <c r="R31" s="315">
        <v>7</v>
      </c>
      <c r="S31" s="315">
        <v>4</v>
      </c>
      <c r="T31" s="315">
        <v>15</v>
      </c>
      <c r="U31" s="315">
        <v>25</v>
      </c>
      <c r="V31" s="312">
        <v>51</v>
      </c>
      <c r="W31" s="317">
        <v>51</v>
      </c>
      <c r="X31" s="311">
        <v>15</v>
      </c>
      <c r="Y31" s="315">
        <v>46</v>
      </c>
      <c r="Z31" s="312">
        <v>61</v>
      </c>
      <c r="AA31" s="314">
        <v>0</v>
      </c>
      <c r="AB31" s="315">
        <v>117</v>
      </c>
      <c r="AC31" s="315">
        <v>147</v>
      </c>
      <c r="AD31" s="315">
        <v>124</v>
      </c>
      <c r="AE31" s="315">
        <v>87</v>
      </c>
      <c r="AF31" s="315">
        <v>85</v>
      </c>
      <c r="AG31" s="312">
        <v>560</v>
      </c>
      <c r="AH31" s="317">
        <v>621</v>
      </c>
      <c r="AI31" s="311">
        <v>0</v>
      </c>
      <c r="AJ31" s="315">
        <v>12</v>
      </c>
      <c r="AK31" s="312">
        <v>12</v>
      </c>
      <c r="AL31" s="314">
        <v>0</v>
      </c>
      <c r="AM31" s="315">
        <v>21</v>
      </c>
      <c r="AN31" s="315">
        <v>27</v>
      </c>
      <c r="AO31" s="315">
        <v>0</v>
      </c>
      <c r="AP31" s="315">
        <v>43</v>
      </c>
      <c r="AQ31" s="315">
        <v>0</v>
      </c>
      <c r="AR31" s="312">
        <v>91</v>
      </c>
      <c r="AS31" s="317">
        <v>103</v>
      </c>
      <c r="AT31" s="311">
        <v>0</v>
      </c>
      <c r="AU31" s="315">
        <v>0</v>
      </c>
      <c r="AV31" s="312">
        <v>0</v>
      </c>
      <c r="AW31" s="314">
        <v>0</v>
      </c>
      <c r="AX31" s="315">
        <v>293</v>
      </c>
      <c r="AY31" s="315">
        <v>311</v>
      </c>
      <c r="AZ31" s="315">
        <v>247</v>
      </c>
      <c r="BA31" s="315">
        <v>219</v>
      </c>
      <c r="BB31" s="315">
        <v>56</v>
      </c>
      <c r="BC31" s="316">
        <v>1126</v>
      </c>
      <c r="BD31" s="317">
        <v>1126</v>
      </c>
      <c r="BE31" s="311">
        <v>0</v>
      </c>
      <c r="BF31" s="315">
        <v>0</v>
      </c>
      <c r="BG31" s="312">
        <v>0</v>
      </c>
      <c r="BH31" s="314">
        <v>0</v>
      </c>
      <c r="BI31" s="315">
        <v>108</v>
      </c>
      <c r="BJ31" s="315">
        <v>48</v>
      </c>
      <c r="BK31" s="315">
        <v>39</v>
      </c>
      <c r="BL31" s="315">
        <v>36</v>
      </c>
      <c r="BM31" s="315">
        <v>21</v>
      </c>
      <c r="BN31" s="312">
        <v>252</v>
      </c>
      <c r="BO31" s="317">
        <v>252</v>
      </c>
      <c r="BP31" s="311">
        <v>0</v>
      </c>
      <c r="BQ31" s="315">
        <v>0</v>
      </c>
      <c r="BR31" s="312">
        <v>0</v>
      </c>
      <c r="BS31" s="314">
        <v>0</v>
      </c>
      <c r="BT31" s="315">
        <v>31</v>
      </c>
      <c r="BU31" s="315">
        <v>86</v>
      </c>
      <c r="BV31" s="315">
        <v>152</v>
      </c>
      <c r="BW31" s="315">
        <v>88</v>
      </c>
      <c r="BX31" s="315">
        <v>89</v>
      </c>
      <c r="BY31" s="312">
        <v>446</v>
      </c>
      <c r="BZ31" s="317">
        <v>446</v>
      </c>
      <c r="CA31" s="311">
        <v>0</v>
      </c>
      <c r="CB31" s="315">
        <v>0</v>
      </c>
      <c r="CC31" s="312">
        <v>0</v>
      </c>
      <c r="CD31" s="314">
        <v>0</v>
      </c>
      <c r="CE31" s="315">
        <v>0</v>
      </c>
      <c r="CF31" s="315">
        <v>40</v>
      </c>
      <c r="CG31" s="315">
        <v>4</v>
      </c>
      <c r="CH31" s="315">
        <v>16</v>
      </c>
      <c r="CI31" s="315">
        <v>6</v>
      </c>
      <c r="CJ31" s="312">
        <v>66</v>
      </c>
      <c r="CK31" s="317">
        <v>66</v>
      </c>
      <c r="CL31" s="311">
        <v>0</v>
      </c>
      <c r="CM31" s="315">
        <v>0</v>
      </c>
      <c r="CN31" s="312">
        <v>0</v>
      </c>
      <c r="CO31" s="314">
        <v>0</v>
      </c>
      <c r="CP31" s="315">
        <v>0</v>
      </c>
      <c r="CQ31" s="315">
        <v>0</v>
      </c>
      <c r="CR31" s="315">
        <v>0</v>
      </c>
      <c r="CS31" s="315">
        <v>0</v>
      </c>
      <c r="CT31" s="315">
        <v>0</v>
      </c>
      <c r="CU31" s="312">
        <v>0</v>
      </c>
      <c r="CV31" s="317">
        <v>0</v>
      </c>
      <c r="CW31" s="311">
        <v>0</v>
      </c>
      <c r="CX31" s="315">
        <v>0</v>
      </c>
      <c r="CY31" s="312">
        <v>0</v>
      </c>
      <c r="CZ31" s="314">
        <v>0</v>
      </c>
      <c r="DA31" s="315">
        <v>0</v>
      </c>
      <c r="DB31" s="315">
        <v>0</v>
      </c>
      <c r="DC31" s="315">
        <v>0</v>
      </c>
      <c r="DD31" s="315">
        <v>0</v>
      </c>
      <c r="DE31" s="315">
        <v>0</v>
      </c>
      <c r="DF31" s="312">
        <v>0</v>
      </c>
      <c r="DG31" s="317">
        <v>0</v>
      </c>
    </row>
    <row r="32" spans="1:111" ht="18.75" customHeight="1" x14ac:dyDescent="0.2">
      <c r="A32" s="296" t="s">
        <v>30</v>
      </c>
      <c r="B32" s="311">
        <v>0</v>
      </c>
      <c r="C32" s="315">
        <v>0</v>
      </c>
      <c r="D32" s="437">
        <v>0</v>
      </c>
      <c r="E32" s="314">
        <v>0</v>
      </c>
      <c r="F32" s="315">
        <v>111</v>
      </c>
      <c r="G32" s="315">
        <v>325</v>
      </c>
      <c r="H32" s="315">
        <v>705</v>
      </c>
      <c r="I32" s="315">
        <v>549</v>
      </c>
      <c r="J32" s="315">
        <v>628</v>
      </c>
      <c r="K32" s="316">
        <v>2318</v>
      </c>
      <c r="L32" s="317">
        <v>2318</v>
      </c>
      <c r="M32" s="311">
        <v>0</v>
      </c>
      <c r="N32" s="315">
        <v>0</v>
      </c>
      <c r="O32" s="312">
        <v>0</v>
      </c>
      <c r="P32" s="314">
        <v>0</v>
      </c>
      <c r="Q32" s="315">
        <v>1</v>
      </c>
      <c r="R32" s="315">
        <v>8</v>
      </c>
      <c r="S32" s="315">
        <v>8</v>
      </c>
      <c r="T32" s="315">
        <v>32</v>
      </c>
      <c r="U32" s="315">
        <v>26</v>
      </c>
      <c r="V32" s="312">
        <v>75</v>
      </c>
      <c r="W32" s="317">
        <v>75</v>
      </c>
      <c r="X32" s="311">
        <v>51</v>
      </c>
      <c r="Y32" s="315">
        <v>44</v>
      </c>
      <c r="Z32" s="312">
        <v>95</v>
      </c>
      <c r="AA32" s="314">
        <v>0</v>
      </c>
      <c r="AB32" s="315">
        <v>125</v>
      </c>
      <c r="AC32" s="315">
        <v>139</v>
      </c>
      <c r="AD32" s="315">
        <v>122</v>
      </c>
      <c r="AE32" s="315">
        <v>90</v>
      </c>
      <c r="AF32" s="315">
        <v>25</v>
      </c>
      <c r="AG32" s="312">
        <v>501</v>
      </c>
      <c r="AH32" s="317">
        <v>596</v>
      </c>
      <c r="AI32" s="311">
        <v>0</v>
      </c>
      <c r="AJ32" s="315">
        <v>6</v>
      </c>
      <c r="AK32" s="312">
        <v>6</v>
      </c>
      <c r="AL32" s="314">
        <v>0</v>
      </c>
      <c r="AM32" s="315">
        <v>28</v>
      </c>
      <c r="AN32" s="315">
        <v>6</v>
      </c>
      <c r="AO32" s="315">
        <v>15</v>
      </c>
      <c r="AP32" s="315">
        <v>24</v>
      </c>
      <c r="AQ32" s="315">
        <v>0</v>
      </c>
      <c r="AR32" s="312">
        <v>73</v>
      </c>
      <c r="AS32" s="317">
        <v>79</v>
      </c>
      <c r="AT32" s="311">
        <v>0</v>
      </c>
      <c r="AU32" s="315">
        <v>0</v>
      </c>
      <c r="AV32" s="312">
        <v>0</v>
      </c>
      <c r="AW32" s="314">
        <v>0</v>
      </c>
      <c r="AX32" s="315">
        <v>264</v>
      </c>
      <c r="AY32" s="315">
        <v>187</v>
      </c>
      <c r="AZ32" s="315">
        <v>252</v>
      </c>
      <c r="BA32" s="315">
        <v>93</v>
      </c>
      <c r="BB32" s="315">
        <v>21</v>
      </c>
      <c r="BC32" s="316">
        <v>817</v>
      </c>
      <c r="BD32" s="317">
        <v>817</v>
      </c>
      <c r="BE32" s="311">
        <v>0</v>
      </c>
      <c r="BF32" s="315">
        <v>0</v>
      </c>
      <c r="BG32" s="312">
        <v>0</v>
      </c>
      <c r="BH32" s="314">
        <v>0</v>
      </c>
      <c r="BI32" s="315">
        <v>37</v>
      </c>
      <c r="BJ32" s="315">
        <v>72</v>
      </c>
      <c r="BK32" s="315">
        <v>12</v>
      </c>
      <c r="BL32" s="315">
        <v>49</v>
      </c>
      <c r="BM32" s="315">
        <v>0</v>
      </c>
      <c r="BN32" s="312">
        <v>170</v>
      </c>
      <c r="BO32" s="317">
        <v>170</v>
      </c>
      <c r="BP32" s="311">
        <v>0</v>
      </c>
      <c r="BQ32" s="315">
        <v>0</v>
      </c>
      <c r="BR32" s="312">
        <v>0</v>
      </c>
      <c r="BS32" s="314">
        <v>0</v>
      </c>
      <c r="BT32" s="315">
        <v>29</v>
      </c>
      <c r="BU32" s="315">
        <v>14</v>
      </c>
      <c r="BV32" s="315">
        <v>244</v>
      </c>
      <c r="BW32" s="315">
        <v>127</v>
      </c>
      <c r="BX32" s="315">
        <v>59</v>
      </c>
      <c r="BY32" s="312">
        <v>473</v>
      </c>
      <c r="BZ32" s="317">
        <v>473</v>
      </c>
      <c r="CA32" s="311">
        <v>0</v>
      </c>
      <c r="CB32" s="315">
        <v>0</v>
      </c>
      <c r="CC32" s="312">
        <v>0</v>
      </c>
      <c r="CD32" s="314">
        <v>0</v>
      </c>
      <c r="CE32" s="315">
        <v>0</v>
      </c>
      <c r="CF32" s="315">
        <v>5</v>
      </c>
      <c r="CG32" s="315">
        <v>4</v>
      </c>
      <c r="CH32" s="315">
        <v>0</v>
      </c>
      <c r="CI32" s="315">
        <v>2</v>
      </c>
      <c r="CJ32" s="312">
        <v>11</v>
      </c>
      <c r="CK32" s="317">
        <v>11</v>
      </c>
      <c r="CL32" s="311">
        <v>0</v>
      </c>
      <c r="CM32" s="315">
        <v>0</v>
      </c>
      <c r="CN32" s="312">
        <v>0</v>
      </c>
      <c r="CO32" s="314">
        <v>0</v>
      </c>
      <c r="CP32" s="315">
        <v>0</v>
      </c>
      <c r="CQ32" s="315">
        <v>0</v>
      </c>
      <c r="CR32" s="315">
        <v>0</v>
      </c>
      <c r="CS32" s="315">
        <v>0</v>
      </c>
      <c r="CT32" s="315">
        <v>0</v>
      </c>
      <c r="CU32" s="312">
        <v>0</v>
      </c>
      <c r="CV32" s="317">
        <v>0</v>
      </c>
      <c r="CW32" s="311">
        <v>0</v>
      </c>
      <c r="CX32" s="315">
        <v>0</v>
      </c>
      <c r="CY32" s="312">
        <v>0</v>
      </c>
      <c r="CZ32" s="314">
        <v>0</v>
      </c>
      <c r="DA32" s="315">
        <v>0</v>
      </c>
      <c r="DB32" s="315">
        <v>0</v>
      </c>
      <c r="DC32" s="315">
        <v>0</v>
      </c>
      <c r="DD32" s="315">
        <v>0</v>
      </c>
      <c r="DE32" s="315">
        <v>0</v>
      </c>
      <c r="DF32" s="312">
        <v>0</v>
      </c>
      <c r="DG32" s="317">
        <v>0</v>
      </c>
    </row>
    <row r="33" spans="1:111" ht="18.75" customHeight="1" x14ac:dyDescent="0.2">
      <c r="A33" s="296" t="s">
        <v>31</v>
      </c>
      <c r="B33" s="311">
        <v>0</v>
      </c>
      <c r="C33" s="315">
        <v>0</v>
      </c>
      <c r="D33" s="437">
        <v>0</v>
      </c>
      <c r="E33" s="314">
        <v>0</v>
      </c>
      <c r="F33" s="315">
        <v>194</v>
      </c>
      <c r="G33" s="315">
        <v>195</v>
      </c>
      <c r="H33" s="315">
        <v>200</v>
      </c>
      <c r="I33" s="315">
        <v>233</v>
      </c>
      <c r="J33" s="315">
        <v>210</v>
      </c>
      <c r="K33" s="316">
        <v>1032</v>
      </c>
      <c r="L33" s="317">
        <v>1032</v>
      </c>
      <c r="M33" s="311">
        <v>0</v>
      </c>
      <c r="N33" s="315">
        <v>0</v>
      </c>
      <c r="O33" s="312">
        <v>0</v>
      </c>
      <c r="P33" s="314">
        <v>0</v>
      </c>
      <c r="Q33" s="315">
        <v>0</v>
      </c>
      <c r="R33" s="315">
        <v>10</v>
      </c>
      <c r="S33" s="315">
        <v>22</v>
      </c>
      <c r="T33" s="315">
        <v>25</v>
      </c>
      <c r="U33" s="315">
        <v>23</v>
      </c>
      <c r="V33" s="312">
        <v>80</v>
      </c>
      <c r="W33" s="317">
        <v>80</v>
      </c>
      <c r="X33" s="311">
        <v>10</v>
      </c>
      <c r="Y33" s="315">
        <v>10</v>
      </c>
      <c r="Z33" s="312">
        <v>20</v>
      </c>
      <c r="AA33" s="314">
        <v>0</v>
      </c>
      <c r="AB33" s="315">
        <v>64</v>
      </c>
      <c r="AC33" s="315">
        <v>109</v>
      </c>
      <c r="AD33" s="315">
        <v>91</v>
      </c>
      <c r="AE33" s="315">
        <v>111</v>
      </c>
      <c r="AF33" s="315">
        <v>61</v>
      </c>
      <c r="AG33" s="312">
        <v>436</v>
      </c>
      <c r="AH33" s="317">
        <v>456</v>
      </c>
      <c r="AI33" s="311">
        <v>6</v>
      </c>
      <c r="AJ33" s="315">
        <v>9</v>
      </c>
      <c r="AK33" s="312">
        <v>15</v>
      </c>
      <c r="AL33" s="314">
        <v>0</v>
      </c>
      <c r="AM33" s="315">
        <v>12</v>
      </c>
      <c r="AN33" s="315">
        <v>77</v>
      </c>
      <c r="AO33" s="315">
        <v>20</v>
      </c>
      <c r="AP33" s="315">
        <v>36</v>
      </c>
      <c r="AQ33" s="315">
        <v>38</v>
      </c>
      <c r="AR33" s="312">
        <v>183</v>
      </c>
      <c r="AS33" s="317">
        <v>198</v>
      </c>
      <c r="AT33" s="311">
        <v>0</v>
      </c>
      <c r="AU33" s="315">
        <v>0</v>
      </c>
      <c r="AV33" s="312">
        <v>0</v>
      </c>
      <c r="AW33" s="314">
        <v>0</v>
      </c>
      <c r="AX33" s="315">
        <v>292</v>
      </c>
      <c r="AY33" s="315">
        <v>457</v>
      </c>
      <c r="AZ33" s="315">
        <v>187</v>
      </c>
      <c r="BA33" s="315">
        <v>65</v>
      </c>
      <c r="BB33" s="315">
        <v>31</v>
      </c>
      <c r="BC33" s="316">
        <v>1032</v>
      </c>
      <c r="BD33" s="317">
        <v>1032</v>
      </c>
      <c r="BE33" s="311">
        <v>0</v>
      </c>
      <c r="BF33" s="315">
        <v>0</v>
      </c>
      <c r="BG33" s="312">
        <v>0</v>
      </c>
      <c r="BH33" s="314">
        <v>0</v>
      </c>
      <c r="BI33" s="315">
        <v>22</v>
      </c>
      <c r="BJ33" s="315">
        <v>78</v>
      </c>
      <c r="BK33" s="315">
        <v>37</v>
      </c>
      <c r="BL33" s="315">
        <v>15</v>
      </c>
      <c r="BM33" s="315">
        <v>15</v>
      </c>
      <c r="BN33" s="312">
        <v>167</v>
      </c>
      <c r="BO33" s="317">
        <v>167</v>
      </c>
      <c r="BP33" s="311">
        <v>0</v>
      </c>
      <c r="BQ33" s="315">
        <v>0</v>
      </c>
      <c r="BR33" s="312">
        <v>0</v>
      </c>
      <c r="BS33" s="314">
        <v>0</v>
      </c>
      <c r="BT33" s="315">
        <v>16</v>
      </c>
      <c r="BU33" s="315">
        <v>96</v>
      </c>
      <c r="BV33" s="315">
        <v>134</v>
      </c>
      <c r="BW33" s="315">
        <v>61</v>
      </c>
      <c r="BX33" s="315">
        <v>40</v>
      </c>
      <c r="BY33" s="312">
        <v>347</v>
      </c>
      <c r="BZ33" s="317">
        <v>347</v>
      </c>
      <c r="CA33" s="311">
        <v>0</v>
      </c>
      <c r="CB33" s="315">
        <v>0</v>
      </c>
      <c r="CC33" s="312">
        <v>0</v>
      </c>
      <c r="CD33" s="314">
        <v>0</v>
      </c>
      <c r="CE33" s="315">
        <v>0</v>
      </c>
      <c r="CF33" s="315">
        <v>0</v>
      </c>
      <c r="CG33" s="315">
        <v>0</v>
      </c>
      <c r="CH33" s="315">
        <v>0</v>
      </c>
      <c r="CI33" s="315">
        <v>5</v>
      </c>
      <c r="CJ33" s="312">
        <v>5</v>
      </c>
      <c r="CK33" s="317">
        <v>5</v>
      </c>
      <c r="CL33" s="311">
        <v>0</v>
      </c>
      <c r="CM33" s="315">
        <v>0</v>
      </c>
      <c r="CN33" s="312">
        <v>0</v>
      </c>
      <c r="CO33" s="314">
        <v>0</v>
      </c>
      <c r="CP33" s="315">
        <v>0</v>
      </c>
      <c r="CQ33" s="315">
        <v>0</v>
      </c>
      <c r="CR33" s="315">
        <v>0</v>
      </c>
      <c r="CS33" s="315">
        <v>0</v>
      </c>
      <c r="CT33" s="315">
        <v>0</v>
      </c>
      <c r="CU33" s="312">
        <v>0</v>
      </c>
      <c r="CV33" s="317">
        <v>0</v>
      </c>
      <c r="CW33" s="311">
        <v>0</v>
      </c>
      <c r="CX33" s="315">
        <v>0</v>
      </c>
      <c r="CY33" s="312">
        <v>0</v>
      </c>
      <c r="CZ33" s="314">
        <v>0</v>
      </c>
      <c r="DA33" s="315">
        <v>0</v>
      </c>
      <c r="DB33" s="315">
        <v>0</v>
      </c>
      <c r="DC33" s="315">
        <v>0</v>
      </c>
      <c r="DD33" s="315">
        <v>0</v>
      </c>
      <c r="DE33" s="315">
        <v>0</v>
      </c>
      <c r="DF33" s="312">
        <v>0</v>
      </c>
      <c r="DG33" s="317">
        <v>0</v>
      </c>
    </row>
    <row r="34" spans="1:111" ht="18.75" customHeight="1" x14ac:dyDescent="0.2">
      <c r="A34" s="296" t="s">
        <v>32</v>
      </c>
      <c r="B34" s="311">
        <v>0</v>
      </c>
      <c r="C34" s="315">
        <v>0</v>
      </c>
      <c r="D34" s="437">
        <v>0</v>
      </c>
      <c r="E34" s="314">
        <v>0</v>
      </c>
      <c r="F34" s="315">
        <v>371</v>
      </c>
      <c r="G34" s="315">
        <v>240</v>
      </c>
      <c r="H34" s="315">
        <v>587</v>
      </c>
      <c r="I34" s="315">
        <v>571</v>
      </c>
      <c r="J34" s="315">
        <v>540</v>
      </c>
      <c r="K34" s="316">
        <v>2309</v>
      </c>
      <c r="L34" s="317">
        <v>2309</v>
      </c>
      <c r="M34" s="311">
        <v>0</v>
      </c>
      <c r="N34" s="315">
        <v>0</v>
      </c>
      <c r="O34" s="312">
        <v>0</v>
      </c>
      <c r="P34" s="314">
        <v>0</v>
      </c>
      <c r="Q34" s="315">
        <v>0</v>
      </c>
      <c r="R34" s="315">
        <v>7</v>
      </c>
      <c r="S34" s="315">
        <v>7</v>
      </c>
      <c r="T34" s="315">
        <v>15</v>
      </c>
      <c r="U34" s="315">
        <v>53</v>
      </c>
      <c r="V34" s="312">
        <v>82</v>
      </c>
      <c r="W34" s="317">
        <v>82</v>
      </c>
      <c r="X34" s="311">
        <v>25</v>
      </c>
      <c r="Y34" s="315">
        <v>53</v>
      </c>
      <c r="Z34" s="312">
        <v>78</v>
      </c>
      <c r="AA34" s="314">
        <v>0</v>
      </c>
      <c r="AB34" s="315">
        <v>197</v>
      </c>
      <c r="AC34" s="315">
        <v>177</v>
      </c>
      <c r="AD34" s="315">
        <v>174</v>
      </c>
      <c r="AE34" s="315">
        <v>123</v>
      </c>
      <c r="AF34" s="315">
        <v>80</v>
      </c>
      <c r="AG34" s="312">
        <v>751</v>
      </c>
      <c r="AH34" s="317">
        <v>829</v>
      </c>
      <c r="AI34" s="311">
        <v>6</v>
      </c>
      <c r="AJ34" s="315">
        <v>12</v>
      </c>
      <c r="AK34" s="312">
        <v>18</v>
      </c>
      <c r="AL34" s="314">
        <v>0</v>
      </c>
      <c r="AM34" s="315">
        <v>102</v>
      </c>
      <c r="AN34" s="315">
        <v>0</v>
      </c>
      <c r="AO34" s="315">
        <v>24</v>
      </c>
      <c r="AP34" s="315">
        <v>6</v>
      </c>
      <c r="AQ34" s="315">
        <v>24</v>
      </c>
      <c r="AR34" s="312">
        <v>156</v>
      </c>
      <c r="AS34" s="317">
        <v>174</v>
      </c>
      <c r="AT34" s="311">
        <v>0</v>
      </c>
      <c r="AU34" s="315">
        <v>0</v>
      </c>
      <c r="AV34" s="312">
        <v>0</v>
      </c>
      <c r="AW34" s="314">
        <v>0</v>
      </c>
      <c r="AX34" s="315">
        <v>435</v>
      </c>
      <c r="AY34" s="315">
        <v>513</v>
      </c>
      <c r="AZ34" s="315">
        <v>261</v>
      </c>
      <c r="BA34" s="315">
        <v>172</v>
      </c>
      <c r="BB34" s="315">
        <v>21</v>
      </c>
      <c r="BC34" s="316">
        <v>1402</v>
      </c>
      <c r="BD34" s="317">
        <v>1402</v>
      </c>
      <c r="BE34" s="311">
        <v>0</v>
      </c>
      <c r="BF34" s="315">
        <v>0</v>
      </c>
      <c r="BG34" s="312">
        <v>0</v>
      </c>
      <c r="BH34" s="314">
        <v>0</v>
      </c>
      <c r="BI34" s="315">
        <v>86</v>
      </c>
      <c r="BJ34" s="315">
        <v>101</v>
      </c>
      <c r="BK34" s="315">
        <v>19</v>
      </c>
      <c r="BL34" s="315">
        <v>31</v>
      </c>
      <c r="BM34" s="315">
        <v>27</v>
      </c>
      <c r="BN34" s="312">
        <v>264</v>
      </c>
      <c r="BO34" s="317">
        <v>264</v>
      </c>
      <c r="BP34" s="311">
        <v>4</v>
      </c>
      <c r="BQ34" s="315">
        <v>4</v>
      </c>
      <c r="BR34" s="312">
        <v>8</v>
      </c>
      <c r="BS34" s="314">
        <v>0</v>
      </c>
      <c r="BT34" s="315">
        <v>35</v>
      </c>
      <c r="BU34" s="315">
        <v>62</v>
      </c>
      <c r="BV34" s="315">
        <v>80</v>
      </c>
      <c r="BW34" s="315">
        <v>48</v>
      </c>
      <c r="BX34" s="315">
        <v>7</v>
      </c>
      <c r="BY34" s="312">
        <v>232</v>
      </c>
      <c r="BZ34" s="317">
        <v>240</v>
      </c>
      <c r="CA34" s="311">
        <v>0</v>
      </c>
      <c r="CB34" s="315">
        <v>0</v>
      </c>
      <c r="CC34" s="312">
        <v>0</v>
      </c>
      <c r="CD34" s="314">
        <v>0</v>
      </c>
      <c r="CE34" s="315">
        <v>0</v>
      </c>
      <c r="CF34" s="315">
        <v>36</v>
      </c>
      <c r="CG34" s="315">
        <v>38</v>
      </c>
      <c r="CH34" s="315">
        <v>24</v>
      </c>
      <c r="CI34" s="315">
        <v>30</v>
      </c>
      <c r="CJ34" s="312">
        <v>128</v>
      </c>
      <c r="CK34" s="317">
        <v>128</v>
      </c>
      <c r="CL34" s="311">
        <v>0</v>
      </c>
      <c r="CM34" s="315">
        <v>0</v>
      </c>
      <c r="CN34" s="312">
        <v>0</v>
      </c>
      <c r="CO34" s="314">
        <v>0</v>
      </c>
      <c r="CP34" s="315">
        <v>0</v>
      </c>
      <c r="CQ34" s="315">
        <v>0</v>
      </c>
      <c r="CR34" s="315">
        <v>0</v>
      </c>
      <c r="CS34" s="315">
        <v>0</v>
      </c>
      <c r="CT34" s="315">
        <v>0</v>
      </c>
      <c r="CU34" s="312">
        <v>0</v>
      </c>
      <c r="CV34" s="317">
        <v>0</v>
      </c>
      <c r="CW34" s="311">
        <v>0</v>
      </c>
      <c r="CX34" s="315">
        <v>0</v>
      </c>
      <c r="CY34" s="312">
        <v>0</v>
      </c>
      <c r="CZ34" s="314">
        <v>0</v>
      </c>
      <c r="DA34" s="315">
        <v>0</v>
      </c>
      <c r="DB34" s="315">
        <v>0</v>
      </c>
      <c r="DC34" s="315">
        <v>0</v>
      </c>
      <c r="DD34" s="315">
        <v>0</v>
      </c>
      <c r="DE34" s="315">
        <v>0</v>
      </c>
      <c r="DF34" s="312">
        <v>0</v>
      </c>
      <c r="DG34" s="317">
        <v>0</v>
      </c>
    </row>
    <row r="35" spans="1:111" ht="18.75" customHeight="1" x14ac:dyDescent="0.2">
      <c r="A35" s="296" t="s">
        <v>33</v>
      </c>
      <c r="B35" s="311">
        <v>0</v>
      </c>
      <c r="C35" s="315">
        <v>0</v>
      </c>
      <c r="D35" s="437">
        <v>0</v>
      </c>
      <c r="E35" s="314">
        <v>0</v>
      </c>
      <c r="F35" s="315">
        <v>258</v>
      </c>
      <c r="G35" s="315">
        <v>317</v>
      </c>
      <c r="H35" s="315">
        <v>280</v>
      </c>
      <c r="I35" s="315">
        <v>420</v>
      </c>
      <c r="J35" s="315">
        <v>672</v>
      </c>
      <c r="K35" s="316">
        <v>1947</v>
      </c>
      <c r="L35" s="317">
        <v>1947</v>
      </c>
      <c r="M35" s="311">
        <v>0</v>
      </c>
      <c r="N35" s="315">
        <v>0</v>
      </c>
      <c r="O35" s="312">
        <v>0</v>
      </c>
      <c r="P35" s="314">
        <v>0</v>
      </c>
      <c r="Q35" s="315">
        <v>0</v>
      </c>
      <c r="R35" s="315">
        <v>13</v>
      </c>
      <c r="S35" s="315">
        <v>7</v>
      </c>
      <c r="T35" s="315">
        <v>7</v>
      </c>
      <c r="U35" s="315">
        <v>17</v>
      </c>
      <c r="V35" s="312">
        <v>44</v>
      </c>
      <c r="W35" s="317">
        <v>44</v>
      </c>
      <c r="X35" s="311">
        <v>4</v>
      </c>
      <c r="Y35" s="315">
        <v>4</v>
      </c>
      <c r="Z35" s="312">
        <v>8</v>
      </c>
      <c r="AA35" s="314">
        <v>0</v>
      </c>
      <c r="AB35" s="315">
        <v>75</v>
      </c>
      <c r="AC35" s="315">
        <v>52</v>
      </c>
      <c r="AD35" s="315">
        <v>61</v>
      </c>
      <c r="AE35" s="315">
        <v>36</v>
      </c>
      <c r="AF35" s="315">
        <v>62</v>
      </c>
      <c r="AG35" s="312">
        <v>286</v>
      </c>
      <c r="AH35" s="317">
        <v>294</v>
      </c>
      <c r="AI35" s="311">
        <v>97</v>
      </c>
      <c r="AJ35" s="315">
        <v>277</v>
      </c>
      <c r="AK35" s="312">
        <v>374</v>
      </c>
      <c r="AL35" s="314">
        <v>0</v>
      </c>
      <c r="AM35" s="315">
        <v>341</v>
      </c>
      <c r="AN35" s="315">
        <v>169</v>
      </c>
      <c r="AO35" s="315">
        <v>63</v>
      </c>
      <c r="AP35" s="315">
        <v>48</v>
      </c>
      <c r="AQ35" s="315">
        <v>54</v>
      </c>
      <c r="AR35" s="312">
        <v>675</v>
      </c>
      <c r="AS35" s="317">
        <v>1049</v>
      </c>
      <c r="AT35" s="311">
        <v>0</v>
      </c>
      <c r="AU35" s="315">
        <v>0</v>
      </c>
      <c r="AV35" s="312">
        <v>0</v>
      </c>
      <c r="AW35" s="314">
        <v>0</v>
      </c>
      <c r="AX35" s="315">
        <v>79</v>
      </c>
      <c r="AY35" s="315">
        <v>16</v>
      </c>
      <c r="AZ35" s="315">
        <v>46</v>
      </c>
      <c r="BA35" s="315">
        <v>63</v>
      </c>
      <c r="BB35" s="315">
        <v>12</v>
      </c>
      <c r="BC35" s="316">
        <v>216</v>
      </c>
      <c r="BD35" s="317">
        <v>216</v>
      </c>
      <c r="BE35" s="311">
        <v>0</v>
      </c>
      <c r="BF35" s="315">
        <v>0</v>
      </c>
      <c r="BG35" s="312">
        <v>0</v>
      </c>
      <c r="BH35" s="314">
        <v>0</v>
      </c>
      <c r="BI35" s="315">
        <v>93</v>
      </c>
      <c r="BJ35" s="315">
        <v>112</v>
      </c>
      <c r="BK35" s="315">
        <v>40</v>
      </c>
      <c r="BL35" s="315">
        <v>6</v>
      </c>
      <c r="BM35" s="315">
        <v>12</v>
      </c>
      <c r="BN35" s="312">
        <v>263</v>
      </c>
      <c r="BO35" s="317">
        <v>263</v>
      </c>
      <c r="BP35" s="311">
        <v>0</v>
      </c>
      <c r="BQ35" s="315">
        <v>0</v>
      </c>
      <c r="BR35" s="312">
        <v>0</v>
      </c>
      <c r="BS35" s="314">
        <v>0</v>
      </c>
      <c r="BT35" s="315">
        <v>20</v>
      </c>
      <c r="BU35" s="315">
        <v>23</v>
      </c>
      <c r="BV35" s="315">
        <v>47</v>
      </c>
      <c r="BW35" s="315">
        <v>56</v>
      </c>
      <c r="BX35" s="315">
        <v>0</v>
      </c>
      <c r="BY35" s="312">
        <v>146</v>
      </c>
      <c r="BZ35" s="317">
        <v>146</v>
      </c>
      <c r="CA35" s="311">
        <v>0</v>
      </c>
      <c r="CB35" s="315">
        <v>0</v>
      </c>
      <c r="CC35" s="312">
        <v>0</v>
      </c>
      <c r="CD35" s="314">
        <v>0</v>
      </c>
      <c r="CE35" s="315">
        <v>13</v>
      </c>
      <c r="CF35" s="315">
        <v>21</v>
      </c>
      <c r="CG35" s="315">
        <v>0</v>
      </c>
      <c r="CH35" s="315">
        <v>4</v>
      </c>
      <c r="CI35" s="315">
        <v>0</v>
      </c>
      <c r="CJ35" s="312">
        <v>38</v>
      </c>
      <c r="CK35" s="317">
        <v>38</v>
      </c>
      <c r="CL35" s="311">
        <v>0</v>
      </c>
      <c r="CM35" s="315">
        <v>0</v>
      </c>
      <c r="CN35" s="312">
        <v>0</v>
      </c>
      <c r="CO35" s="314">
        <v>0</v>
      </c>
      <c r="CP35" s="315">
        <v>0</v>
      </c>
      <c r="CQ35" s="315">
        <v>0</v>
      </c>
      <c r="CR35" s="315">
        <v>0</v>
      </c>
      <c r="CS35" s="315">
        <v>0</v>
      </c>
      <c r="CT35" s="315">
        <v>0</v>
      </c>
      <c r="CU35" s="312">
        <v>0</v>
      </c>
      <c r="CV35" s="317">
        <v>0</v>
      </c>
      <c r="CW35" s="311">
        <v>0</v>
      </c>
      <c r="CX35" s="315">
        <v>0</v>
      </c>
      <c r="CY35" s="312">
        <v>0</v>
      </c>
      <c r="CZ35" s="314">
        <v>0</v>
      </c>
      <c r="DA35" s="315">
        <v>0</v>
      </c>
      <c r="DB35" s="315">
        <v>0</v>
      </c>
      <c r="DC35" s="315">
        <v>4</v>
      </c>
      <c r="DD35" s="315">
        <v>0</v>
      </c>
      <c r="DE35" s="315">
        <v>0</v>
      </c>
      <c r="DF35" s="312">
        <v>4</v>
      </c>
      <c r="DG35" s="317">
        <v>4</v>
      </c>
    </row>
    <row r="36" spans="1:111" ht="18.75" customHeight="1" x14ac:dyDescent="0.2">
      <c r="A36" s="296" t="s">
        <v>34</v>
      </c>
      <c r="B36" s="311">
        <v>0</v>
      </c>
      <c r="C36" s="315">
        <v>0</v>
      </c>
      <c r="D36" s="437">
        <v>0</v>
      </c>
      <c r="E36" s="314">
        <v>0</v>
      </c>
      <c r="F36" s="315">
        <v>179</v>
      </c>
      <c r="G36" s="315">
        <v>139</v>
      </c>
      <c r="H36" s="315">
        <v>656</v>
      </c>
      <c r="I36" s="315">
        <v>151</v>
      </c>
      <c r="J36" s="315">
        <v>120</v>
      </c>
      <c r="K36" s="316">
        <v>1245</v>
      </c>
      <c r="L36" s="317">
        <v>1245</v>
      </c>
      <c r="M36" s="311">
        <v>0</v>
      </c>
      <c r="N36" s="315">
        <v>0</v>
      </c>
      <c r="O36" s="312">
        <v>0</v>
      </c>
      <c r="P36" s="314">
        <v>0</v>
      </c>
      <c r="Q36" s="315">
        <v>0</v>
      </c>
      <c r="R36" s="315">
        <v>5</v>
      </c>
      <c r="S36" s="315">
        <v>0</v>
      </c>
      <c r="T36" s="315">
        <v>4</v>
      </c>
      <c r="U36" s="315">
        <v>34</v>
      </c>
      <c r="V36" s="312">
        <v>43</v>
      </c>
      <c r="W36" s="317">
        <v>43</v>
      </c>
      <c r="X36" s="311">
        <v>9</v>
      </c>
      <c r="Y36" s="315">
        <v>22</v>
      </c>
      <c r="Z36" s="312">
        <v>31</v>
      </c>
      <c r="AA36" s="314">
        <v>0</v>
      </c>
      <c r="AB36" s="315">
        <v>42</v>
      </c>
      <c r="AC36" s="315">
        <v>74</v>
      </c>
      <c r="AD36" s="315">
        <v>46</v>
      </c>
      <c r="AE36" s="315">
        <v>0</v>
      </c>
      <c r="AF36" s="315">
        <v>40</v>
      </c>
      <c r="AG36" s="312">
        <v>202</v>
      </c>
      <c r="AH36" s="317">
        <v>233</v>
      </c>
      <c r="AI36" s="311">
        <v>0</v>
      </c>
      <c r="AJ36" s="315">
        <v>8</v>
      </c>
      <c r="AK36" s="312">
        <v>8</v>
      </c>
      <c r="AL36" s="314">
        <v>0</v>
      </c>
      <c r="AM36" s="315">
        <v>51</v>
      </c>
      <c r="AN36" s="315">
        <v>38</v>
      </c>
      <c r="AO36" s="315">
        <v>8</v>
      </c>
      <c r="AP36" s="315">
        <v>12</v>
      </c>
      <c r="AQ36" s="315">
        <v>18</v>
      </c>
      <c r="AR36" s="312">
        <v>127</v>
      </c>
      <c r="AS36" s="317">
        <v>135</v>
      </c>
      <c r="AT36" s="311">
        <v>0</v>
      </c>
      <c r="AU36" s="315">
        <v>0</v>
      </c>
      <c r="AV36" s="312">
        <v>0</v>
      </c>
      <c r="AW36" s="314">
        <v>0</v>
      </c>
      <c r="AX36" s="315">
        <v>327</v>
      </c>
      <c r="AY36" s="315">
        <v>250</v>
      </c>
      <c r="AZ36" s="315">
        <v>160</v>
      </c>
      <c r="BA36" s="315">
        <v>119</v>
      </c>
      <c r="BB36" s="315">
        <v>9</v>
      </c>
      <c r="BC36" s="316">
        <v>865</v>
      </c>
      <c r="BD36" s="317">
        <v>865</v>
      </c>
      <c r="BE36" s="311">
        <v>0</v>
      </c>
      <c r="BF36" s="315">
        <v>0</v>
      </c>
      <c r="BG36" s="312">
        <v>0</v>
      </c>
      <c r="BH36" s="314">
        <v>0</v>
      </c>
      <c r="BI36" s="315">
        <v>69</v>
      </c>
      <c r="BJ36" s="315">
        <v>18</v>
      </c>
      <c r="BK36" s="315">
        <v>15</v>
      </c>
      <c r="BL36" s="315">
        <v>16</v>
      </c>
      <c r="BM36" s="315">
        <v>0</v>
      </c>
      <c r="BN36" s="312">
        <v>118</v>
      </c>
      <c r="BO36" s="317">
        <v>118</v>
      </c>
      <c r="BP36" s="311">
        <v>0</v>
      </c>
      <c r="BQ36" s="315">
        <v>0</v>
      </c>
      <c r="BR36" s="312">
        <v>0</v>
      </c>
      <c r="BS36" s="314">
        <v>0</v>
      </c>
      <c r="BT36" s="315">
        <v>14</v>
      </c>
      <c r="BU36" s="315">
        <v>0</v>
      </c>
      <c r="BV36" s="315">
        <v>7</v>
      </c>
      <c r="BW36" s="315">
        <v>43</v>
      </c>
      <c r="BX36" s="315">
        <v>0</v>
      </c>
      <c r="BY36" s="312">
        <v>64</v>
      </c>
      <c r="BZ36" s="317">
        <v>64</v>
      </c>
      <c r="CA36" s="311">
        <v>0</v>
      </c>
      <c r="CB36" s="315">
        <v>0</v>
      </c>
      <c r="CC36" s="312">
        <v>0</v>
      </c>
      <c r="CD36" s="314">
        <v>0</v>
      </c>
      <c r="CE36" s="315">
        <v>0</v>
      </c>
      <c r="CF36" s="315">
        <v>0</v>
      </c>
      <c r="CG36" s="315">
        <v>0</v>
      </c>
      <c r="CH36" s="315">
        <v>10</v>
      </c>
      <c r="CI36" s="315">
        <v>0</v>
      </c>
      <c r="CJ36" s="312">
        <v>10</v>
      </c>
      <c r="CK36" s="317">
        <v>10</v>
      </c>
      <c r="CL36" s="311">
        <v>0</v>
      </c>
      <c r="CM36" s="315">
        <v>0</v>
      </c>
      <c r="CN36" s="312">
        <v>0</v>
      </c>
      <c r="CO36" s="314">
        <v>0</v>
      </c>
      <c r="CP36" s="315">
        <v>0</v>
      </c>
      <c r="CQ36" s="315">
        <v>0</v>
      </c>
      <c r="CR36" s="315">
        <v>0</v>
      </c>
      <c r="CS36" s="315">
        <v>0</v>
      </c>
      <c r="CT36" s="315">
        <v>0</v>
      </c>
      <c r="CU36" s="312">
        <v>0</v>
      </c>
      <c r="CV36" s="317">
        <v>0</v>
      </c>
      <c r="CW36" s="311">
        <v>0</v>
      </c>
      <c r="CX36" s="315">
        <v>0</v>
      </c>
      <c r="CY36" s="312">
        <v>0</v>
      </c>
      <c r="CZ36" s="314">
        <v>0</v>
      </c>
      <c r="DA36" s="315">
        <v>0</v>
      </c>
      <c r="DB36" s="315">
        <v>0</v>
      </c>
      <c r="DC36" s="315">
        <v>0</v>
      </c>
      <c r="DD36" s="315">
        <v>0</v>
      </c>
      <c r="DE36" s="315">
        <v>0</v>
      </c>
      <c r="DF36" s="312">
        <v>0</v>
      </c>
      <c r="DG36" s="317">
        <v>0</v>
      </c>
    </row>
    <row r="37" spans="1:111" ht="18.75" customHeight="1" x14ac:dyDescent="0.2">
      <c r="A37" s="296" t="s">
        <v>35</v>
      </c>
      <c r="B37" s="311">
        <v>0</v>
      </c>
      <c r="C37" s="315">
        <v>0</v>
      </c>
      <c r="D37" s="437">
        <v>0</v>
      </c>
      <c r="E37" s="314">
        <v>0</v>
      </c>
      <c r="F37" s="315">
        <v>1201</v>
      </c>
      <c r="G37" s="315">
        <v>1089</v>
      </c>
      <c r="H37" s="315">
        <v>1387</v>
      </c>
      <c r="I37" s="315">
        <v>1488</v>
      </c>
      <c r="J37" s="315">
        <v>1166</v>
      </c>
      <c r="K37" s="316">
        <v>6331</v>
      </c>
      <c r="L37" s="317">
        <v>6331</v>
      </c>
      <c r="M37" s="311">
        <v>0</v>
      </c>
      <c r="N37" s="315">
        <v>0</v>
      </c>
      <c r="O37" s="312">
        <v>0</v>
      </c>
      <c r="P37" s="314">
        <v>0</v>
      </c>
      <c r="Q37" s="315">
        <v>0</v>
      </c>
      <c r="R37" s="315">
        <v>29</v>
      </c>
      <c r="S37" s="315">
        <v>20</v>
      </c>
      <c r="T37" s="315">
        <v>47</v>
      </c>
      <c r="U37" s="315">
        <v>73</v>
      </c>
      <c r="V37" s="312">
        <v>169</v>
      </c>
      <c r="W37" s="317">
        <v>169</v>
      </c>
      <c r="X37" s="311">
        <v>6</v>
      </c>
      <c r="Y37" s="315">
        <v>31</v>
      </c>
      <c r="Z37" s="312">
        <v>37</v>
      </c>
      <c r="AA37" s="314">
        <v>0</v>
      </c>
      <c r="AB37" s="315">
        <v>264</v>
      </c>
      <c r="AC37" s="315">
        <v>240</v>
      </c>
      <c r="AD37" s="315">
        <v>97</v>
      </c>
      <c r="AE37" s="315">
        <v>151</v>
      </c>
      <c r="AF37" s="315">
        <v>105</v>
      </c>
      <c r="AG37" s="312">
        <v>857</v>
      </c>
      <c r="AH37" s="317">
        <v>894</v>
      </c>
      <c r="AI37" s="311">
        <v>12</v>
      </c>
      <c r="AJ37" s="315">
        <v>38</v>
      </c>
      <c r="AK37" s="312">
        <v>50</v>
      </c>
      <c r="AL37" s="314">
        <v>0</v>
      </c>
      <c r="AM37" s="315">
        <v>158</v>
      </c>
      <c r="AN37" s="315">
        <v>134</v>
      </c>
      <c r="AO37" s="315">
        <v>49</v>
      </c>
      <c r="AP37" s="315">
        <v>60</v>
      </c>
      <c r="AQ37" s="315">
        <v>36</v>
      </c>
      <c r="AR37" s="312">
        <v>437</v>
      </c>
      <c r="AS37" s="317">
        <v>487</v>
      </c>
      <c r="AT37" s="311">
        <v>0</v>
      </c>
      <c r="AU37" s="315">
        <v>0</v>
      </c>
      <c r="AV37" s="312">
        <v>0</v>
      </c>
      <c r="AW37" s="314">
        <v>0</v>
      </c>
      <c r="AX37" s="315">
        <v>1156</v>
      </c>
      <c r="AY37" s="315">
        <v>1010</v>
      </c>
      <c r="AZ37" s="315">
        <v>638</v>
      </c>
      <c r="BA37" s="315">
        <v>273</v>
      </c>
      <c r="BB37" s="315">
        <v>124</v>
      </c>
      <c r="BC37" s="316">
        <v>3201</v>
      </c>
      <c r="BD37" s="317">
        <v>3201</v>
      </c>
      <c r="BE37" s="311">
        <v>0</v>
      </c>
      <c r="BF37" s="315">
        <v>0</v>
      </c>
      <c r="BG37" s="312">
        <v>0</v>
      </c>
      <c r="BH37" s="314">
        <v>0</v>
      </c>
      <c r="BI37" s="315">
        <v>351</v>
      </c>
      <c r="BJ37" s="315">
        <v>170</v>
      </c>
      <c r="BK37" s="315">
        <v>69</v>
      </c>
      <c r="BL37" s="315">
        <v>75</v>
      </c>
      <c r="BM37" s="315">
        <v>2</v>
      </c>
      <c r="BN37" s="312">
        <v>667</v>
      </c>
      <c r="BO37" s="317">
        <v>667</v>
      </c>
      <c r="BP37" s="311">
        <v>0</v>
      </c>
      <c r="BQ37" s="315">
        <v>0</v>
      </c>
      <c r="BR37" s="312">
        <v>0</v>
      </c>
      <c r="BS37" s="314">
        <v>0</v>
      </c>
      <c r="BT37" s="315">
        <v>15</v>
      </c>
      <c r="BU37" s="315">
        <v>153</v>
      </c>
      <c r="BV37" s="315">
        <v>153</v>
      </c>
      <c r="BW37" s="315">
        <v>92</v>
      </c>
      <c r="BX37" s="315">
        <v>23</v>
      </c>
      <c r="BY37" s="312">
        <v>436</v>
      </c>
      <c r="BZ37" s="317">
        <v>436</v>
      </c>
      <c r="CA37" s="311">
        <v>0</v>
      </c>
      <c r="CB37" s="315">
        <v>0</v>
      </c>
      <c r="CC37" s="312">
        <v>0</v>
      </c>
      <c r="CD37" s="314">
        <v>0</v>
      </c>
      <c r="CE37" s="315">
        <v>25</v>
      </c>
      <c r="CF37" s="315">
        <v>3</v>
      </c>
      <c r="CG37" s="315">
        <v>0</v>
      </c>
      <c r="CH37" s="315">
        <v>10</v>
      </c>
      <c r="CI37" s="315">
        <v>25</v>
      </c>
      <c r="CJ37" s="312">
        <v>63</v>
      </c>
      <c r="CK37" s="317">
        <v>63</v>
      </c>
      <c r="CL37" s="311">
        <v>0</v>
      </c>
      <c r="CM37" s="315">
        <v>0</v>
      </c>
      <c r="CN37" s="312">
        <v>0</v>
      </c>
      <c r="CO37" s="314">
        <v>0</v>
      </c>
      <c r="CP37" s="315">
        <v>0</v>
      </c>
      <c r="CQ37" s="315">
        <v>0</v>
      </c>
      <c r="CR37" s="315">
        <v>0</v>
      </c>
      <c r="CS37" s="315">
        <v>0</v>
      </c>
      <c r="CT37" s="315">
        <v>0</v>
      </c>
      <c r="CU37" s="312">
        <v>0</v>
      </c>
      <c r="CV37" s="317">
        <v>0</v>
      </c>
      <c r="CW37" s="311">
        <v>0</v>
      </c>
      <c r="CX37" s="315">
        <v>0</v>
      </c>
      <c r="CY37" s="312">
        <v>0</v>
      </c>
      <c r="CZ37" s="314">
        <v>0</v>
      </c>
      <c r="DA37" s="315">
        <v>0</v>
      </c>
      <c r="DB37" s="315">
        <v>0</v>
      </c>
      <c r="DC37" s="315">
        <v>0</v>
      </c>
      <c r="DD37" s="315">
        <v>0</v>
      </c>
      <c r="DE37" s="315">
        <v>0</v>
      </c>
      <c r="DF37" s="312">
        <v>0</v>
      </c>
      <c r="DG37" s="317">
        <v>0</v>
      </c>
    </row>
    <row r="38" spans="1:111" ht="18.75" customHeight="1" x14ac:dyDescent="0.2">
      <c r="A38" s="296" t="s">
        <v>36</v>
      </c>
      <c r="B38" s="311">
        <v>0</v>
      </c>
      <c r="C38" s="315">
        <v>0</v>
      </c>
      <c r="D38" s="437">
        <v>0</v>
      </c>
      <c r="E38" s="314">
        <v>0</v>
      </c>
      <c r="F38" s="315">
        <v>795</v>
      </c>
      <c r="G38" s="315">
        <v>1379</v>
      </c>
      <c r="H38" s="315">
        <v>1743</v>
      </c>
      <c r="I38" s="315">
        <v>1630</v>
      </c>
      <c r="J38" s="315">
        <v>1473</v>
      </c>
      <c r="K38" s="316">
        <v>7020</v>
      </c>
      <c r="L38" s="317">
        <v>7020</v>
      </c>
      <c r="M38" s="311">
        <v>0</v>
      </c>
      <c r="N38" s="315">
        <v>0</v>
      </c>
      <c r="O38" s="312">
        <v>0</v>
      </c>
      <c r="P38" s="314">
        <v>0</v>
      </c>
      <c r="Q38" s="315">
        <v>19</v>
      </c>
      <c r="R38" s="315">
        <v>26</v>
      </c>
      <c r="S38" s="315">
        <v>8</v>
      </c>
      <c r="T38" s="315">
        <v>44</v>
      </c>
      <c r="U38" s="315">
        <v>70</v>
      </c>
      <c r="V38" s="312">
        <v>167</v>
      </c>
      <c r="W38" s="317">
        <v>167</v>
      </c>
      <c r="X38" s="311">
        <v>92</v>
      </c>
      <c r="Y38" s="315">
        <v>138</v>
      </c>
      <c r="Z38" s="312">
        <v>230</v>
      </c>
      <c r="AA38" s="314">
        <v>0</v>
      </c>
      <c r="AB38" s="315">
        <v>506</v>
      </c>
      <c r="AC38" s="315">
        <v>564</v>
      </c>
      <c r="AD38" s="315">
        <v>328</v>
      </c>
      <c r="AE38" s="315">
        <v>315</v>
      </c>
      <c r="AF38" s="315">
        <v>398</v>
      </c>
      <c r="AG38" s="312">
        <v>2111</v>
      </c>
      <c r="AH38" s="317">
        <v>2341</v>
      </c>
      <c r="AI38" s="311">
        <v>27</v>
      </c>
      <c r="AJ38" s="315">
        <v>0</v>
      </c>
      <c r="AK38" s="312">
        <v>27</v>
      </c>
      <c r="AL38" s="314">
        <v>0</v>
      </c>
      <c r="AM38" s="315">
        <v>0</v>
      </c>
      <c r="AN38" s="315">
        <v>12</v>
      </c>
      <c r="AO38" s="315">
        <v>6</v>
      </c>
      <c r="AP38" s="315">
        <v>30</v>
      </c>
      <c r="AQ38" s="315">
        <v>8</v>
      </c>
      <c r="AR38" s="312">
        <v>56</v>
      </c>
      <c r="AS38" s="317">
        <v>83</v>
      </c>
      <c r="AT38" s="311">
        <v>0</v>
      </c>
      <c r="AU38" s="315">
        <v>0</v>
      </c>
      <c r="AV38" s="312">
        <v>0</v>
      </c>
      <c r="AW38" s="314">
        <v>0</v>
      </c>
      <c r="AX38" s="315">
        <v>726</v>
      </c>
      <c r="AY38" s="315">
        <v>885</v>
      </c>
      <c r="AZ38" s="315">
        <v>521</v>
      </c>
      <c r="BA38" s="315">
        <v>283</v>
      </c>
      <c r="BB38" s="315">
        <v>113</v>
      </c>
      <c r="BC38" s="316">
        <v>2528</v>
      </c>
      <c r="BD38" s="317">
        <v>2528</v>
      </c>
      <c r="BE38" s="311">
        <v>0</v>
      </c>
      <c r="BF38" s="315">
        <v>0</v>
      </c>
      <c r="BG38" s="312">
        <v>0</v>
      </c>
      <c r="BH38" s="314">
        <v>0</v>
      </c>
      <c r="BI38" s="315">
        <v>180</v>
      </c>
      <c r="BJ38" s="315">
        <v>142</v>
      </c>
      <c r="BK38" s="315">
        <v>147</v>
      </c>
      <c r="BL38" s="315">
        <v>39</v>
      </c>
      <c r="BM38" s="315">
        <v>4</v>
      </c>
      <c r="BN38" s="312">
        <v>512</v>
      </c>
      <c r="BO38" s="317">
        <v>512</v>
      </c>
      <c r="BP38" s="311">
        <v>0</v>
      </c>
      <c r="BQ38" s="315">
        <v>12</v>
      </c>
      <c r="BR38" s="312">
        <v>12</v>
      </c>
      <c r="BS38" s="314">
        <v>0</v>
      </c>
      <c r="BT38" s="315">
        <v>163</v>
      </c>
      <c r="BU38" s="315">
        <v>137</v>
      </c>
      <c r="BV38" s="315">
        <v>284</v>
      </c>
      <c r="BW38" s="315">
        <v>86</v>
      </c>
      <c r="BX38" s="315">
        <v>122</v>
      </c>
      <c r="BY38" s="312">
        <v>792</v>
      </c>
      <c r="BZ38" s="317">
        <v>804</v>
      </c>
      <c r="CA38" s="311">
        <v>0</v>
      </c>
      <c r="CB38" s="315">
        <v>0</v>
      </c>
      <c r="CC38" s="312">
        <v>0</v>
      </c>
      <c r="CD38" s="314">
        <v>0</v>
      </c>
      <c r="CE38" s="315">
        <v>0</v>
      </c>
      <c r="CF38" s="315">
        <v>3</v>
      </c>
      <c r="CG38" s="315">
        <v>3</v>
      </c>
      <c r="CH38" s="315">
        <v>0</v>
      </c>
      <c r="CI38" s="315">
        <v>0</v>
      </c>
      <c r="CJ38" s="312">
        <v>6</v>
      </c>
      <c r="CK38" s="317">
        <v>6</v>
      </c>
      <c r="CL38" s="311">
        <v>0</v>
      </c>
      <c r="CM38" s="315">
        <v>0</v>
      </c>
      <c r="CN38" s="312">
        <v>0</v>
      </c>
      <c r="CO38" s="314">
        <v>0</v>
      </c>
      <c r="CP38" s="315">
        <v>0</v>
      </c>
      <c r="CQ38" s="315">
        <v>0</v>
      </c>
      <c r="CR38" s="315">
        <v>0</v>
      </c>
      <c r="CS38" s="315">
        <v>0</v>
      </c>
      <c r="CT38" s="315">
        <v>0</v>
      </c>
      <c r="CU38" s="312">
        <v>0</v>
      </c>
      <c r="CV38" s="317">
        <v>0</v>
      </c>
      <c r="CW38" s="311">
        <v>0</v>
      </c>
      <c r="CX38" s="315">
        <v>0</v>
      </c>
      <c r="CY38" s="312">
        <v>0</v>
      </c>
      <c r="CZ38" s="314">
        <v>0</v>
      </c>
      <c r="DA38" s="315">
        <v>0</v>
      </c>
      <c r="DB38" s="315">
        <v>0</v>
      </c>
      <c r="DC38" s="315">
        <v>0</v>
      </c>
      <c r="DD38" s="315">
        <v>0</v>
      </c>
      <c r="DE38" s="315">
        <v>0</v>
      </c>
      <c r="DF38" s="312">
        <v>0</v>
      </c>
      <c r="DG38" s="317">
        <v>0</v>
      </c>
    </row>
    <row r="39" spans="1:111" ht="18.75" customHeight="1" thickBot="1" x14ac:dyDescent="0.25">
      <c r="A39" s="297" t="s">
        <v>37</v>
      </c>
      <c r="B39" s="318">
        <v>0</v>
      </c>
      <c r="C39" s="322">
        <v>0</v>
      </c>
      <c r="D39" s="438">
        <v>0</v>
      </c>
      <c r="E39" s="321">
        <v>0</v>
      </c>
      <c r="F39" s="322">
        <v>11</v>
      </c>
      <c r="G39" s="322">
        <v>75</v>
      </c>
      <c r="H39" s="322">
        <v>38</v>
      </c>
      <c r="I39" s="322">
        <v>14</v>
      </c>
      <c r="J39" s="322">
        <v>173</v>
      </c>
      <c r="K39" s="323">
        <v>311</v>
      </c>
      <c r="L39" s="324">
        <v>311</v>
      </c>
      <c r="M39" s="318">
        <v>0</v>
      </c>
      <c r="N39" s="322">
        <v>0</v>
      </c>
      <c r="O39" s="319">
        <v>0</v>
      </c>
      <c r="P39" s="321">
        <v>0</v>
      </c>
      <c r="Q39" s="322">
        <v>3</v>
      </c>
      <c r="R39" s="322">
        <v>0</v>
      </c>
      <c r="S39" s="322">
        <v>0</v>
      </c>
      <c r="T39" s="322">
        <v>4</v>
      </c>
      <c r="U39" s="322">
        <v>0</v>
      </c>
      <c r="V39" s="319">
        <v>7</v>
      </c>
      <c r="W39" s="324">
        <v>7</v>
      </c>
      <c r="X39" s="318">
        <v>0</v>
      </c>
      <c r="Y39" s="322">
        <v>5</v>
      </c>
      <c r="Z39" s="319">
        <v>5</v>
      </c>
      <c r="AA39" s="321">
        <v>0</v>
      </c>
      <c r="AB39" s="322">
        <v>9</v>
      </c>
      <c r="AC39" s="322">
        <v>27</v>
      </c>
      <c r="AD39" s="322">
        <v>6</v>
      </c>
      <c r="AE39" s="322">
        <v>25</v>
      </c>
      <c r="AF39" s="322">
        <v>12</v>
      </c>
      <c r="AG39" s="319">
        <v>79</v>
      </c>
      <c r="AH39" s="324">
        <v>84</v>
      </c>
      <c r="AI39" s="318">
        <v>0</v>
      </c>
      <c r="AJ39" s="322">
        <v>0</v>
      </c>
      <c r="AK39" s="319">
        <v>0</v>
      </c>
      <c r="AL39" s="321">
        <v>0</v>
      </c>
      <c r="AM39" s="322">
        <v>-139</v>
      </c>
      <c r="AN39" s="322">
        <v>6</v>
      </c>
      <c r="AO39" s="322">
        <v>14</v>
      </c>
      <c r="AP39" s="322">
        <v>12</v>
      </c>
      <c r="AQ39" s="322">
        <v>0</v>
      </c>
      <c r="AR39" s="319">
        <v>-107</v>
      </c>
      <c r="AS39" s="324">
        <v>-107</v>
      </c>
      <c r="AT39" s="318">
        <v>0</v>
      </c>
      <c r="AU39" s="322">
        <v>0</v>
      </c>
      <c r="AV39" s="319">
        <v>0</v>
      </c>
      <c r="AW39" s="321">
        <v>0</v>
      </c>
      <c r="AX39" s="322">
        <v>47</v>
      </c>
      <c r="AY39" s="322">
        <v>31</v>
      </c>
      <c r="AZ39" s="322">
        <v>32</v>
      </c>
      <c r="BA39" s="322">
        <v>24</v>
      </c>
      <c r="BB39" s="322">
        <v>13</v>
      </c>
      <c r="BC39" s="323">
        <v>147</v>
      </c>
      <c r="BD39" s="324">
        <v>147</v>
      </c>
      <c r="BE39" s="318">
        <v>0</v>
      </c>
      <c r="BF39" s="322">
        <v>0</v>
      </c>
      <c r="BG39" s="319">
        <v>0</v>
      </c>
      <c r="BH39" s="321">
        <v>0</v>
      </c>
      <c r="BI39" s="322">
        <v>50</v>
      </c>
      <c r="BJ39" s="322">
        <v>24</v>
      </c>
      <c r="BK39" s="322">
        <v>14</v>
      </c>
      <c r="BL39" s="322">
        <v>26</v>
      </c>
      <c r="BM39" s="322">
        <v>0</v>
      </c>
      <c r="BN39" s="319">
        <v>114</v>
      </c>
      <c r="BO39" s="324">
        <v>114</v>
      </c>
      <c r="BP39" s="318">
        <v>0</v>
      </c>
      <c r="BQ39" s="322">
        <v>0</v>
      </c>
      <c r="BR39" s="319">
        <v>0</v>
      </c>
      <c r="BS39" s="321">
        <v>0</v>
      </c>
      <c r="BT39" s="322">
        <v>4</v>
      </c>
      <c r="BU39" s="322">
        <v>9</v>
      </c>
      <c r="BV39" s="322">
        <v>15</v>
      </c>
      <c r="BW39" s="322">
        <v>0</v>
      </c>
      <c r="BX39" s="322">
        <v>4</v>
      </c>
      <c r="BY39" s="319">
        <v>32</v>
      </c>
      <c r="BZ39" s="324">
        <v>32</v>
      </c>
      <c r="CA39" s="318">
        <v>0</v>
      </c>
      <c r="CB39" s="322">
        <v>0</v>
      </c>
      <c r="CC39" s="319">
        <v>0</v>
      </c>
      <c r="CD39" s="321">
        <v>0</v>
      </c>
      <c r="CE39" s="322">
        <v>4</v>
      </c>
      <c r="CF39" s="322">
        <v>0</v>
      </c>
      <c r="CG39" s="322">
        <v>9</v>
      </c>
      <c r="CH39" s="322">
        <v>13</v>
      </c>
      <c r="CI39" s="322">
        <v>0</v>
      </c>
      <c r="CJ39" s="319">
        <v>26</v>
      </c>
      <c r="CK39" s="324">
        <v>26</v>
      </c>
      <c r="CL39" s="318">
        <v>0</v>
      </c>
      <c r="CM39" s="322">
        <v>0</v>
      </c>
      <c r="CN39" s="319">
        <v>0</v>
      </c>
      <c r="CO39" s="321">
        <v>0</v>
      </c>
      <c r="CP39" s="322">
        <v>0</v>
      </c>
      <c r="CQ39" s="322">
        <v>0</v>
      </c>
      <c r="CR39" s="322">
        <v>0</v>
      </c>
      <c r="CS39" s="322">
        <v>0</v>
      </c>
      <c r="CT39" s="322">
        <v>0</v>
      </c>
      <c r="CU39" s="319">
        <v>0</v>
      </c>
      <c r="CV39" s="324">
        <v>0</v>
      </c>
      <c r="CW39" s="318">
        <v>0</v>
      </c>
      <c r="CX39" s="322">
        <v>0</v>
      </c>
      <c r="CY39" s="319">
        <v>0</v>
      </c>
      <c r="CZ39" s="321">
        <v>0</v>
      </c>
      <c r="DA39" s="322">
        <v>0</v>
      </c>
      <c r="DB39" s="322">
        <v>0</v>
      </c>
      <c r="DC39" s="322">
        <v>0</v>
      </c>
      <c r="DD39" s="322">
        <v>0</v>
      </c>
      <c r="DE39" s="322">
        <v>0</v>
      </c>
      <c r="DF39" s="319">
        <v>0</v>
      </c>
      <c r="DG39" s="324">
        <v>0</v>
      </c>
    </row>
    <row r="40" spans="1:111" ht="27" customHeight="1" x14ac:dyDescent="0.2">
      <c r="B40" s="290" t="s">
        <v>127</v>
      </c>
    </row>
  </sheetData>
  <mergeCells count="43">
    <mergeCell ref="CW3:DG3"/>
    <mergeCell ref="CW4:CY4"/>
    <mergeCell ref="CZ4:DF4"/>
    <mergeCell ref="DG4:DG5"/>
    <mergeCell ref="A3:A5"/>
    <mergeCell ref="B3:L3"/>
    <mergeCell ref="B4:D4"/>
    <mergeCell ref="E4:K4"/>
    <mergeCell ref="L4:L5"/>
    <mergeCell ref="BD4:BD5"/>
    <mergeCell ref="M4:O4"/>
    <mergeCell ref="P4:V4"/>
    <mergeCell ref="W4:W5"/>
    <mergeCell ref="X4:Z4"/>
    <mergeCell ref="AA4:AG4"/>
    <mergeCell ref="AH4:AH5"/>
    <mergeCell ref="AI4:AK4"/>
    <mergeCell ref="AL4:AR4"/>
    <mergeCell ref="AS4:AS5"/>
    <mergeCell ref="AT4:AV4"/>
    <mergeCell ref="AW4:BC4"/>
    <mergeCell ref="CV4:CV5"/>
    <mergeCell ref="BE4:BG4"/>
    <mergeCell ref="BH4:BN4"/>
    <mergeCell ref="BO4:BO5"/>
    <mergeCell ref="BP4:BR4"/>
    <mergeCell ref="BS4:BY4"/>
    <mergeCell ref="BZ4:BZ5"/>
    <mergeCell ref="CA4:CC4"/>
    <mergeCell ref="CD4:CJ4"/>
    <mergeCell ref="CK4:CK5"/>
    <mergeCell ref="CL4:CN4"/>
    <mergeCell ref="CO4:CU4"/>
    <mergeCell ref="I1:J1"/>
    <mergeCell ref="L1:M1"/>
    <mergeCell ref="CA3:CK3"/>
    <mergeCell ref="CL3:CV3"/>
    <mergeCell ref="M3:W3"/>
    <mergeCell ref="X3:AH3"/>
    <mergeCell ref="AI3:AS3"/>
    <mergeCell ref="AT3:BD3"/>
    <mergeCell ref="BE3:BO3"/>
    <mergeCell ref="BP3:BZ3"/>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3" max="39" man="1"/>
    <brk id="45" max="39" man="1"/>
    <brk id="67" max="1048575" man="1"/>
    <brk id="89"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22-06-17T06:14:11Z</cp:lastPrinted>
  <dcterms:created xsi:type="dcterms:W3CDTF">2008-02-08T04:23:07Z</dcterms:created>
  <dcterms:modified xsi:type="dcterms:W3CDTF">2022-06-20T04:05:46Z</dcterms:modified>
</cp:coreProperties>
</file>